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介護保険事業状況報告\02_月報HP\R4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L$41</definedName>
    <definedName name="_xlnm.Print_Area" localSheetId="2">'第２-2表'!$A$1:$KL$41</definedName>
    <definedName name="_xlnm.Print_Area" localSheetId="3">'第２-3表'!$A$1:$KL$41</definedName>
    <definedName name="_xlnm.Print_Area" localSheetId="8">'第3-3-1表'!$A$1:$CV$40</definedName>
    <definedName name="_xlnm.Print_Area" localSheetId="9">'第3-3-2表'!$A$1:$CV$40</definedName>
    <definedName name="_xlnm.Print_Area" localSheetId="10">'第3-3-3表 '!$A$1:$CV$40</definedName>
    <definedName name="_xlnm.Print_Titles" localSheetId="1">'第２-1表'!$A:$A,'第２-1表'!$1:$2</definedName>
    <definedName name="_xlnm.Print_Titles" localSheetId="2">'第２-2表'!$A:$A,'第２-2表'!$1:$2</definedName>
    <definedName name="_xlnm.Print_Titles" localSheetId="3">'第２-3表'!$A:$A,'第２-3表'!$1:$2</definedName>
    <definedName name="_xlnm.Print_Titles" localSheetId="4">'第３-1表'!$A:$A</definedName>
    <definedName name="_xlnm.Print_Titles" localSheetId="5">'第３-2-1表'!$A:$A,'第３-2-1表'!$1:$2</definedName>
    <definedName name="_xlnm.Print_Titles" localSheetId="6">'第３-2-2表'!$A:$A,'第３-2-2表'!$1:$2</definedName>
    <definedName name="_xlnm.Print_Titles" localSheetId="7">'第３-2-3表 '!$A:$A,'第３-2-3表 '!$1:$2</definedName>
    <definedName name="_xlnm.Print_Titles" localSheetId="11">'第４-1表'!$A:$A</definedName>
    <definedName name="_xlnm.Print_Titles" localSheetId="18">'第5-1表'!$A:$A</definedName>
    <definedName name="_xlnm.Print_Titles" localSheetId="19">'第5-2表'!$A:$A</definedName>
    <definedName name="_xlnm.Print_Titles" localSheetId="20">'第5-3表'!$A:$A</definedName>
    <definedName name="_xlnm.Print_Titles" localSheetId="21">'第６-1表'!$A:$A</definedName>
    <definedName name="_xlnm.Print_Titles" localSheetId="22">'第６-2表'!$A:$A</definedName>
    <definedName name="_xlnm.Print_Titles" localSheetId="23">'第６-3表 '!$A:$A</definedName>
    <definedName name="_xlnm.Print_Titles" localSheetId="24">第7表!$A:$A</definedName>
  </definedNames>
  <calcPr calcId="152511"/>
</workbook>
</file>

<file path=xl/calcChain.xml><?xml version="1.0" encoding="utf-8"?>
<calcChain xmlns="http://schemas.openxmlformats.org/spreadsheetml/2006/main">
  <c r="E1" i="33" l="1"/>
  <c r="F1" i="33" s="1"/>
  <c r="D1" i="33"/>
  <c r="E1" i="25" l="1"/>
  <c r="F1" i="25" s="1"/>
  <c r="D1" i="25"/>
  <c r="E1" i="34" l="1"/>
  <c r="F1" i="34" s="1"/>
  <c r="D1" i="34"/>
  <c r="I1" i="32" l="1"/>
  <c r="J1" i="32" s="1"/>
  <c r="G1" i="32"/>
  <c r="J1" i="31"/>
  <c r="K1" i="31" s="1"/>
  <c r="H1" i="31"/>
  <c r="K1" i="30"/>
  <c r="L1" i="30" s="1"/>
  <c r="I1" i="30"/>
  <c r="J1" i="29"/>
  <c r="K1" i="29" s="1"/>
  <c r="H1" i="29"/>
  <c r="G1" i="28"/>
  <c r="H1" i="28" s="1"/>
  <c r="E1" i="28"/>
  <c r="D1" i="26" l="1"/>
  <c r="F1" i="6"/>
  <c r="D1" i="5"/>
  <c r="G1" i="24"/>
  <c r="G1" i="14"/>
  <c r="H1" i="23"/>
  <c r="H1" i="13"/>
  <c r="G1" i="4"/>
  <c r="I1" i="22"/>
  <c r="I1" i="11"/>
  <c r="H1" i="21"/>
  <c r="H1" i="10"/>
  <c r="F1" i="9"/>
  <c r="E1" i="19"/>
  <c r="E1" i="8"/>
  <c r="E1" i="26" l="1"/>
  <c r="G1" i="6"/>
  <c r="E1" i="5"/>
  <c r="I1" i="24"/>
  <c r="I1" i="14"/>
  <c r="J1" i="23"/>
  <c r="J1" i="13"/>
  <c r="I1" i="4"/>
  <c r="K1" i="22"/>
  <c r="K1" i="11"/>
  <c r="J1" i="21"/>
  <c r="J1" i="10"/>
  <c r="H1" i="9"/>
  <c r="G1" i="19"/>
  <c r="G1" i="8"/>
  <c r="I1" i="9" l="1"/>
  <c r="F1" i="26"/>
  <c r="J1" i="24"/>
  <c r="K1" i="23"/>
  <c r="L1" i="22"/>
  <c r="K1" i="21"/>
  <c r="H1" i="19"/>
  <c r="F1" i="18"/>
  <c r="J1" i="14"/>
  <c r="K1" i="13"/>
  <c r="L1" i="11"/>
  <c r="K1" i="10"/>
  <c r="H1" i="6"/>
  <c r="F1" i="5"/>
  <c r="J1" i="4"/>
  <c r="H1" i="8"/>
  <c r="H4" i="1"/>
</calcChain>
</file>

<file path=xl/sharedStrings.xml><?xml version="1.0" encoding="utf-8"?>
<sst xmlns="http://schemas.openxmlformats.org/spreadsheetml/2006/main" count="5575" uniqueCount="165">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要支援２</t>
    <phoneticPr fontId="4"/>
  </si>
  <si>
    <t xml:space="preserve">要介護（要支援）認定者数（人） </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6">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3" fontId="8"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0" fontId="0" fillId="0" borderId="3" xfId="0" applyBorder="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0" fontId="0" fillId="0" borderId="7" xfId="0"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6" fontId="8" fillId="0" borderId="0" xfId="0" applyNumberFormat="1" applyFont="1" applyBorder="1" applyAlignment="1">
      <alignment horizontal="right"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182" fontId="3" fillId="0" borderId="0" xfId="0" applyNumberFormat="1" applyFont="1" applyBorder="1" applyAlignment="1">
      <alignment horizontal="left"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x14ac:dyDescent="0.2">
      <c r="B1" s="2"/>
      <c r="C1" s="2"/>
      <c r="D1" s="2"/>
      <c r="E1" s="501" t="s">
        <v>0</v>
      </c>
      <c r="F1" s="501"/>
      <c r="G1" s="501"/>
      <c r="H1" s="501"/>
      <c r="I1" s="2"/>
      <c r="J1" s="2"/>
      <c r="K1" s="2"/>
      <c r="L1" s="2"/>
    </row>
    <row r="2" spans="1:13" ht="13.5" customHeight="1" x14ac:dyDescent="0.2">
      <c r="A2" s="2"/>
      <c r="B2" s="2"/>
      <c r="C2" s="2"/>
      <c r="D2" s="2"/>
      <c r="E2" s="2"/>
      <c r="F2" s="367">
        <v>4</v>
      </c>
      <c r="G2" s="246">
        <v>6</v>
      </c>
      <c r="H2" s="2"/>
      <c r="I2" s="2"/>
      <c r="J2" s="2"/>
      <c r="K2" s="2"/>
      <c r="L2" s="2"/>
      <c r="M2" s="2"/>
    </row>
    <row r="3" spans="1:13" ht="26.25" customHeight="1" x14ac:dyDescent="0.2"/>
    <row r="4" spans="1:13" ht="20.25" customHeight="1" x14ac:dyDescent="0.2">
      <c r="D4" s="3"/>
      <c r="E4" s="4" t="s">
        <v>1</v>
      </c>
      <c r="F4" s="3"/>
      <c r="H4" s="254">
        <f>G2</f>
        <v>6</v>
      </c>
    </row>
    <row r="5" spans="1:13" ht="10.5" customHeight="1" thickBot="1" x14ac:dyDescent="0.25">
      <c r="E5" s="5"/>
    </row>
    <row r="6" spans="1:13" ht="17.25" customHeight="1" x14ac:dyDescent="0.2">
      <c r="E6" s="343"/>
      <c r="F6" s="502" t="s">
        <v>2</v>
      </c>
      <c r="G6" s="503"/>
      <c r="H6" s="503"/>
      <c r="I6" s="504"/>
    </row>
    <row r="7" spans="1:13" ht="17.25" customHeight="1" x14ac:dyDescent="0.2">
      <c r="E7" s="7"/>
      <c r="F7" s="8"/>
      <c r="G7" s="9" t="s">
        <v>3</v>
      </c>
      <c r="H7" s="346" t="s">
        <v>150</v>
      </c>
      <c r="I7" s="347" t="s">
        <v>149</v>
      </c>
    </row>
    <row r="8" spans="1:13" ht="16.5" customHeight="1" x14ac:dyDescent="0.2">
      <c r="E8" s="344" t="s">
        <v>4</v>
      </c>
      <c r="F8" s="374">
        <v>2339284</v>
      </c>
      <c r="G8" s="374">
        <v>1088674</v>
      </c>
      <c r="H8" s="374">
        <v>862949</v>
      </c>
      <c r="I8" s="375">
        <v>387661</v>
      </c>
    </row>
    <row r="9" spans="1:13" ht="16.5" customHeight="1" x14ac:dyDescent="0.2">
      <c r="E9" s="10" t="s">
        <v>5</v>
      </c>
      <c r="F9" s="376">
        <v>932767</v>
      </c>
      <c r="G9" s="376">
        <v>431462</v>
      </c>
      <c r="H9" s="376">
        <v>340399</v>
      </c>
      <c r="I9" s="377">
        <v>160906</v>
      </c>
    </row>
    <row r="10" spans="1:13" ht="16.5" customHeight="1" x14ac:dyDescent="0.2">
      <c r="E10" s="10" t="s">
        <v>6</v>
      </c>
      <c r="F10" s="376">
        <v>306805</v>
      </c>
      <c r="G10" s="376">
        <v>147680</v>
      </c>
      <c r="H10" s="376">
        <v>108143</v>
      </c>
      <c r="I10" s="377">
        <v>50982</v>
      </c>
    </row>
    <row r="11" spans="1:13" ht="16.5" customHeight="1" x14ac:dyDescent="0.2">
      <c r="E11" s="10" t="s">
        <v>14</v>
      </c>
      <c r="F11" s="376">
        <v>187971</v>
      </c>
      <c r="G11" s="376">
        <v>89102</v>
      </c>
      <c r="H11" s="376">
        <v>71610</v>
      </c>
      <c r="I11" s="377">
        <v>27259</v>
      </c>
    </row>
    <row r="12" spans="1:13" ht="16.5" customHeight="1" x14ac:dyDescent="0.2">
      <c r="E12" s="10" t="s">
        <v>7</v>
      </c>
      <c r="F12" s="376">
        <v>125918</v>
      </c>
      <c r="G12" s="376">
        <v>55969</v>
      </c>
      <c r="H12" s="376">
        <v>48100</v>
      </c>
      <c r="I12" s="377">
        <v>21849</v>
      </c>
    </row>
    <row r="13" spans="1:13" ht="16.5" customHeight="1" x14ac:dyDescent="0.2">
      <c r="E13" s="10" t="s">
        <v>8</v>
      </c>
      <c r="F13" s="376">
        <v>73143</v>
      </c>
      <c r="G13" s="376">
        <v>34781</v>
      </c>
      <c r="H13" s="376">
        <v>26906</v>
      </c>
      <c r="I13" s="377">
        <v>11456</v>
      </c>
    </row>
    <row r="14" spans="1:13" ht="16.5" customHeight="1" x14ac:dyDescent="0.2">
      <c r="E14" s="10" t="s">
        <v>9</v>
      </c>
      <c r="F14" s="376">
        <v>53810</v>
      </c>
      <c r="G14" s="376">
        <v>21790</v>
      </c>
      <c r="H14" s="376">
        <v>20409</v>
      </c>
      <c r="I14" s="377">
        <v>11611</v>
      </c>
    </row>
    <row r="15" spans="1:13" ht="16.5" customHeight="1" x14ac:dyDescent="0.2">
      <c r="E15" s="10" t="s">
        <v>10</v>
      </c>
      <c r="F15" s="376">
        <v>108114</v>
      </c>
      <c r="G15" s="376">
        <v>49278</v>
      </c>
      <c r="H15" s="376">
        <v>40228</v>
      </c>
      <c r="I15" s="377">
        <v>18608</v>
      </c>
    </row>
    <row r="16" spans="1:13" ht="16.5" customHeight="1" x14ac:dyDescent="0.2">
      <c r="E16" s="10" t="s">
        <v>11</v>
      </c>
      <c r="F16" s="376">
        <v>57356</v>
      </c>
      <c r="G16" s="376">
        <v>26785</v>
      </c>
      <c r="H16" s="376">
        <v>20730</v>
      </c>
      <c r="I16" s="377">
        <v>9841</v>
      </c>
    </row>
    <row r="17" spans="5:13" ht="16.5" customHeight="1" x14ac:dyDescent="0.2">
      <c r="E17" s="10" t="s">
        <v>12</v>
      </c>
      <c r="F17" s="376">
        <v>65363</v>
      </c>
      <c r="G17" s="376">
        <v>29742</v>
      </c>
      <c r="H17" s="376">
        <v>24440</v>
      </c>
      <c r="I17" s="377">
        <v>11181</v>
      </c>
    </row>
    <row r="18" spans="5:13" ht="16.5" customHeight="1" x14ac:dyDescent="0.2">
      <c r="E18" s="10" t="s">
        <v>13</v>
      </c>
      <c r="F18" s="376">
        <v>18646</v>
      </c>
      <c r="G18" s="376">
        <v>7528</v>
      </c>
      <c r="H18" s="376">
        <v>7120</v>
      </c>
      <c r="I18" s="377">
        <v>3998</v>
      </c>
      <c r="M18" s="1" t="s">
        <v>87</v>
      </c>
    </row>
    <row r="19" spans="5:13" ht="16.5" customHeight="1" x14ac:dyDescent="0.2">
      <c r="E19" s="10" t="s">
        <v>15</v>
      </c>
      <c r="F19" s="376">
        <v>16309</v>
      </c>
      <c r="G19" s="376">
        <v>7594</v>
      </c>
      <c r="H19" s="376">
        <v>5904</v>
      </c>
      <c r="I19" s="377">
        <v>2811</v>
      </c>
    </row>
    <row r="20" spans="5:13" ht="16.5" customHeight="1" x14ac:dyDescent="0.2">
      <c r="E20" s="10" t="s">
        <v>16</v>
      </c>
      <c r="F20" s="376">
        <v>49335</v>
      </c>
      <c r="G20" s="376">
        <v>24617</v>
      </c>
      <c r="H20" s="376">
        <v>17883</v>
      </c>
      <c r="I20" s="377">
        <v>6835</v>
      </c>
    </row>
    <row r="21" spans="5:13" ht="16.5" customHeight="1" x14ac:dyDescent="0.2">
      <c r="E21" s="10" t="s">
        <v>17</v>
      </c>
      <c r="F21" s="376">
        <v>58504</v>
      </c>
      <c r="G21" s="376">
        <v>28908</v>
      </c>
      <c r="H21" s="376">
        <v>21925</v>
      </c>
      <c r="I21" s="377">
        <v>7671</v>
      </c>
    </row>
    <row r="22" spans="5:13" ht="16.5" customHeight="1" x14ac:dyDescent="0.2">
      <c r="E22" s="10" t="s">
        <v>18</v>
      </c>
      <c r="F22" s="376">
        <v>58012</v>
      </c>
      <c r="G22" s="376">
        <v>27031</v>
      </c>
      <c r="H22" s="376">
        <v>22416</v>
      </c>
      <c r="I22" s="377">
        <v>8565</v>
      </c>
    </row>
    <row r="23" spans="5:13" ht="16.5" customHeight="1" x14ac:dyDescent="0.2">
      <c r="E23" s="10" t="s">
        <v>19</v>
      </c>
      <c r="F23" s="376">
        <v>26637</v>
      </c>
      <c r="G23" s="376">
        <v>12596</v>
      </c>
      <c r="H23" s="376">
        <v>10071</v>
      </c>
      <c r="I23" s="377">
        <v>3970</v>
      </c>
    </row>
    <row r="24" spans="5:13" ht="16.5" customHeight="1" x14ac:dyDescent="0.2">
      <c r="E24" s="10" t="s">
        <v>20</v>
      </c>
      <c r="F24" s="376">
        <v>33934</v>
      </c>
      <c r="G24" s="376">
        <v>16423</v>
      </c>
      <c r="H24" s="376">
        <v>12918</v>
      </c>
      <c r="I24" s="377">
        <v>4593</v>
      </c>
    </row>
    <row r="25" spans="5:13" ht="16.5" customHeight="1" x14ac:dyDescent="0.2">
      <c r="E25" s="10" t="s">
        <v>21</v>
      </c>
      <c r="F25" s="376">
        <v>34208</v>
      </c>
      <c r="G25" s="376">
        <v>16315</v>
      </c>
      <c r="H25" s="376">
        <v>13049</v>
      </c>
      <c r="I25" s="377">
        <v>4844</v>
      </c>
    </row>
    <row r="26" spans="5:13" ht="16.5" customHeight="1" x14ac:dyDescent="0.2">
      <c r="E26" s="10" t="s">
        <v>22</v>
      </c>
      <c r="F26" s="376">
        <v>13636</v>
      </c>
      <c r="G26" s="376">
        <v>6100</v>
      </c>
      <c r="H26" s="376">
        <v>5228</v>
      </c>
      <c r="I26" s="377">
        <v>2308</v>
      </c>
    </row>
    <row r="27" spans="5:13" ht="16.5" customHeight="1" x14ac:dyDescent="0.2">
      <c r="E27" s="10" t="s">
        <v>23</v>
      </c>
      <c r="F27" s="376">
        <v>23009</v>
      </c>
      <c r="G27" s="376">
        <v>10448</v>
      </c>
      <c r="H27" s="376">
        <v>9565</v>
      </c>
      <c r="I27" s="377">
        <v>2996</v>
      </c>
    </row>
    <row r="28" spans="5:13" ht="16.5" customHeight="1" x14ac:dyDescent="0.2">
      <c r="E28" s="10" t="s">
        <v>24</v>
      </c>
      <c r="F28" s="376">
        <v>10256</v>
      </c>
      <c r="G28" s="376">
        <v>4234</v>
      </c>
      <c r="H28" s="376">
        <v>4012</v>
      </c>
      <c r="I28" s="377">
        <v>2010</v>
      </c>
    </row>
    <row r="29" spans="5:13" ht="16.5" customHeight="1" x14ac:dyDescent="0.2">
      <c r="E29" s="10" t="s">
        <v>25</v>
      </c>
      <c r="F29" s="376">
        <v>13444</v>
      </c>
      <c r="G29" s="376">
        <v>6587</v>
      </c>
      <c r="H29" s="376">
        <v>5098</v>
      </c>
      <c r="I29" s="377">
        <v>1759</v>
      </c>
    </row>
    <row r="30" spans="5:13" ht="16.5" customHeight="1" x14ac:dyDescent="0.2">
      <c r="E30" s="10" t="s">
        <v>26</v>
      </c>
      <c r="F30" s="376">
        <v>11167</v>
      </c>
      <c r="G30" s="376">
        <v>5063</v>
      </c>
      <c r="H30" s="376">
        <v>4232</v>
      </c>
      <c r="I30" s="377">
        <v>1872</v>
      </c>
    </row>
    <row r="31" spans="5:13" ht="16.5" customHeight="1" x14ac:dyDescent="0.2">
      <c r="E31" s="10" t="s">
        <v>27</v>
      </c>
      <c r="F31" s="376">
        <v>9875</v>
      </c>
      <c r="G31" s="376">
        <v>4218</v>
      </c>
      <c r="H31" s="376">
        <v>3842</v>
      </c>
      <c r="I31" s="377">
        <v>1815</v>
      </c>
    </row>
    <row r="32" spans="5:13" ht="16.5" customHeight="1" x14ac:dyDescent="0.2">
      <c r="E32" s="10" t="s">
        <v>28</v>
      </c>
      <c r="F32" s="376">
        <v>3225</v>
      </c>
      <c r="G32" s="376">
        <v>1607</v>
      </c>
      <c r="H32" s="376">
        <v>1189</v>
      </c>
      <c r="I32" s="377">
        <v>429</v>
      </c>
    </row>
    <row r="33" spans="5:9" ht="16.5" customHeight="1" x14ac:dyDescent="0.2">
      <c r="E33" s="10" t="s">
        <v>29</v>
      </c>
      <c r="F33" s="376">
        <v>4985</v>
      </c>
      <c r="G33" s="376">
        <v>2377</v>
      </c>
      <c r="H33" s="376">
        <v>1891</v>
      </c>
      <c r="I33" s="377">
        <v>717</v>
      </c>
    </row>
    <row r="34" spans="5:9" ht="16.5" customHeight="1" x14ac:dyDescent="0.2">
      <c r="E34" s="10" t="s">
        <v>30</v>
      </c>
      <c r="F34" s="376">
        <v>3736</v>
      </c>
      <c r="G34" s="376">
        <v>1705</v>
      </c>
      <c r="H34" s="376">
        <v>1346</v>
      </c>
      <c r="I34" s="377">
        <v>685</v>
      </c>
    </row>
    <row r="35" spans="5:9" ht="16.5" customHeight="1" x14ac:dyDescent="0.2">
      <c r="E35" s="10" t="s">
        <v>31</v>
      </c>
      <c r="F35" s="376">
        <v>4031</v>
      </c>
      <c r="G35" s="376">
        <v>1984</v>
      </c>
      <c r="H35" s="376">
        <v>1282</v>
      </c>
      <c r="I35" s="377">
        <v>765</v>
      </c>
    </row>
    <row r="36" spans="5:9" ht="16.5" customHeight="1" x14ac:dyDescent="0.2">
      <c r="E36" s="10" t="s">
        <v>32</v>
      </c>
      <c r="F36" s="376">
        <v>4568</v>
      </c>
      <c r="G36" s="376">
        <v>2108</v>
      </c>
      <c r="H36" s="376">
        <v>1727</v>
      </c>
      <c r="I36" s="377">
        <v>733</v>
      </c>
    </row>
    <row r="37" spans="5:9" ht="16.5" customHeight="1" x14ac:dyDescent="0.2">
      <c r="E37" s="10" t="s">
        <v>33</v>
      </c>
      <c r="F37" s="376">
        <v>4152</v>
      </c>
      <c r="G37" s="376">
        <v>1916</v>
      </c>
      <c r="H37" s="376">
        <v>1540</v>
      </c>
      <c r="I37" s="377">
        <v>696</v>
      </c>
    </row>
    <row r="38" spans="5:9" ht="16.5" customHeight="1" x14ac:dyDescent="0.2">
      <c r="E38" s="10" t="s">
        <v>34</v>
      </c>
      <c r="F38" s="376">
        <v>3037</v>
      </c>
      <c r="G38" s="376">
        <v>1367</v>
      </c>
      <c r="H38" s="376">
        <v>1148</v>
      </c>
      <c r="I38" s="377">
        <v>522</v>
      </c>
    </row>
    <row r="39" spans="5:9" ht="16.5" customHeight="1" x14ac:dyDescent="0.2">
      <c r="E39" s="10" t="s">
        <v>35</v>
      </c>
      <c r="F39" s="376">
        <v>9922</v>
      </c>
      <c r="G39" s="376">
        <v>4382</v>
      </c>
      <c r="H39" s="376">
        <v>3790</v>
      </c>
      <c r="I39" s="377">
        <v>1750</v>
      </c>
    </row>
    <row r="40" spans="5:9" ht="16.5" customHeight="1" x14ac:dyDescent="0.2">
      <c r="E40" s="10" t="s">
        <v>36</v>
      </c>
      <c r="F40" s="376">
        <v>12337</v>
      </c>
      <c r="G40" s="376">
        <v>6403</v>
      </c>
      <c r="H40" s="376">
        <v>4458</v>
      </c>
      <c r="I40" s="377">
        <v>1476</v>
      </c>
    </row>
    <row r="41" spans="5:9" ht="16.5" customHeight="1" thickBot="1" x14ac:dyDescent="0.25">
      <c r="E41" s="11" t="s">
        <v>37</v>
      </c>
      <c r="F41" s="378">
        <v>1072</v>
      </c>
      <c r="G41" s="378">
        <v>574</v>
      </c>
      <c r="H41" s="378">
        <v>350</v>
      </c>
      <c r="I41" s="379">
        <v>148</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56"/>
    <col min="5" max="5" width="7.77734375" style="256" customWidth="1"/>
    <col min="6" max="6" width="9" style="256"/>
    <col min="7" max="7" width="10.6640625" style="256" customWidth="1"/>
    <col min="8" max="15" width="9" style="256"/>
    <col min="16" max="16" width="7.88671875" style="256" customWidth="1"/>
    <col min="17" max="26" width="9" style="256"/>
    <col min="27" max="27" width="7.77734375" style="256" customWidth="1"/>
    <col min="28" max="37" width="9" style="256"/>
    <col min="38" max="38" width="6.77734375" style="256" customWidth="1"/>
    <col min="39" max="48" width="9" style="256"/>
    <col min="49" max="49" width="7.77734375" style="256" customWidth="1"/>
    <col min="50" max="59" width="9" style="256"/>
    <col min="60" max="60" width="7.44140625" style="256" customWidth="1"/>
    <col min="61" max="70" width="9" style="256"/>
    <col min="71" max="71" width="7.33203125" style="256" customWidth="1"/>
    <col min="72" max="81" width="9" style="256"/>
    <col min="82" max="82" width="7.44140625" style="256" customWidth="1"/>
    <col min="83" max="92" width="9" style="256"/>
    <col min="93" max="93" width="7.6640625" style="256" customWidth="1"/>
    <col min="94" max="16384" width="9" style="256"/>
  </cols>
  <sheetData>
    <row r="1" spans="1:111" ht="20.25" customHeight="1" x14ac:dyDescent="0.2">
      <c r="A1" s="291" t="s">
        <v>123</v>
      </c>
      <c r="I1" s="528">
        <f>第１表!F2</f>
        <v>4</v>
      </c>
      <c r="J1" s="528"/>
      <c r="K1" s="248">
        <f>第１表!G2</f>
        <v>6</v>
      </c>
      <c r="L1" s="529">
        <f>IF(K1&lt;3,K1+12-2,K1-2)</f>
        <v>4</v>
      </c>
      <c r="M1" s="529"/>
    </row>
    <row r="2" spans="1:111" ht="18.75" customHeight="1" thickBot="1" x14ac:dyDescent="0.25">
      <c r="A2" s="291" t="s">
        <v>131</v>
      </c>
    </row>
    <row r="3" spans="1:111" ht="13.8" thickBot="1" x14ac:dyDescent="0.25">
      <c r="A3" s="549"/>
      <c r="B3" s="552" t="s">
        <v>112</v>
      </c>
      <c r="C3" s="552"/>
      <c r="D3" s="552"/>
      <c r="E3" s="552"/>
      <c r="F3" s="552"/>
      <c r="G3" s="552"/>
      <c r="H3" s="552"/>
      <c r="I3" s="552"/>
      <c r="J3" s="552"/>
      <c r="K3" s="552"/>
      <c r="L3" s="553"/>
      <c r="M3" s="547" t="s">
        <v>111</v>
      </c>
      <c r="N3" s="547"/>
      <c r="O3" s="547"/>
      <c r="P3" s="547"/>
      <c r="Q3" s="547"/>
      <c r="R3" s="547"/>
      <c r="S3" s="547"/>
      <c r="T3" s="547"/>
      <c r="U3" s="547"/>
      <c r="V3" s="547"/>
      <c r="W3" s="548"/>
      <c r="X3" s="546" t="s">
        <v>110</v>
      </c>
      <c r="Y3" s="547"/>
      <c r="Z3" s="547"/>
      <c r="AA3" s="547"/>
      <c r="AB3" s="547"/>
      <c r="AC3" s="547"/>
      <c r="AD3" s="547"/>
      <c r="AE3" s="547"/>
      <c r="AF3" s="547"/>
      <c r="AG3" s="547"/>
      <c r="AH3" s="548"/>
      <c r="AI3" s="546" t="s">
        <v>109</v>
      </c>
      <c r="AJ3" s="547"/>
      <c r="AK3" s="547"/>
      <c r="AL3" s="547"/>
      <c r="AM3" s="547"/>
      <c r="AN3" s="547"/>
      <c r="AO3" s="547"/>
      <c r="AP3" s="547"/>
      <c r="AQ3" s="547"/>
      <c r="AR3" s="547"/>
      <c r="AS3" s="548"/>
      <c r="AT3" s="546" t="s">
        <v>108</v>
      </c>
      <c r="AU3" s="547"/>
      <c r="AV3" s="547"/>
      <c r="AW3" s="547"/>
      <c r="AX3" s="547"/>
      <c r="AY3" s="547"/>
      <c r="AZ3" s="547"/>
      <c r="BA3" s="547"/>
      <c r="BB3" s="547"/>
      <c r="BC3" s="547"/>
      <c r="BD3" s="548"/>
      <c r="BE3" s="546" t="s">
        <v>107</v>
      </c>
      <c r="BF3" s="547"/>
      <c r="BG3" s="547"/>
      <c r="BH3" s="547"/>
      <c r="BI3" s="547"/>
      <c r="BJ3" s="547"/>
      <c r="BK3" s="547"/>
      <c r="BL3" s="547"/>
      <c r="BM3" s="547"/>
      <c r="BN3" s="547"/>
      <c r="BO3" s="548"/>
      <c r="BP3" s="546" t="s">
        <v>106</v>
      </c>
      <c r="BQ3" s="547"/>
      <c r="BR3" s="547"/>
      <c r="BS3" s="547"/>
      <c r="BT3" s="547"/>
      <c r="BU3" s="547"/>
      <c r="BV3" s="547"/>
      <c r="BW3" s="547"/>
      <c r="BX3" s="547"/>
      <c r="BY3" s="547"/>
      <c r="BZ3" s="548"/>
      <c r="CA3" s="546" t="s">
        <v>128</v>
      </c>
      <c r="CB3" s="547"/>
      <c r="CC3" s="547"/>
      <c r="CD3" s="547"/>
      <c r="CE3" s="547"/>
      <c r="CF3" s="547"/>
      <c r="CG3" s="547"/>
      <c r="CH3" s="547"/>
      <c r="CI3" s="547"/>
      <c r="CJ3" s="547"/>
      <c r="CK3" s="548"/>
      <c r="CL3" s="546" t="s">
        <v>161</v>
      </c>
      <c r="CM3" s="547"/>
      <c r="CN3" s="547"/>
      <c r="CO3" s="547"/>
      <c r="CP3" s="547"/>
      <c r="CQ3" s="547"/>
      <c r="CR3" s="547"/>
      <c r="CS3" s="547"/>
      <c r="CT3" s="547"/>
      <c r="CU3" s="547"/>
      <c r="CV3" s="548"/>
      <c r="CW3" s="546" t="s">
        <v>157</v>
      </c>
      <c r="CX3" s="547"/>
      <c r="CY3" s="547"/>
      <c r="CZ3" s="547"/>
      <c r="DA3" s="547"/>
      <c r="DB3" s="547"/>
      <c r="DC3" s="547"/>
      <c r="DD3" s="547"/>
      <c r="DE3" s="547"/>
      <c r="DF3" s="547"/>
      <c r="DG3" s="548"/>
    </row>
    <row r="4" spans="1:111" x14ac:dyDescent="0.2">
      <c r="A4" s="550"/>
      <c r="B4" s="554" t="s">
        <v>61</v>
      </c>
      <c r="C4" s="533"/>
      <c r="D4" s="534"/>
      <c r="E4" s="535" t="s">
        <v>62</v>
      </c>
      <c r="F4" s="533"/>
      <c r="G4" s="533"/>
      <c r="H4" s="533"/>
      <c r="I4" s="533"/>
      <c r="J4" s="533"/>
      <c r="K4" s="536"/>
      <c r="L4" s="530" t="s">
        <v>52</v>
      </c>
      <c r="M4" s="554" t="s">
        <v>61</v>
      </c>
      <c r="N4" s="533"/>
      <c r="O4" s="534"/>
      <c r="P4" s="535" t="s">
        <v>62</v>
      </c>
      <c r="Q4" s="533"/>
      <c r="R4" s="533"/>
      <c r="S4" s="533"/>
      <c r="T4" s="533"/>
      <c r="U4" s="533"/>
      <c r="V4" s="534"/>
      <c r="W4" s="530" t="s">
        <v>52</v>
      </c>
      <c r="X4" s="532" t="s">
        <v>61</v>
      </c>
      <c r="Y4" s="533"/>
      <c r="Z4" s="536"/>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6"/>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row>
    <row r="5" spans="1:111" ht="28.5" customHeight="1" thickBot="1" x14ac:dyDescent="0.25">
      <c r="A5" s="551"/>
      <c r="B5" s="265" t="s">
        <v>43</v>
      </c>
      <c r="C5" s="260" t="s">
        <v>44</v>
      </c>
      <c r="D5" s="383" t="s">
        <v>45</v>
      </c>
      <c r="E5" s="268" t="s">
        <v>83</v>
      </c>
      <c r="F5" s="260" t="s">
        <v>47</v>
      </c>
      <c r="G5" s="260" t="s">
        <v>48</v>
      </c>
      <c r="H5" s="260" t="s">
        <v>49</v>
      </c>
      <c r="I5" s="260" t="s">
        <v>50</v>
      </c>
      <c r="J5" s="260" t="s">
        <v>51</v>
      </c>
      <c r="K5" s="269" t="s">
        <v>45</v>
      </c>
      <c r="L5" s="531"/>
      <c r="M5" s="265" t="s">
        <v>43</v>
      </c>
      <c r="N5" s="260" t="s">
        <v>44</v>
      </c>
      <c r="O5" s="266" t="s">
        <v>45</v>
      </c>
      <c r="P5" s="268" t="s">
        <v>83</v>
      </c>
      <c r="Q5" s="260" t="s">
        <v>47</v>
      </c>
      <c r="R5" s="260" t="s">
        <v>48</v>
      </c>
      <c r="S5" s="260" t="s">
        <v>49</v>
      </c>
      <c r="T5" s="260" t="s">
        <v>50</v>
      </c>
      <c r="U5" s="260" t="s">
        <v>51</v>
      </c>
      <c r="V5" s="266" t="s">
        <v>45</v>
      </c>
      <c r="W5" s="531"/>
      <c r="X5" s="324" t="s">
        <v>43</v>
      </c>
      <c r="Y5" s="260" t="s">
        <v>44</v>
      </c>
      <c r="Z5" s="269" t="s">
        <v>45</v>
      </c>
      <c r="AA5" s="268" t="s">
        <v>83</v>
      </c>
      <c r="AB5" s="260" t="s">
        <v>47</v>
      </c>
      <c r="AC5" s="260" t="s">
        <v>48</v>
      </c>
      <c r="AD5" s="260" t="s">
        <v>49</v>
      </c>
      <c r="AE5" s="260" t="s">
        <v>50</v>
      </c>
      <c r="AF5" s="260" t="s">
        <v>51</v>
      </c>
      <c r="AG5" s="266" t="s">
        <v>45</v>
      </c>
      <c r="AH5" s="531"/>
      <c r="AI5" s="324" t="s">
        <v>43</v>
      </c>
      <c r="AJ5" s="260" t="s">
        <v>44</v>
      </c>
      <c r="AK5" s="266" t="s">
        <v>45</v>
      </c>
      <c r="AL5" s="268" t="s">
        <v>83</v>
      </c>
      <c r="AM5" s="260" t="s">
        <v>47</v>
      </c>
      <c r="AN5" s="260" t="s">
        <v>48</v>
      </c>
      <c r="AO5" s="260" t="s">
        <v>49</v>
      </c>
      <c r="AP5" s="260" t="s">
        <v>50</v>
      </c>
      <c r="AQ5" s="260" t="s">
        <v>51</v>
      </c>
      <c r="AR5" s="266" t="s">
        <v>45</v>
      </c>
      <c r="AS5" s="531"/>
      <c r="AT5" s="324" t="s">
        <v>43</v>
      </c>
      <c r="AU5" s="260" t="s">
        <v>44</v>
      </c>
      <c r="AV5" s="269" t="s">
        <v>45</v>
      </c>
      <c r="AW5" s="268" t="s">
        <v>83</v>
      </c>
      <c r="AX5" s="260" t="s">
        <v>47</v>
      </c>
      <c r="AY5" s="260" t="s">
        <v>48</v>
      </c>
      <c r="AZ5" s="260" t="s">
        <v>49</v>
      </c>
      <c r="BA5" s="260" t="s">
        <v>50</v>
      </c>
      <c r="BB5" s="260" t="s">
        <v>51</v>
      </c>
      <c r="BC5" s="269" t="s">
        <v>45</v>
      </c>
      <c r="BD5" s="531"/>
      <c r="BE5" s="324" t="s">
        <v>43</v>
      </c>
      <c r="BF5" s="260" t="s">
        <v>44</v>
      </c>
      <c r="BG5" s="266" t="s">
        <v>45</v>
      </c>
      <c r="BH5" s="268" t="s">
        <v>83</v>
      </c>
      <c r="BI5" s="260" t="s">
        <v>47</v>
      </c>
      <c r="BJ5" s="260" t="s">
        <v>48</v>
      </c>
      <c r="BK5" s="260" t="s">
        <v>49</v>
      </c>
      <c r="BL5" s="260" t="s">
        <v>50</v>
      </c>
      <c r="BM5" s="260" t="s">
        <v>51</v>
      </c>
      <c r="BN5" s="266" t="s">
        <v>45</v>
      </c>
      <c r="BO5" s="531"/>
      <c r="BP5" s="324" t="s">
        <v>43</v>
      </c>
      <c r="BQ5" s="260" t="s">
        <v>44</v>
      </c>
      <c r="BR5" s="266" t="s">
        <v>45</v>
      </c>
      <c r="BS5" s="268" t="s">
        <v>83</v>
      </c>
      <c r="BT5" s="260" t="s">
        <v>47</v>
      </c>
      <c r="BU5" s="260" t="s">
        <v>48</v>
      </c>
      <c r="BV5" s="260" t="s">
        <v>49</v>
      </c>
      <c r="BW5" s="260" t="s">
        <v>50</v>
      </c>
      <c r="BX5" s="260" t="s">
        <v>51</v>
      </c>
      <c r="BY5" s="266" t="s">
        <v>45</v>
      </c>
      <c r="BZ5" s="531"/>
      <c r="CA5" s="324" t="s">
        <v>43</v>
      </c>
      <c r="CB5" s="260" t="s">
        <v>44</v>
      </c>
      <c r="CC5" s="266" t="s">
        <v>45</v>
      </c>
      <c r="CD5" s="268" t="s">
        <v>83</v>
      </c>
      <c r="CE5" s="260" t="s">
        <v>47</v>
      </c>
      <c r="CF5" s="260" t="s">
        <v>48</v>
      </c>
      <c r="CG5" s="260" t="s">
        <v>49</v>
      </c>
      <c r="CH5" s="260" t="s">
        <v>50</v>
      </c>
      <c r="CI5" s="260" t="s">
        <v>51</v>
      </c>
      <c r="CJ5" s="266" t="s">
        <v>45</v>
      </c>
      <c r="CK5" s="531"/>
      <c r="CL5" s="324" t="s">
        <v>43</v>
      </c>
      <c r="CM5" s="260" t="s">
        <v>44</v>
      </c>
      <c r="CN5" s="266" t="s">
        <v>45</v>
      </c>
      <c r="CO5" s="268" t="s">
        <v>83</v>
      </c>
      <c r="CP5" s="260" t="s">
        <v>47</v>
      </c>
      <c r="CQ5" s="260" t="s">
        <v>48</v>
      </c>
      <c r="CR5" s="260" t="s">
        <v>49</v>
      </c>
      <c r="CS5" s="260" t="s">
        <v>50</v>
      </c>
      <c r="CT5" s="260" t="s">
        <v>51</v>
      </c>
      <c r="CU5" s="266" t="s">
        <v>45</v>
      </c>
      <c r="CV5" s="531"/>
      <c r="CW5" s="366" t="s">
        <v>43</v>
      </c>
      <c r="CX5" s="260" t="s">
        <v>44</v>
      </c>
      <c r="CY5" s="266" t="s">
        <v>45</v>
      </c>
      <c r="CZ5" s="268" t="s">
        <v>83</v>
      </c>
      <c r="DA5" s="260" t="s">
        <v>47</v>
      </c>
      <c r="DB5" s="260" t="s">
        <v>48</v>
      </c>
      <c r="DC5" s="260" t="s">
        <v>49</v>
      </c>
      <c r="DD5" s="260" t="s">
        <v>50</v>
      </c>
      <c r="DE5" s="260" t="s">
        <v>51</v>
      </c>
      <c r="DF5" s="266" t="s">
        <v>45</v>
      </c>
      <c r="DG5" s="531"/>
    </row>
    <row r="6" spans="1:111" ht="18.75" customHeight="1" x14ac:dyDescent="0.2">
      <c r="A6" s="261" t="s">
        <v>4</v>
      </c>
      <c r="B6" s="270">
        <v>0</v>
      </c>
      <c r="C6" s="274">
        <v>0</v>
      </c>
      <c r="D6" s="384">
        <v>0</v>
      </c>
      <c r="E6" s="273">
        <v>0</v>
      </c>
      <c r="F6" s="274">
        <v>13771</v>
      </c>
      <c r="G6" s="274">
        <v>19199</v>
      </c>
      <c r="H6" s="274">
        <v>20645</v>
      </c>
      <c r="I6" s="274">
        <v>22088</v>
      </c>
      <c r="J6" s="274">
        <v>19533</v>
      </c>
      <c r="K6" s="275">
        <v>95236</v>
      </c>
      <c r="L6" s="276">
        <v>95236</v>
      </c>
      <c r="M6" s="270">
        <v>1</v>
      </c>
      <c r="N6" s="274">
        <v>9</v>
      </c>
      <c r="O6" s="271">
        <v>10</v>
      </c>
      <c r="P6" s="273">
        <v>0</v>
      </c>
      <c r="Q6" s="274">
        <v>40</v>
      </c>
      <c r="R6" s="274">
        <v>97</v>
      </c>
      <c r="S6" s="274">
        <v>280</v>
      </c>
      <c r="T6" s="274">
        <v>631</v>
      </c>
      <c r="U6" s="274">
        <v>1178</v>
      </c>
      <c r="V6" s="271">
        <v>2226</v>
      </c>
      <c r="W6" s="276">
        <v>2236</v>
      </c>
      <c r="X6" s="270">
        <v>1015</v>
      </c>
      <c r="Y6" s="274">
        <v>2255</v>
      </c>
      <c r="Z6" s="271">
        <v>3270</v>
      </c>
      <c r="AA6" s="273">
        <v>0</v>
      </c>
      <c r="AB6" s="274">
        <v>8121</v>
      </c>
      <c r="AC6" s="274">
        <v>11399</v>
      </c>
      <c r="AD6" s="274">
        <v>8171</v>
      </c>
      <c r="AE6" s="274">
        <v>6451</v>
      </c>
      <c r="AF6" s="274">
        <v>4413</v>
      </c>
      <c r="AG6" s="271">
        <v>38555</v>
      </c>
      <c r="AH6" s="276">
        <v>41825</v>
      </c>
      <c r="AI6" s="270">
        <v>200</v>
      </c>
      <c r="AJ6" s="274">
        <v>596</v>
      </c>
      <c r="AK6" s="271">
        <v>796</v>
      </c>
      <c r="AL6" s="273">
        <v>0</v>
      </c>
      <c r="AM6" s="274">
        <v>791</v>
      </c>
      <c r="AN6" s="274">
        <v>1330</v>
      </c>
      <c r="AO6" s="274">
        <v>901</v>
      </c>
      <c r="AP6" s="274">
        <v>859</v>
      </c>
      <c r="AQ6" s="274">
        <v>458</v>
      </c>
      <c r="AR6" s="271">
        <v>4339</v>
      </c>
      <c r="AS6" s="276">
        <v>5135</v>
      </c>
      <c r="AT6" s="270">
        <v>0</v>
      </c>
      <c r="AU6" s="274">
        <v>0</v>
      </c>
      <c r="AV6" s="271">
        <v>0</v>
      </c>
      <c r="AW6" s="273">
        <v>0</v>
      </c>
      <c r="AX6" s="274">
        <v>12910</v>
      </c>
      <c r="AY6" s="274">
        <v>12119</v>
      </c>
      <c r="AZ6" s="274">
        <v>8405</v>
      </c>
      <c r="BA6" s="274">
        <v>3724</v>
      </c>
      <c r="BB6" s="274">
        <v>1311</v>
      </c>
      <c r="BC6" s="275">
        <v>38469</v>
      </c>
      <c r="BD6" s="276">
        <v>38469</v>
      </c>
      <c r="BE6" s="270">
        <v>0</v>
      </c>
      <c r="BF6" s="274">
        <v>0</v>
      </c>
      <c r="BG6" s="271">
        <v>0</v>
      </c>
      <c r="BH6" s="273">
        <v>0</v>
      </c>
      <c r="BI6" s="274">
        <v>2712</v>
      </c>
      <c r="BJ6" s="274">
        <v>3953</v>
      </c>
      <c r="BK6" s="274">
        <v>2356</v>
      </c>
      <c r="BL6" s="274">
        <v>1334</v>
      </c>
      <c r="BM6" s="274">
        <v>318</v>
      </c>
      <c r="BN6" s="271">
        <v>10673</v>
      </c>
      <c r="BO6" s="276">
        <v>10673</v>
      </c>
      <c r="BP6" s="270">
        <v>13</v>
      </c>
      <c r="BQ6" s="274">
        <v>90</v>
      </c>
      <c r="BR6" s="271">
        <v>103</v>
      </c>
      <c r="BS6" s="273">
        <v>0</v>
      </c>
      <c r="BT6" s="274">
        <v>1300</v>
      </c>
      <c r="BU6" s="274">
        <v>1907</v>
      </c>
      <c r="BV6" s="274">
        <v>3695</v>
      </c>
      <c r="BW6" s="274">
        <v>2933</v>
      </c>
      <c r="BX6" s="274">
        <v>938</v>
      </c>
      <c r="BY6" s="271">
        <v>10773</v>
      </c>
      <c r="BZ6" s="276">
        <v>10876</v>
      </c>
      <c r="CA6" s="270">
        <v>0</v>
      </c>
      <c r="CB6" s="274">
        <v>0</v>
      </c>
      <c r="CC6" s="271">
        <v>0</v>
      </c>
      <c r="CD6" s="273">
        <v>0</v>
      </c>
      <c r="CE6" s="274">
        <v>160</v>
      </c>
      <c r="CF6" s="274">
        <v>229</v>
      </c>
      <c r="CG6" s="274">
        <v>371</v>
      </c>
      <c r="CH6" s="274">
        <v>224</v>
      </c>
      <c r="CI6" s="274">
        <v>116</v>
      </c>
      <c r="CJ6" s="271">
        <v>1100</v>
      </c>
      <c r="CK6" s="276">
        <v>1100</v>
      </c>
      <c r="CL6" s="270">
        <v>0</v>
      </c>
      <c r="CM6" s="274">
        <v>0</v>
      </c>
      <c r="CN6" s="271">
        <v>0</v>
      </c>
      <c r="CO6" s="273">
        <v>0</v>
      </c>
      <c r="CP6" s="274">
        <v>0</v>
      </c>
      <c r="CQ6" s="274">
        <v>0</v>
      </c>
      <c r="CR6" s="274">
        <v>0</v>
      </c>
      <c r="CS6" s="274">
        <v>0</v>
      </c>
      <c r="CT6" s="274">
        <v>0</v>
      </c>
      <c r="CU6" s="271">
        <v>0</v>
      </c>
      <c r="CV6" s="276">
        <v>0</v>
      </c>
      <c r="CW6" s="270">
        <v>0</v>
      </c>
      <c r="CX6" s="274">
        <v>0</v>
      </c>
      <c r="CY6" s="271">
        <v>0</v>
      </c>
      <c r="CZ6" s="273">
        <v>0</v>
      </c>
      <c r="DA6" s="274">
        <v>0</v>
      </c>
      <c r="DB6" s="274">
        <v>0</v>
      </c>
      <c r="DC6" s="274">
        <v>0</v>
      </c>
      <c r="DD6" s="274">
        <v>0</v>
      </c>
      <c r="DE6" s="274">
        <v>0</v>
      </c>
      <c r="DF6" s="271">
        <v>0</v>
      </c>
      <c r="DG6" s="276">
        <v>0</v>
      </c>
    </row>
    <row r="7" spans="1:111" ht="18.75" customHeight="1" x14ac:dyDescent="0.2">
      <c r="A7" s="262" t="s">
        <v>5</v>
      </c>
      <c r="B7" s="277">
        <v>0</v>
      </c>
      <c r="C7" s="281">
        <v>0</v>
      </c>
      <c r="D7" s="385">
        <v>0</v>
      </c>
      <c r="E7" s="280">
        <v>0</v>
      </c>
      <c r="F7" s="281">
        <v>5104</v>
      </c>
      <c r="G7" s="281">
        <v>8355</v>
      </c>
      <c r="H7" s="281">
        <v>8125</v>
      </c>
      <c r="I7" s="281">
        <v>8254</v>
      </c>
      <c r="J7" s="281">
        <v>8219</v>
      </c>
      <c r="K7" s="282">
        <v>38057</v>
      </c>
      <c r="L7" s="283">
        <v>38057</v>
      </c>
      <c r="M7" s="277">
        <v>1</v>
      </c>
      <c r="N7" s="281">
        <v>9</v>
      </c>
      <c r="O7" s="278">
        <v>10</v>
      </c>
      <c r="P7" s="280">
        <v>0</v>
      </c>
      <c r="Q7" s="281">
        <v>15</v>
      </c>
      <c r="R7" s="281">
        <v>43</v>
      </c>
      <c r="S7" s="281">
        <v>94</v>
      </c>
      <c r="T7" s="281">
        <v>226</v>
      </c>
      <c r="U7" s="281">
        <v>570</v>
      </c>
      <c r="V7" s="278">
        <v>948</v>
      </c>
      <c r="W7" s="283">
        <v>958</v>
      </c>
      <c r="X7" s="277">
        <v>530</v>
      </c>
      <c r="Y7" s="281">
        <v>1296</v>
      </c>
      <c r="Z7" s="278">
        <v>1826</v>
      </c>
      <c r="AA7" s="280">
        <v>0</v>
      </c>
      <c r="AB7" s="281">
        <v>3185</v>
      </c>
      <c r="AC7" s="281">
        <v>6288</v>
      </c>
      <c r="AD7" s="281">
        <v>4191</v>
      </c>
      <c r="AE7" s="281">
        <v>3179</v>
      </c>
      <c r="AF7" s="281">
        <v>2120</v>
      </c>
      <c r="AG7" s="278">
        <v>18963</v>
      </c>
      <c r="AH7" s="283">
        <v>20789</v>
      </c>
      <c r="AI7" s="277">
        <v>78</v>
      </c>
      <c r="AJ7" s="281">
        <v>336</v>
      </c>
      <c r="AK7" s="278">
        <v>414</v>
      </c>
      <c r="AL7" s="280">
        <v>0</v>
      </c>
      <c r="AM7" s="281">
        <v>182</v>
      </c>
      <c r="AN7" s="281">
        <v>636</v>
      </c>
      <c r="AO7" s="281">
        <v>426</v>
      </c>
      <c r="AP7" s="281">
        <v>360</v>
      </c>
      <c r="AQ7" s="281">
        <v>194</v>
      </c>
      <c r="AR7" s="278">
        <v>1798</v>
      </c>
      <c r="AS7" s="283">
        <v>2212</v>
      </c>
      <c r="AT7" s="277">
        <v>0</v>
      </c>
      <c r="AU7" s="281">
        <v>0</v>
      </c>
      <c r="AV7" s="278">
        <v>0</v>
      </c>
      <c r="AW7" s="280">
        <v>0</v>
      </c>
      <c r="AX7" s="281">
        <v>4690</v>
      </c>
      <c r="AY7" s="281">
        <v>5248</v>
      </c>
      <c r="AZ7" s="281">
        <v>3256</v>
      </c>
      <c r="BA7" s="281">
        <v>1314</v>
      </c>
      <c r="BB7" s="281">
        <v>504</v>
      </c>
      <c r="BC7" s="282">
        <v>15012</v>
      </c>
      <c r="BD7" s="283">
        <v>15012</v>
      </c>
      <c r="BE7" s="277">
        <v>0</v>
      </c>
      <c r="BF7" s="281">
        <v>0</v>
      </c>
      <c r="BG7" s="278">
        <v>0</v>
      </c>
      <c r="BH7" s="280">
        <v>0</v>
      </c>
      <c r="BI7" s="281">
        <v>938</v>
      </c>
      <c r="BJ7" s="281">
        <v>1691</v>
      </c>
      <c r="BK7" s="281">
        <v>1130</v>
      </c>
      <c r="BL7" s="281">
        <v>526</v>
      </c>
      <c r="BM7" s="281">
        <v>138</v>
      </c>
      <c r="BN7" s="278">
        <v>4423</v>
      </c>
      <c r="BO7" s="283">
        <v>4423</v>
      </c>
      <c r="BP7" s="277">
        <v>7</v>
      </c>
      <c r="BQ7" s="281">
        <v>57</v>
      </c>
      <c r="BR7" s="278">
        <v>64</v>
      </c>
      <c r="BS7" s="280">
        <v>0</v>
      </c>
      <c r="BT7" s="281">
        <v>395</v>
      </c>
      <c r="BU7" s="281">
        <v>779</v>
      </c>
      <c r="BV7" s="281">
        <v>1697</v>
      </c>
      <c r="BW7" s="281">
        <v>1290</v>
      </c>
      <c r="BX7" s="281">
        <v>310</v>
      </c>
      <c r="BY7" s="278">
        <v>4471</v>
      </c>
      <c r="BZ7" s="283">
        <v>4535</v>
      </c>
      <c r="CA7" s="277">
        <v>0</v>
      </c>
      <c r="CB7" s="281">
        <v>0</v>
      </c>
      <c r="CC7" s="278">
        <v>0</v>
      </c>
      <c r="CD7" s="280">
        <v>0</v>
      </c>
      <c r="CE7" s="281">
        <v>101</v>
      </c>
      <c r="CF7" s="281">
        <v>118</v>
      </c>
      <c r="CG7" s="281">
        <v>249</v>
      </c>
      <c r="CH7" s="281">
        <v>151</v>
      </c>
      <c r="CI7" s="281">
        <v>68</v>
      </c>
      <c r="CJ7" s="278">
        <v>687</v>
      </c>
      <c r="CK7" s="283">
        <v>687</v>
      </c>
      <c r="CL7" s="277">
        <v>0</v>
      </c>
      <c r="CM7" s="281">
        <v>0</v>
      </c>
      <c r="CN7" s="278">
        <v>0</v>
      </c>
      <c r="CO7" s="280">
        <v>0</v>
      </c>
      <c r="CP7" s="281">
        <v>0</v>
      </c>
      <c r="CQ7" s="281">
        <v>0</v>
      </c>
      <c r="CR7" s="281">
        <v>0</v>
      </c>
      <c r="CS7" s="281">
        <v>0</v>
      </c>
      <c r="CT7" s="281">
        <v>0</v>
      </c>
      <c r="CU7" s="278">
        <v>0</v>
      </c>
      <c r="CV7" s="283">
        <v>0</v>
      </c>
      <c r="CW7" s="277">
        <v>0</v>
      </c>
      <c r="CX7" s="281">
        <v>0</v>
      </c>
      <c r="CY7" s="278">
        <v>0</v>
      </c>
      <c r="CZ7" s="280">
        <v>0</v>
      </c>
      <c r="DA7" s="281">
        <v>0</v>
      </c>
      <c r="DB7" s="281">
        <v>0</v>
      </c>
      <c r="DC7" s="281">
        <v>0</v>
      </c>
      <c r="DD7" s="281">
        <v>0</v>
      </c>
      <c r="DE7" s="281">
        <v>0</v>
      </c>
      <c r="DF7" s="278">
        <v>0</v>
      </c>
      <c r="DG7" s="283">
        <v>0</v>
      </c>
    </row>
    <row r="8" spans="1:111" ht="18.75" customHeight="1" x14ac:dyDescent="0.2">
      <c r="A8" s="262" t="s">
        <v>6</v>
      </c>
      <c r="B8" s="277">
        <v>0</v>
      </c>
      <c r="C8" s="281">
        <v>0</v>
      </c>
      <c r="D8" s="385">
        <v>0</v>
      </c>
      <c r="E8" s="280">
        <v>0</v>
      </c>
      <c r="F8" s="281">
        <v>1696</v>
      </c>
      <c r="G8" s="281">
        <v>1982</v>
      </c>
      <c r="H8" s="281">
        <v>2400</v>
      </c>
      <c r="I8" s="281">
        <v>2859</v>
      </c>
      <c r="J8" s="281">
        <v>2487</v>
      </c>
      <c r="K8" s="282">
        <v>11424</v>
      </c>
      <c r="L8" s="283">
        <v>11424</v>
      </c>
      <c r="M8" s="277">
        <v>0</v>
      </c>
      <c r="N8" s="281">
        <v>0</v>
      </c>
      <c r="O8" s="278">
        <v>0</v>
      </c>
      <c r="P8" s="280">
        <v>0</v>
      </c>
      <c r="Q8" s="281">
        <v>4</v>
      </c>
      <c r="R8" s="281">
        <v>14</v>
      </c>
      <c r="S8" s="281">
        <v>21</v>
      </c>
      <c r="T8" s="281">
        <v>69</v>
      </c>
      <c r="U8" s="281">
        <v>135</v>
      </c>
      <c r="V8" s="278">
        <v>243</v>
      </c>
      <c r="W8" s="283">
        <v>243</v>
      </c>
      <c r="X8" s="277">
        <v>140</v>
      </c>
      <c r="Y8" s="281">
        <v>283</v>
      </c>
      <c r="Z8" s="278">
        <v>423</v>
      </c>
      <c r="AA8" s="280">
        <v>0</v>
      </c>
      <c r="AB8" s="281">
        <v>1376</v>
      </c>
      <c r="AC8" s="281">
        <v>1333</v>
      </c>
      <c r="AD8" s="281">
        <v>786</v>
      </c>
      <c r="AE8" s="281">
        <v>1017</v>
      </c>
      <c r="AF8" s="281">
        <v>741</v>
      </c>
      <c r="AG8" s="278">
        <v>5253</v>
      </c>
      <c r="AH8" s="283">
        <v>5676</v>
      </c>
      <c r="AI8" s="277">
        <v>8</v>
      </c>
      <c r="AJ8" s="281">
        <v>12</v>
      </c>
      <c r="AK8" s="278">
        <v>20</v>
      </c>
      <c r="AL8" s="280">
        <v>0</v>
      </c>
      <c r="AM8" s="281">
        <v>100</v>
      </c>
      <c r="AN8" s="281">
        <v>156</v>
      </c>
      <c r="AO8" s="281">
        <v>68</v>
      </c>
      <c r="AP8" s="281">
        <v>113</v>
      </c>
      <c r="AQ8" s="281">
        <v>74</v>
      </c>
      <c r="AR8" s="278">
        <v>511</v>
      </c>
      <c r="AS8" s="283">
        <v>531</v>
      </c>
      <c r="AT8" s="277">
        <v>0</v>
      </c>
      <c r="AU8" s="281">
        <v>0</v>
      </c>
      <c r="AV8" s="278">
        <v>0</v>
      </c>
      <c r="AW8" s="280">
        <v>0</v>
      </c>
      <c r="AX8" s="281">
        <v>1728</v>
      </c>
      <c r="AY8" s="281">
        <v>1312</v>
      </c>
      <c r="AZ8" s="281">
        <v>963</v>
      </c>
      <c r="BA8" s="281">
        <v>533</v>
      </c>
      <c r="BB8" s="281">
        <v>128</v>
      </c>
      <c r="BC8" s="282">
        <v>4664</v>
      </c>
      <c r="BD8" s="283">
        <v>4664</v>
      </c>
      <c r="BE8" s="277">
        <v>0</v>
      </c>
      <c r="BF8" s="281">
        <v>0</v>
      </c>
      <c r="BG8" s="278">
        <v>0</v>
      </c>
      <c r="BH8" s="280">
        <v>0</v>
      </c>
      <c r="BI8" s="281">
        <v>354</v>
      </c>
      <c r="BJ8" s="281">
        <v>454</v>
      </c>
      <c r="BK8" s="281">
        <v>279</v>
      </c>
      <c r="BL8" s="281">
        <v>144</v>
      </c>
      <c r="BM8" s="281">
        <v>83</v>
      </c>
      <c r="BN8" s="278">
        <v>1314</v>
      </c>
      <c r="BO8" s="283">
        <v>1314</v>
      </c>
      <c r="BP8" s="277">
        <v>0</v>
      </c>
      <c r="BQ8" s="281">
        <v>9</v>
      </c>
      <c r="BR8" s="278">
        <v>9</v>
      </c>
      <c r="BS8" s="280">
        <v>0</v>
      </c>
      <c r="BT8" s="281">
        <v>178</v>
      </c>
      <c r="BU8" s="281">
        <v>190</v>
      </c>
      <c r="BV8" s="281">
        <v>178</v>
      </c>
      <c r="BW8" s="281">
        <v>220</v>
      </c>
      <c r="BX8" s="281">
        <v>214</v>
      </c>
      <c r="BY8" s="278">
        <v>980</v>
      </c>
      <c r="BZ8" s="283">
        <v>989</v>
      </c>
      <c r="CA8" s="277">
        <v>0</v>
      </c>
      <c r="CB8" s="281">
        <v>0</v>
      </c>
      <c r="CC8" s="278">
        <v>0</v>
      </c>
      <c r="CD8" s="280">
        <v>0</v>
      </c>
      <c r="CE8" s="281">
        <v>16</v>
      </c>
      <c r="CF8" s="281">
        <v>10</v>
      </c>
      <c r="CG8" s="281">
        <v>36</v>
      </c>
      <c r="CH8" s="281">
        <v>20</v>
      </c>
      <c r="CI8" s="281">
        <v>22</v>
      </c>
      <c r="CJ8" s="278">
        <v>104</v>
      </c>
      <c r="CK8" s="283">
        <v>104</v>
      </c>
      <c r="CL8" s="277">
        <v>0</v>
      </c>
      <c r="CM8" s="281">
        <v>0</v>
      </c>
      <c r="CN8" s="278">
        <v>0</v>
      </c>
      <c r="CO8" s="280">
        <v>0</v>
      </c>
      <c r="CP8" s="281">
        <v>0</v>
      </c>
      <c r="CQ8" s="281">
        <v>0</v>
      </c>
      <c r="CR8" s="281">
        <v>0</v>
      </c>
      <c r="CS8" s="281">
        <v>0</v>
      </c>
      <c r="CT8" s="281">
        <v>0</v>
      </c>
      <c r="CU8" s="278">
        <v>0</v>
      </c>
      <c r="CV8" s="283">
        <v>0</v>
      </c>
      <c r="CW8" s="277">
        <v>0</v>
      </c>
      <c r="CX8" s="281">
        <v>0</v>
      </c>
      <c r="CY8" s="278">
        <v>0</v>
      </c>
      <c r="CZ8" s="280">
        <v>0</v>
      </c>
      <c r="DA8" s="281">
        <v>0</v>
      </c>
      <c r="DB8" s="281">
        <v>0</v>
      </c>
      <c r="DC8" s="281">
        <v>0</v>
      </c>
      <c r="DD8" s="281">
        <v>0</v>
      </c>
      <c r="DE8" s="281">
        <v>0</v>
      </c>
      <c r="DF8" s="278">
        <v>0</v>
      </c>
      <c r="DG8" s="283">
        <v>0</v>
      </c>
    </row>
    <row r="9" spans="1:111" ht="18.75" customHeight="1" x14ac:dyDescent="0.2">
      <c r="A9" s="262" t="s">
        <v>14</v>
      </c>
      <c r="B9" s="277">
        <v>0</v>
      </c>
      <c r="C9" s="281">
        <v>0</v>
      </c>
      <c r="D9" s="385">
        <v>0</v>
      </c>
      <c r="E9" s="280">
        <v>0</v>
      </c>
      <c r="F9" s="281">
        <v>937</v>
      </c>
      <c r="G9" s="281">
        <v>1678</v>
      </c>
      <c r="H9" s="281">
        <v>1153</v>
      </c>
      <c r="I9" s="281">
        <v>629</v>
      </c>
      <c r="J9" s="281">
        <v>1233</v>
      </c>
      <c r="K9" s="282">
        <v>5630</v>
      </c>
      <c r="L9" s="283">
        <v>5630</v>
      </c>
      <c r="M9" s="277">
        <v>0</v>
      </c>
      <c r="N9" s="281">
        <v>0</v>
      </c>
      <c r="O9" s="278">
        <v>0</v>
      </c>
      <c r="P9" s="280">
        <v>0</v>
      </c>
      <c r="Q9" s="281">
        <v>0</v>
      </c>
      <c r="R9" s="281">
        <v>4</v>
      </c>
      <c r="S9" s="281">
        <v>2</v>
      </c>
      <c r="T9" s="281">
        <v>31</v>
      </c>
      <c r="U9" s="281">
        <v>49</v>
      </c>
      <c r="V9" s="278">
        <v>86</v>
      </c>
      <c r="W9" s="283">
        <v>86</v>
      </c>
      <c r="X9" s="277">
        <v>29</v>
      </c>
      <c r="Y9" s="281">
        <v>179</v>
      </c>
      <c r="Z9" s="278">
        <v>208</v>
      </c>
      <c r="AA9" s="280">
        <v>0</v>
      </c>
      <c r="AB9" s="281">
        <v>465</v>
      </c>
      <c r="AC9" s="281">
        <v>740</v>
      </c>
      <c r="AD9" s="281">
        <v>627</v>
      </c>
      <c r="AE9" s="281">
        <v>434</v>
      </c>
      <c r="AF9" s="281">
        <v>216</v>
      </c>
      <c r="AG9" s="278">
        <v>2482</v>
      </c>
      <c r="AH9" s="283">
        <v>2690</v>
      </c>
      <c r="AI9" s="277">
        <v>8</v>
      </c>
      <c r="AJ9" s="281">
        <v>42</v>
      </c>
      <c r="AK9" s="278">
        <v>50</v>
      </c>
      <c r="AL9" s="280">
        <v>0</v>
      </c>
      <c r="AM9" s="281">
        <v>0</v>
      </c>
      <c r="AN9" s="281">
        <v>0</v>
      </c>
      <c r="AO9" s="281">
        <v>21</v>
      </c>
      <c r="AP9" s="281">
        <v>40</v>
      </c>
      <c r="AQ9" s="281">
        <v>20</v>
      </c>
      <c r="AR9" s="278">
        <v>81</v>
      </c>
      <c r="AS9" s="283">
        <v>131</v>
      </c>
      <c r="AT9" s="277">
        <v>0</v>
      </c>
      <c r="AU9" s="281">
        <v>0</v>
      </c>
      <c r="AV9" s="278">
        <v>0</v>
      </c>
      <c r="AW9" s="280">
        <v>0</v>
      </c>
      <c r="AX9" s="281">
        <v>906</v>
      </c>
      <c r="AY9" s="281">
        <v>924</v>
      </c>
      <c r="AZ9" s="281">
        <v>785</v>
      </c>
      <c r="BA9" s="281">
        <v>396</v>
      </c>
      <c r="BB9" s="281">
        <v>89</v>
      </c>
      <c r="BC9" s="282">
        <v>3100</v>
      </c>
      <c r="BD9" s="283">
        <v>3100</v>
      </c>
      <c r="BE9" s="277">
        <v>0</v>
      </c>
      <c r="BF9" s="281">
        <v>0</v>
      </c>
      <c r="BG9" s="278">
        <v>0</v>
      </c>
      <c r="BH9" s="280">
        <v>0</v>
      </c>
      <c r="BI9" s="281">
        <v>41</v>
      </c>
      <c r="BJ9" s="281">
        <v>215</v>
      </c>
      <c r="BK9" s="281">
        <v>186</v>
      </c>
      <c r="BL9" s="281">
        <v>71</v>
      </c>
      <c r="BM9" s="281">
        <v>27</v>
      </c>
      <c r="BN9" s="278">
        <v>540</v>
      </c>
      <c r="BO9" s="283">
        <v>540</v>
      </c>
      <c r="BP9" s="277">
        <v>0</v>
      </c>
      <c r="BQ9" s="281">
        <v>0</v>
      </c>
      <c r="BR9" s="278">
        <v>0</v>
      </c>
      <c r="BS9" s="280">
        <v>0</v>
      </c>
      <c r="BT9" s="281">
        <v>101</v>
      </c>
      <c r="BU9" s="281">
        <v>121</v>
      </c>
      <c r="BV9" s="281">
        <v>336</v>
      </c>
      <c r="BW9" s="281">
        <v>249</v>
      </c>
      <c r="BX9" s="281">
        <v>51</v>
      </c>
      <c r="BY9" s="278">
        <v>858</v>
      </c>
      <c r="BZ9" s="283">
        <v>858</v>
      </c>
      <c r="CA9" s="277">
        <v>0</v>
      </c>
      <c r="CB9" s="281">
        <v>0</v>
      </c>
      <c r="CC9" s="278">
        <v>0</v>
      </c>
      <c r="CD9" s="280">
        <v>0</v>
      </c>
      <c r="CE9" s="281">
        <v>14</v>
      </c>
      <c r="CF9" s="281">
        <v>0</v>
      </c>
      <c r="CG9" s="281">
        <v>18</v>
      </c>
      <c r="CH9" s="281">
        <v>3</v>
      </c>
      <c r="CI9" s="281">
        <v>3</v>
      </c>
      <c r="CJ9" s="278">
        <v>38</v>
      </c>
      <c r="CK9" s="283">
        <v>38</v>
      </c>
      <c r="CL9" s="277">
        <v>0</v>
      </c>
      <c r="CM9" s="281">
        <v>0</v>
      </c>
      <c r="CN9" s="278">
        <v>0</v>
      </c>
      <c r="CO9" s="280">
        <v>0</v>
      </c>
      <c r="CP9" s="281">
        <v>0</v>
      </c>
      <c r="CQ9" s="281">
        <v>0</v>
      </c>
      <c r="CR9" s="281">
        <v>0</v>
      </c>
      <c r="CS9" s="281">
        <v>0</v>
      </c>
      <c r="CT9" s="281">
        <v>0</v>
      </c>
      <c r="CU9" s="278">
        <v>0</v>
      </c>
      <c r="CV9" s="283">
        <v>0</v>
      </c>
      <c r="CW9" s="277">
        <v>0</v>
      </c>
      <c r="CX9" s="281">
        <v>0</v>
      </c>
      <c r="CY9" s="278">
        <v>0</v>
      </c>
      <c r="CZ9" s="280">
        <v>0</v>
      </c>
      <c r="DA9" s="281">
        <v>0</v>
      </c>
      <c r="DB9" s="281">
        <v>0</v>
      </c>
      <c r="DC9" s="281">
        <v>0</v>
      </c>
      <c r="DD9" s="281">
        <v>0</v>
      </c>
      <c r="DE9" s="281">
        <v>0</v>
      </c>
      <c r="DF9" s="278">
        <v>0</v>
      </c>
      <c r="DG9" s="283">
        <v>0</v>
      </c>
    </row>
    <row r="10" spans="1:111" ht="18.75" customHeight="1" x14ac:dyDescent="0.2">
      <c r="A10" s="262" t="s">
        <v>7</v>
      </c>
      <c r="B10" s="277">
        <v>0</v>
      </c>
      <c r="C10" s="281">
        <v>0</v>
      </c>
      <c r="D10" s="385">
        <v>0</v>
      </c>
      <c r="E10" s="280">
        <v>0</v>
      </c>
      <c r="F10" s="281">
        <v>1645</v>
      </c>
      <c r="G10" s="281">
        <v>1413</v>
      </c>
      <c r="H10" s="281">
        <v>2062</v>
      </c>
      <c r="I10" s="281">
        <v>1963</v>
      </c>
      <c r="J10" s="281">
        <v>1018</v>
      </c>
      <c r="K10" s="282">
        <v>8101</v>
      </c>
      <c r="L10" s="283">
        <v>8101</v>
      </c>
      <c r="M10" s="277">
        <v>0</v>
      </c>
      <c r="N10" s="281">
        <v>0</v>
      </c>
      <c r="O10" s="278">
        <v>0</v>
      </c>
      <c r="P10" s="280">
        <v>0</v>
      </c>
      <c r="Q10" s="281">
        <v>8</v>
      </c>
      <c r="R10" s="281">
        <v>8</v>
      </c>
      <c r="S10" s="281">
        <v>49</v>
      </c>
      <c r="T10" s="281">
        <v>59</v>
      </c>
      <c r="U10" s="281">
        <v>77</v>
      </c>
      <c r="V10" s="278">
        <v>201</v>
      </c>
      <c r="W10" s="283">
        <v>201</v>
      </c>
      <c r="X10" s="277">
        <v>24</v>
      </c>
      <c r="Y10" s="281">
        <v>55</v>
      </c>
      <c r="Z10" s="278">
        <v>79</v>
      </c>
      <c r="AA10" s="280">
        <v>0</v>
      </c>
      <c r="AB10" s="281">
        <v>390</v>
      </c>
      <c r="AC10" s="281">
        <v>398</v>
      </c>
      <c r="AD10" s="281">
        <v>389</v>
      </c>
      <c r="AE10" s="281">
        <v>237</v>
      </c>
      <c r="AF10" s="281">
        <v>164</v>
      </c>
      <c r="AG10" s="278">
        <v>1578</v>
      </c>
      <c r="AH10" s="283">
        <v>1657</v>
      </c>
      <c r="AI10" s="277">
        <v>0</v>
      </c>
      <c r="AJ10" s="281">
        <v>0</v>
      </c>
      <c r="AK10" s="278">
        <v>0</v>
      </c>
      <c r="AL10" s="280">
        <v>0</v>
      </c>
      <c r="AM10" s="281">
        <v>16</v>
      </c>
      <c r="AN10" s="281">
        <v>8</v>
      </c>
      <c r="AO10" s="281">
        <v>20</v>
      </c>
      <c r="AP10" s="281">
        <v>8</v>
      </c>
      <c r="AQ10" s="281">
        <v>0</v>
      </c>
      <c r="AR10" s="278">
        <v>52</v>
      </c>
      <c r="AS10" s="283">
        <v>52</v>
      </c>
      <c r="AT10" s="277">
        <v>0</v>
      </c>
      <c r="AU10" s="281">
        <v>0</v>
      </c>
      <c r="AV10" s="278">
        <v>0</v>
      </c>
      <c r="AW10" s="280">
        <v>0</v>
      </c>
      <c r="AX10" s="281">
        <v>1044</v>
      </c>
      <c r="AY10" s="281">
        <v>810</v>
      </c>
      <c r="AZ10" s="281">
        <v>505</v>
      </c>
      <c r="BA10" s="281">
        <v>178</v>
      </c>
      <c r="BB10" s="281">
        <v>57</v>
      </c>
      <c r="BC10" s="282">
        <v>2594</v>
      </c>
      <c r="BD10" s="283">
        <v>2594</v>
      </c>
      <c r="BE10" s="277">
        <v>0</v>
      </c>
      <c r="BF10" s="281">
        <v>0</v>
      </c>
      <c r="BG10" s="278">
        <v>0</v>
      </c>
      <c r="BH10" s="280">
        <v>0</v>
      </c>
      <c r="BI10" s="281">
        <v>177</v>
      </c>
      <c r="BJ10" s="281">
        <v>149</v>
      </c>
      <c r="BK10" s="281">
        <v>98</v>
      </c>
      <c r="BL10" s="281">
        <v>53</v>
      </c>
      <c r="BM10" s="281">
        <v>5</v>
      </c>
      <c r="BN10" s="278">
        <v>482</v>
      </c>
      <c r="BO10" s="283">
        <v>482</v>
      </c>
      <c r="BP10" s="277">
        <v>0</v>
      </c>
      <c r="BQ10" s="281">
        <v>0</v>
      </c>
      <c r="BR10" s="278">
        <v>0</v>
      </c>
      <c r="BS10" s="280">
        <v>0</v>
      </c>
      <c r="BT10" s="281">
        <v>135</v>
      </c>
      <c r="BU10" s="281">
        <v>189</v>
      </c>
      <c r="BV10" s="281">
        <v>208</v>
      </c>
      <c r="BW10" s="281">
        <v>143</v>
      </c>
      <c r="BX10" s="281">
        <v>77</v>
      </c>
      <c r="BY10" s="278">
        <v>752</v>
      </c>
      <c r="BZ10" s="283">
        <v>752</v>
      </c>
      <c r="CA10" s="277">
        <v>0</v>
      </c>
      <c r="CB10" s="281">
        <v>0</v>
      </c>
      <c r="CC10" s="278">
        <v>0</v>
      </c>
      <c r="CD10" s="280">
        <v>0</v>
      </c>
      <c r="CE10" s="281">
        <v>0</v>
      </c>
      <c r="CF10" s="281">
        <v>0</v>
      </c>
      <c r="CG10" s="281">
        <v>0</v>
      </c>
      <c r="CH10" s="281">
        <v>6</v>
      </c>
      <c r="CI10" s="281">
        <v>0</v>
      </c>
      <c r="CJ10" s="278">
        <v>6</v>
      </c>
      <c r="CK10" s="283">
        <v>6</v>
      </c>
      <c r="CL10" s="277">
        <v>0</v>
      </c>
      <c r="CM10" s="281">
        <v>0</v>
      </c>
      <c r="CN10" s="278">
        <v>0</v>
      </c>
      <c r="CO10" s="280">
        <v>0</v>
      </c>
      <c r="CP10" s="281">
        <v>0</v>
      </c>
      <c r="CQ10" s="281">
        <v>0</v>
      </c>
      <c r="CR10" s="281">
        <v>0</v>
      </c>
      <c r="CS10" s="281">
        <v>0</v>
      </c>
      <c r="CT10" s="281">
        <v>0</v>
      </c>
      <c r="CU10" s="278">
        <v>0</v>
      </c>
      <c r="CV10" s="283">
        <v>0</v>
      </c>
      <c r="CW10" s="277">
        <v>0</v>
      </c>
      <c r="CX10" s="281">
        <v>0</v>
      </c>
      <c r="CY10" s="278">
        <v>0</v>
      </c>
      <c r="CZ10" s="280">
        <v>0</v>
      </c>
      <c r="DA10" s="281">
        <v>0</v>
      </c>
      <c r="DB10" s="281">
        <v>0</v>
      </c>
      <c r="DC10" s="281">
        <v>0</v>
      </c>
      <c r="DD10" s="281">
        <v>0</v>
      </c>
      <c r="DE10" s="281">
        <v>0</v>
      </c>
      <c r="DF10" s="278">
        <v>0</v>
      </c>
      <c r="DG10" s="283">
        <v>0</v>
      </c>
    </row>
    <row r="11" spans="1:111" ht="18.75" customHeight="1" x14ac:dyDescent="0.2">
      <c r="A11" s="262" t="s">
        <v>8</v>
      </c>
      <c r="B11" s="277">
        <v>0</v>
      </c>
      <c r="C11" s="281">
        <v>0</v>
      </c>
      <c r="D11" s="385">
        <v>0</v>
      </c>
      <c r="E11" s="280">
        <v>0</v>
      </c>
      <c r="F11" s="281">
        <v>419</v>
      </c>
      <c r="G11" s="281">
        <v>638</v>
      </c>
      <c r="H11" s="281">
        <v>685</v>
      </c>
      <c r="I11" s="281">
        <v>219</v>
      </c>
      <c r="J11" s="281">
        <v>476</v>
      </c>
      <c r="K11" s="282">
        <v>2437</v>
      </c>
      <c r="L11" s="283">
        <v>2437</v>
      </c>
      <c r="M11" s="277">
        <v>0</v>
      </c>
      <c r="N11" s="281">
        <v>0</v>
      </c>
      <c r="O11" s="278">
        <v>0</v>
      </c>
      <c r="P11" s="280">
        <v>0</v>
      </c>
      <c r="Q11" s="281">
        <v>0</v>
      </c>
      <c r="R11" s="281">
        <v>6</v>
      </c>
      <c r="S11" s="281">
        <v>13</v>
      </c>
      <c r="T11" s="281">
        <v>26</v>
      </c>
      <c r="U11" s="281">
        <v>24</v>
      </c>
      <c r="V11" s="278">
        <v>69</v>
      </c>
      <c r="W11" s="283">
        <v>69</v>
      </c>
      <c r="X11" s="277">
        <v>5</v>
      </c>
      <c r="Y11" s="281">
        <v>32</v>
      </c>
      <c r="Z11" s="278">
        <v>37</v>
      </c>
      <c r="AA11" s="280">
        <v>0</v>
      </c>
      <c r="AB11" s="281">
        <v>113</v>
      </c>
      <c r="AC11" s="281">
        <v>117</v>
      </c>
      <c r="AD11" s="281">
        <v>196</v>
      </c>
      <c r="AE11" s="281">
        <v>109</v>
      </c>
      <c r="AF11" s="281">
        <v>38</v>
      </c>
      <c r="AG11" s="278">
        <v>573</v>
      </c>
      <c r="AH11" s="283">
        <v>610</v>
      </c>
      <c r="AI11" s="277">
        <v>0</v>
      </c>
      <c r="AJ11" s="281">
        <v>8</v>
      </c>
      <c r="AK11" s="278">
        <v>8</v>
      </c>
      <c r="AL11" s="280">
        <v>0</v>
      </c>
      <c r="AM11" s="281">
        <v>24</v>
      </c>
      <c r="AN11" s="281">
        <v>39</v>
      </c>
      <c r="AO11" s="281">
        <v>91</v>
      </c>
      <c r="AP11" s="281">
        <v>15</v>
      </c>
      <c r="AQ11" s="281">
        <v>8</v>
      </c>
      <c r="AR11" s="278">
        <v>177</v>
      </c>
      <c r="AS11" s="283">
        <v>185</v>
      </c>
      <c r="AT11" s="277">
        <v>0</v>
      </c>
      <c r="AU11" s="281">
        <v>0</v>
      </c>
      <c r="AV11" s="278">
        <v>0</v>
      </c>
      <c r="AW11" s="280">
        <v>0</v>
      </c>
      <c r="AX11" s="281">
        <v>305</v>
      </c>
      <c r="AY11" s="281">
        <v>373</v>
      </c>
      <c r="AZ11" s="281">
        <v>271</v>
      </c>
      <c r="BA11" s="281">
        <v>116</v>
      </c>
      <c r="BB11" s="281">
        <v>36</v>
      </c>
      <c r="BC11" s="282">
        <v>1101</v>
      </c>
      <c r="BD11" s="283">
        <v>1101</v>
      </c>
      <c r="BE11" s="277">
        <v>0</v>
      </c>
      <c r="BF11" s="281">
        <v>0</v>
      </c>
      <c r="BG11" s="278">
        <v>0</v>
      </c>
      <c r="BH11" s="280">
        <v>0</v>
      </c>
      <c r="BI11" s="281">
        <v>36</v>
      </c>
      <c r="BJ11" s="281">
        <v>54</v>
      </c>
      <c r="BK11" s="281">
        <v>63</v>
      </c>
      <c r="BL11" s="281">
        <v>46</v>
      </c>
      <c r="BM11" s="281">
        <v>0</v>
      </c>
      <c r="BN11" s="278">
        <v>199</v>
      </c>
      <c r="BO11" s="283">
        <v>199</v>
      </c>
      <c r="BP11" s="277">
        <v>0</v>
      </c>
      <c r="BQ11" s="281">
        <v>7</v>
      </c>
      <c r="BR11" s="278">
        <v>7</v>
      </c>
      <c r="BS11" s="280">
        <v>0</v>
      </c>
      <c r="BT11" s="281">
        <v>34</v>
      </c>
      <c r="BU11" s="281">
        <v>98</v>
      </c>
      <c r="BV11" s="281">
        <v>107</v>
      </c>
      <c r="BW11" s="281">
        <v>15</v>
      </c>
      <c r="BX11" s="281">
        <v>25</v>
      </c>
      <c r="BY11" s="278">
        <v>279</v>
      </c>
      <c r="BZ11" s="283">
        <v>286</v>
      </c>
      <c r="CA11" s="277">
        <v>0</v>
      </c>
      <c r="CB11" s="281">
        <v>0</v>
      </c>
      <c r="CC11" s="278">
        <v>0</v>
      </c>
      <c r="CD11" s="280">
        <v>0</v>
      </c>
      <c r="CE11" s="281">
        <v>0</v>
      </c>
      <c r="CF11" s="281">
        <v>1</v>
      </c>
      <c r="CG11" s="281">
        <v>11</v>
      </c>
      <c r="CH11" s="281">
        <v>4</v>
      </c>
      <c r="CI11" s="281">
        <v>0</v>
      </c>
      <c r="CJ11" s="278">
        <v>16</v>
      </c>
      <c r="CK11" s="283">
        <v>16</v>
      </c>
      <c r="CL11" s="277">
        <v>0</v>
      </c>
      <c r="CM11" s="281">
        <v>0</v>
      </c>
      <c r="CN11" s="278">
        <v>0</v>
      </c>
      <c r="CO11" s="280">
        <v>0</v>
      </c>
      <c r="CP11" s="281">
        <v>0</v>
      </c>
      <c r="CQ11" s="281">
        <v>0</v>
      </c>
      <c r="CR11" s="281">
        <v>0</v>
      </c>
      <c r="CS11" s="281">
        <v>0</v>
      </c>
      <c r="CT11" s="281">
        <v>0</v>
      </c>
      <c r="CU11" s="278">
        <v>0</v>
      </c>
      <c r="CV11" s="283">
        <v>0</v>
      </c>
      <c r="CW11" s="277">
        <v>0</v>
      </c>
      <c r="CX11" s="281">
        <v>0</v>
      </c>
      <c r="CY11" s="278">
        <v>0</v>
      </c>
      <c r="CZ11" s="280">
        <v>0</v>
      </c>
      <c r="DA11" s="281">
        <v>0</v>
      </c>
      <c r="DB11" s="281">
        <v>0</v>
      </c>
      <c r="DC11" s="281">
        <v>0</v>
      </c>
      <c r="DD11" s="281">
        <v>0</v>
      </c>
      <c r="DE11" s="281">
        <v>0</v>
      </c>
      <c r="DF11" s="278">
        <v>0</v>
      </c>
      <c r="DG11" s="283">
        <v>0</v>
      </c>
    </row>
    <row r="12" spans="1:111" ht="18.75" customHeight="1" x14ac:dyDescent="0.2">
      <c r="A12" s="262" t="s">
        <v>9</v>
      </c>
      <c r="B12" s="277">
        <v>0</v>
      </c>
      <c r="C12" s="281">
        <v>0</v>
      </c>
      <c r="D12" s="385">
        <v>0</v>
      </c>
      <c r="E12" s="280">
        <v>0</v>
      </c>
      <c r="F12" s="281">
        <v>672</v>
      </c>
      <c r="G12" s="281">
        <v>705</v>
      </c>
      <c r="H12" s="281">
        <v>679</v>
      </c>
      <c r="I12" s="281">
        <v>1367</v>
      </c>
      <c r="J12" s="281">
        <v>883</v>
      </c>
      <c r="K12" s="282">
        <v>4306</v>
      </c>
      <c r="L12" s="283">
        <v>4306</v>
      </c>
      <c r="M12" s="277">
        <v>0</v>
      </c>
      <c r="N12" s="281">
        <v>0</v>
      </c>
      <c r="O12" s="278">
        <v>0</v>
      </c>
      <c r="P12" s="280">
        <v>0</v>
      </c>
      <c r="Q12" s="281">
        <v>3</v>
      </c>
      <c r="R12" s="281">
        <v>0</v>
      </c>
      <c r="S12" s="281">
        <v>11</v>
      </c>
      <c r="T12" s="281">
        <v>2</v>
      </c>
      <c r="U12" s="281">
        <v>37</v>
      </c>
      <c r="V12" s="278">
        <v>53</v>
      </c>
      <c r="W12" s="283">
        <v>53</v>
      </c>
      <c r="X12" s="277">
        <v>0</v>
      </c>
      <c r="Y12" s="281">
        <v>29</v>
      </c>
      <c r="Z12" s="278">
        <v>29</v>
      </c>
      <c r="AA12" s="280">
        <v>0</v>
      </c>
      <c r="AB12" s="281">
        <v>339</v>
      </c>
      <c r="AC12" s="281">
        <v>283</v>
      </c>
      <c r="AD12" s="281">
        <v>275</v>
      </c>
      <c r="AE12" s="281">
        <v>227</v>
      </c>
      <c r="AF12" s="281">
        <v>249</v>
      </c>
      <c r="AG12" s="278">
        <v>1373</v>
      </c>
      <c r="AH12" s="283">
        <v>1402</v>
      </c>
      <c r="AI12" s="277">
        <v>8</v>
      </c>
      <c r="AJ12" s="281">
        <v>9</v>
      </c>
      <c r="AK12" s="278">
        <v>17</v>
      </c>
      <c r="AL12" s="280">
        <v>0</v>
      </c>
      <c r="AM12" s="281">
        <v>16</v>
      </c>
      <c r="AN12" s="281">
        <v>73</v>
      </c>
      <c r="AO12" s="281">
        <v>25</v>
      </c>
      <c r="AP12" s="281">
        <v>83</v>
      </c>
      <c r="AQ12" s="281">
        <v>20</v>
      </c>
      <c r="AR12" s="278">
        <v>217</v>
      </c>
      <c r="AS12" s="283">
        <v>234</v>
      </c>
      <c r="AT12" s="277">
        <v>0</v>
      </c>
      <c r="AU12" s="281">
        <v>0</v>
      </c>
      <c r="AV12" s="278">
        <v>0</v>
      </c>
      <c r="AW12" s="280">
        <v>0</v>
      </c>
      <c r="AX12" s="281">
        <v>374</v>
      </c>
      <c r="AY12" s="281">
        <v>317</v>
      </c>
      <c r="AZ12" s="281">
        <v>349</v>
      </c>
      <c r="BA12" s="281">
        <v>111</v>
      </c>
      <c r="BB12" s="281">
        <v>99</v>
      </c>
      <c r="BC12" s="282">
        <v>1250</v>
      </c>
      <c r="BD12" s="283">
        <v>1250</v>
      </c>
      <c r="BE12" s="277">
        <v>0</v>
      </c>
      <c r="BF12" s="281">
        <v>0</v>
      </c>
      <c r="BG12" s="278">
        <v>0</v>
      </c>
      <c r="BH12" s="280">
        <v>0</v>
      </c>
      <c r="BI12" s="281">
        <v>123</v>
      </c>
      <c r="BJ12" s="281">
        <v>132</v>
      </c>
      <c r="BK12" s="281">
        <v>72</v>
      </c>
      <c r="BL12" s="281">
        <v>75</v>
      </c>
      <c r="BM12" s="281">
        <v>2</v>
      </c>
      <c r="BN12" s="278">
        <v>404</v>
      </c>
      <c r="BO12" s="283">
        <v>404</v>
      </c>
      <c r="BP12" s="277">
        <v>2</v>
      </c>
      <c r="BQ12" s="281">
        <v>0</v>
      </c>
      <c r="BR12" s="278">
        <v>2</v>
      </c>
      <c r="BS12" s="280">
        <v>0</v>
      </c>
      <c r="BT12" s="281">
        <v>36</v>
      </c>
      <c r="BU12" s="281">
        <v>63</v>
      </c>
      <c r="BV12" s="281">
        <v>77</v>
      </c>
      <c r="BW12" s="281">
        <v>76</v>
      </c>
      <c r="BX12" s="281">
        <v>41</v>
      </c>
      <c r="BY12" s="278">
        <v>293</v>
      </c>
      <c r="BZ12" s="283">
        <v>295</v>
      </c>
      <c r="CA12" s="277">
        <v>0</v>
      </c>
      <c r="CB12" s="281">
        <v>0</v>
      </c>
      <c r="CC12" s="278">
        <v>0</v>
      </c>
      <c r="CD12" s="280">
        <v>0</v>
      </c>
      <c r="CE12" s="281">
        <v>3</v>
      </c>
      <c r="CF12" s="281">
        <v>26</v>
      </c>
      <c r="CG12" s="281">
        <v>2</v>
      </c>
      <c r="CH12" s="281">
        <v>12</v>
      </c>
      <c r="CI12" s="281">
        <v>0</v>
      </c>
      <c r="CJ12" s="278">
        <v>43</v>
      </c>
      <c r="CK12" s="283">
        <v>43</v>
      </c>
      <c r="CL12" s="277">
        <v>0</v>
      </c>
      <c r="CM12" s="281">
        <v>0</v>
      </c>
      <c r="CN12" s="278">
        <v>0</v>
      </c>
      <c r="CO12" s="280">
        <v>0</v>
      </c>
      <c r="CP12" s="281">
        <v>0</v>
      </c>
      <c r="CQ12" s="281">
        <v>0</v>
      </c>
      <c r="CR12" s="281">
        <v>0</v>
      </c>
      <c r="CS12" s="281">
        <v>0</v>
      </c>
      <c r="CT12" s="281">
        <v>0</v>
      </c>
      <c r="CU12" s="278">
        <v>0</v>
      </c>
      <c r="CV12" s="283">
        <v>0</v>
      </c>
      <c r="CW12" s="277">
        <v>0</v>
      </c>
      <c r="CX12" s="281">
        <v>0</v>
      </c>
      <c r="CY12" s="278">
        <v>0</v>
      </c>
      <c r="CZ12" s="280">
        <v>0</v>
      </c>
      <c r="DA12" s="281">
        <v>0</v>
      </c>
      <c r="DB12" s="281">
        <v>0</v>
      </c>
      <c r="DC12" s="281">
        <v>0</v>
      </c>
      <c r="DD12" s="281">
        <v>0</v>
      </c>
      <c r="DE12" s="281">
        <v>0</v>
      </c>
      <c r="DF12" s="278">
        <v>0</v>
      </c>
      <c r="DG12" s="283">
        <v>0</v>
      </c>
    </row>
    <row r="13" spans="1:111" ht="18.75" customHeight="1" x14ac:dyDescent="0.2">
      <c r="A13" s="262" t="s">
        <v>10</v>
      </c>
      <c r="B13" s="277">
        <v>0</v>
      </c>
      <c r="C13" s="281">
        <v>0</v>
      </c>
      <c r="D13" s="385">
        <v>0</v>
      </c>
      <c r="E13" s="280">
        <v>0</v>
      </c>
      <c r="F13" s="281">
        <v>1044</v>
      </c>
      <c r="G13" s="281">
        <v>792</v>
      </c>
      <c r="H13" s="281">
        <v>1605</v>
      </c>
      <c r="I13" s="281">
        <v>1044</v>
      </c>
      <c r="J13" s="281">
        <v>1225</v>
      </c>
      <c r="K13" s="282">
        <v>5710</v>
      </c>
      <c r="L13" s="283">
        <v>5710</v>
      </c>
      <c r="M13" s="277">
        <v>0</v>
      </c>
      <c r="N13" s="281">
        <v>0</v>
      </c>
      <c r="O13" s="278">
        <v>0</v>
      </c>
      <c r="P13" s="280">
        <v>0</v>
      </c>
      <c r="Q13" s="281">
        <v>0</v>
      </c>
      <c r="R13" s="281">
        <v>4</v>
      </c>
      <c r="S13" s="281">
        <v>24</v>
      </c>
      <c r="T13" s="281">
        <v>59</v>
      </c>
      <c r="U13" s="281">
        <v>57</v>
      </c>
      <c r="V13" s="278">
        <v>144</v>
      </c>
      <c r="W13" s="283">
        <v>144</v>
      </c>
      <c r="X13" s="277">
        <v>101</v>
      </c>
      <c r="Y13" s="281">
        <v>103</v>
      </c>
      <c r="Z13" s="278">
        <v>204</v>
      </c>
      <c r="AA13" s="280">
        <v>0</v>
      </c>
      <c r="AB13" s="281">
        <v>701</v>
      </c>
      <c r="AC13" s="281">
        <v>408</v>
      </c>
      <c r="AD13" s="281">
        <v>453</v>
      </c>
      <c r="AE13" s="281">
        <v>295</v>
      </c>
      <c r="AF13" s="281">
        <v>224</v>
      </c>
      <c r="AG13" s="278">
        <v>2081</v>
      </c>
      <c r="AH13" s="283">
        <v>2285</v>
      </c>
      <c r="AI13" s="277">
        <v>16</v>
      </c>
      <c r="AJ13" s="281">
        <v>58</v>
      </c>
      <c r="AK13" s="278">
        <v>74</v>
      </c>
      <c r="AL13" s="280">
        <v>0</v>
      </c>
      <c r="AM13" s="281">
        <v>142</v>
      </c>
      <c r="AN13" s="281">
        <v>38</v>
      </c>
      <c r="AO13" s="281">
        <v>17</v>
      </c>
      <c r="AP13" s="281">
        <v>45</v>
      </c>
      <c r="AQ13" s="281">
        <v>42</v>
      </c>
      <c r="AR13" s="278">
        <v>284</v>
      </c>
      <c r="AS13" s="283">
        <v>358</v>
      </c>
      <c r="AT13" s="277">
        <v>0</v>
      </c>
      <c r="AU13" s="281">
        <v>0</v>
      </c>
      <c r="AV13" s="278">
        <v>0</v>
      </c>
      <c r="AW13" s="280">
        <v>0</v>
      </c>
      <c r="AX13" s="281">
        <v>1124</v>
      </c>
      <c r="AY13" s="281">
        <v>701</v>
      </c>
      <c r="AZ13" s="281">
        <v>482</v>
      </c>
      <c r="BA13" s="281">
        <v>182</v>
      </c>
      <c r="BB13" s="281">
        <v>70</v>
      </c>
      <c r="BC13" s="282">
        <v>2559</v>
      </c>
      <c r="BD13" s="283">
        <v>2559</v>
      </c>
      <c r="BE13" s="277">
        <v>0</v>
      </c>
      <c r="BF13" s="281">
        <v>0</v>
      </c>
      <c r="BG13" s="278">
        <v>0</v>
      </c>
      <c r="BH13" s="280">
        <v>0</v>
      </c>
      <c r="BI13" s="281">
        <v>150</v>
      </c>
      <c r="BJ13" s="281">
        <v>79</v>
      </c>
      <c r="BK13" s="281">
        <v>72</v>
      </c>
      <c r="BL13" s="281">
        <v>24</v>
      </c>
      <c r="BM13" s="281">
        <v>7</v>
      </c>
      <c r="BN13" s="278">
        <v>332</v>
      </c>
      <c r="BO13" s="283">
        <v>332</v>
      </c>
      <c r="BP13" s="277">
        <v>0</v>
      </c>
      <c r="BQ13" s="281">
        <v>0</v>
      </c>
      <c r="BR13" s="278">
        <v>0</v>
      </c>
      <c r="BS13" s="280">
        <v>0</v>
      </c>
      <c r="BT13" s="281">
        <v>104</v>
      </c>
      <c r="BU13" s="281">
        <v>163</v>
      </c>
      <c r="BV13" s="281">
        <v>301</v>
      </c>
      <c r="BW13" s="281">
        <v>105</v>
      </c>
      <c r="BX13" s="281">
        <v>21</v>
      </c>
      <c r="BY13" s="278">
        <v>694</v>
      </c>
      <c r="BZ13" s="283">
        <v>694</v>
      </c>
      <c r="CA13" s="277">
        <v>0</v>
      </c>
      <c r="CB13" s="281">
        <v>0</v>
      </c>
      <c r="CC13" s="278">
        <v>0</v>
      </c>
      <c r="CD13" s="280">
        <v>0</v>
      </c>
      <c r="CE13" s="281">
        <v>5</v>
      </c>
      <c r="CF13" s="281">
        <v>28</v>
      </c>
      <c r="CG13" s="281">
        <v>29</v>
      </c>
      <c r="CH13" s="281">
        <v>0</v>
      </c>
      <c r="CI13" s="281">
        <v>0</v>
      </c>
      <c r="CJ13" s="278">
        <v>62</v>
      </c>
      <c r="CK13" s="283">
        <v>62</v>
      </c>
      <c r="CL13" s="277">
        <v>0</v>
      </c>
      <c r="CM13" s="281">
        <v>0</v>
      </c>
      <c r="CN13" s="278">
        <v>0</v>
      </c>
      <c r="CO13" s="280">
        <v>0</v>
      </c>
      <c r="CP13" s="281">
        <v>0</v>
      </c>
      <c r="CQ13" s="281">
        <v>0</v>
      </c>
      <c r="CR13" s="281">
        <v>0</v>
      </c>
      <c r="CS13" s="281">
        <v>0</v>
      </c>
      <c r="CT13" s="281">
        <v>0</v>
      </c>
      <c r="CU13" s="278">
        <v>0</v>
      </c>
      <c r="CV13" s="283">
        <v>0</v>
      </c>
      <c r="CW13" s="277">
        <v>0</v>
      </c>
      <c r="CX13" s="281">
        <v>0</v>
      </c>
      <c r="CY13" s="278">
        <v>0</v>
      </c>
      <c r="CZ13" s="280">
        <v>0</v>
      </c>
      <c r="DA13" s="281">
        <v>0</v>
      </c>
      <c r="DB13" s="281">
        <v>0</v>
      </c>
      <c r="DC13" s="281">
        <v>0</v>
      </c>
      <c r="DD13" s="281">
        <v>0</v>
      </c>
      <c r="DE13" s="281">
        <v>0</v>
      </c>
      <c r="DF13" s="278">
        <v>0</v>
      </c>
      <c r="DG13" s="283">
        <v>0</v>
      </c>
    </row>
    <row r="14" spans="1:111" ht="18.75" customHeight="1" x14ac:dyDescent="0.2">
      <c r="A14" s="262" t="s">
        <v>11</v>
      </c>
      <c r="B14" s="277">
        <v>0</v>
      </c>
      <c r="C14" s="281">
        <v>0</v>
      </c>
      <c r="D14" s="385">
        <v>0</v>
      </c>
      <c r="E14" s="280">
        <v>0</v>
      </c>
      <c r="F14" s="281">
        <v>162</v>
      </c>
      <c r="G14" s="281">
        <v>76</v>
      </c>
      <c r="H14" s="281">
        <v>624</v>
      </c>
      <c r="I14" s="281">
        <v>522</v>
      </c>
      <c r="J14" s="281">
        <v>400</v>
      </c>
      <c r="K14" s="282">
        <v>1784</v>
      </c>
      <c r="L14" s="283">
        <v>1784</v>
      </c>
      <c r="M14" s="277">
        <v>0</v>
      </c>
      <c r="N14" s="281">
        <v>0</v>
      </c>
      <c r="O14" s="278">
        <v>0</v>
      </c>
      <c r="P14" s="280">
        <v>0</v>
      </c>
      <c r="Q14" s="281">
        <v>0</v>
      </c>
      <c r="R14" s="281">
        <v>6</v>
      </c>
      <c r="S14" s="281">
        <v>18</v>
      </c>
      <c r="T14" s="281">
        <v>27</v>
      </c>
      <c r="U14" s="281">
        <v>10</v>
      </c>
      <c r="V14" s="278">
        <v>61</v>
      </c>
      <c r="W14" s="283">
        <v>61</v>
      </c>
      <c r="X14" s="277">
        <v>8</v>
      </c>
      <c r="Y14" s="281">
        <v>23</v>
      </c>
      <c r="Z14" s="278">
        <v>31</v>
      </c>
      <c r="AA14" s="280">
        <v>0</v>
      </c>
      <c r="AB14" s="281">
        <v>158</v>
      </c>
      <c r="AC14" s="281">
        <v>135</v>
      </c>
      <c r="AD14" s="281">
        <v>186</v>
      </c>
      <c r="AE14" s="281">
        <v>79</v>
      </c>
      <c r="AF14" s="281">
        <v>116</v>
      </c>
      <c r="AG14" s="278">
        <v>674</v>
      </c>
      <c r="AH14" s="283">
        <v>705</v>
      </c>
      <c r="AI14" s="277">
        <v>0</v>
      </c>
      <c r="AJ14" s="281">
        <v>12</v>
      </c>
      <c r="AK14" s="278">
        <v>12</v>
      </c>
      <c r="AL14" s="280">
        <v>0</v>
      </c>
      <c r="AM14" s="281">
        <v>26</v>
      </c>
      <c r="AN14" s="281">
        <v>12</v>
      </c>
      <c r="AO14" s="281">
        <v>24</v>
      </c>
      <c r="AP14" s="281">
        <v>77</v>
      </c>
      <c r="AQ14" s="281">
        <v>0</v>
      </c>
      <c r="AR14" s="278">
        <v>139</v>
      </c>
      <c r="AS14" s="283">
        <v>151</v>
      </c>
      <c r="AT14" s="277">
        <v>0</v>
      </c>
      <c r="AU14" s="281">
        <v>0</v>
      </c>
      <c r="AV14" s="278">
        <v>0</v>
      </c>
      <c r="AW14" s="280">
        <v>0</v>
      </c>
      <c r="AX14" s="281">
        <v>280</v>
      </c>
      <c r="AY14" s="281">
        <v>189</v>
      </c>
      <c r="AZ14" s="281">
        <v>182</v>
      </c>
      <c r="BA14" s="281">
        <v>131</v>
      </c>
      <c r="BB14" s="281">
        <v>19</v>
      </c>
      <c r="BC14" s="282">
        <v>801</v>
      </c>
      <c r="BD14" s="283">
        <v>801</v>
      </c>
      <c r="BE14" s="277">
        <v>0</v>
      </c>
      <c r="BF14" s="281">
        <v>0</v>
      </c>
      <c r="BG14" s="278">
        <v>0</v>
      </c>
      <c r="BH14" s="280">
        <v>0</v>
      </c>
      <c r="BI14" s="281">
        <v>115</v>
      </c>
      <c r="BJ14" s="281">
        <v>76</v>
      </c>
      <c r="BK14" s="281">
        <v>18</v>
      </c>
      <c r="BL14" s="281">
        <v>54</v>
      </c>
      <c r="BM14" s="281">
        <v>7</v>
      </c>
      <c r="BN14" s="278">
        <v>270</v>
      </c>
      <c r="BO14" s="283">
        <v>270</v>
      </c>
      <c r="BP14" s="277">
        <v>0</v>
      </c>
      <c r="BQ14" s="281">
        <v>0</v>
      </c>
      <c r="BR14" s="278">
        <v>0</v>
      </c>
      <c r="BS14" s="280">
        <v>0</v>
      </c>
      <c r="BT14" s="281">
        <v>44</v>
      </c>
      <c r="BU14" s="281">
        <v>25</v>
      </c>
      <c r="BV14" s="281">
        <v>81</v>
      </c>
      <c r="BW14" s="281">
        <v>92</v>
      </c>
      <c r="BX14" s="281">
        <v>0</v>
      </c>
      <c r="BY14" s="278">
        <v>242</v>
      </c>
      <c r="BZ14" s="283">
        <v>242</v>
      </c>
      <c r="CA14" s="277">
        <v>0</v>
      </c>
      <c r="CB14" s="281">
        <v>0</v>
      </c>
      <c r="CC14" s="278">
        <v>0</v>
      </c>
      <c r="CD14" s="280">
        <v>0</v>
      </c>
      <c r="CE14" s="281">
        <v>0</v>
      </c>
      <c r="CF14" s="281">
        <v>8</v>
      </c>
      <c r="CG14" s="281">
        <v>0</v>
      </c>
      <c r="CH14" s="281">
        <v>3</v>
      </c>
      <c r="CI14" s="281">
        <v>0</v>
      </c>
      <c r="CJ14" s="278">
        <v>11</v>
      </c>
      <c r="CK14" s="283">
        <v>11</v>
      </c>
      <c r="CL14" s="277">
        <v>0</v>
      </c>
      <c r="CM14" s="281">
        <v>0</v>
      </c>
      <c r="CN14" s="278">
        <v>0</v>
      </c>
      <c r="CO14" s="280">
        <v>0</v>
      </c>
      <c r="CP14" s="281">
        <v>0</v>
      </c>
      <c r="CQ14" s="281">
        <v>0</v>
      </c>
      <c r="CR14" s="281">
        <v>0</v>
      </c>
      <c r="CS14" s="281">
        <v>0</v>
      </c>
      <c r="CT14" s="281">
        <v>0</v>
      </c>
      <c r="CU14" s="278">
        <v>0</v>
      </c>
      <c r="CV14" s="283">
        <v>0</v>
      </c>
      <c r="CW14" s="277">
        <v>0</v>
      </c>
      <c r="CX14" s="281">
        <v>0</v>
      </c>
      <c r="CY14" s="278">
        <v>0</v>
      </c>
      <c r="CZ14" s="280">
        <v>0</v>
      </c>
      <c r="DA14" s="281">
        <v>0</v>
      </c>
      <c r="DB14" s="281">
        <v>0</v>
      </c>
      <c r="DC14" s="281">
        <v>0</v>
      </c>
      <c r="DD14" s="281">
        <v>0</v>
      </c>
      <c r="DE14" s="281">
        <v>0</v>
      </c>
      <c r="DF14" s="278">
        <v>0</v>
      </c>
      <c r="DG14" s="283">
        <v>0</v>
      </c>
    </row>
    <row r="15" spans="1:111" ht="18.75" customHeight="1" x14ac:dyDescent="0.2">
      <c r="A15" s="262" t="s">
        <v>12</v>
      </c>
      <c r="B15" s="277">
        <v>0</v>
      </c>
      <c r="C15" s="281">
        <v>0</v>
      </c>
      <c r="D15" s="385">
        <v>0</v>
      </c>
      <c r="E15" s="280">
        <v>0</v>
      </c>
      <c r="F15" s="281">
        <v>422</v>
      </c>
      <c r="G15" s="281">
        <v>710</v>
      </c>
      <c r="H15" s="281">
        <v>718</v>
      </c>
      <c r="I15" s="281">
        <v>1220</v>
      </c>
      <c r="J15" s="281">
        <v>748</v>
      </c>
      <c r="K15" s="282">
        <v>3818</v>
      </c>
      <c r="L15" s="283">
        <v>3818</v>
      </c>
      <c r="M15" s="277">
        <v>0</v>
      </c>
      <c r="N15" s="281">
        <v>0</v>
      </c>
      <c r="O15" s="278">
        <v>0</v>
      </c>
      <c r="P15" s="280">
        <v>0</v>
      </c>
      <c r="Q15" s="281">
        <v>0</v>
      </c>
      <c r="R15" s="281">
        <v>0</v>
      </c>
      <c r="S15" s="281">
        <v>4</v>
      </c>
      <c r="T15" s="281">
        <v>5</v>
      </c>
      <c r="U15" s="281">
        <v>39</v>
      </c>
      <c r="V15" s="278">
        <v>48</v>
      </c>
      <c r="W15" s="283">
        <v>48</v>
      </c>
      <c r="X15" s="277">
        <v>69</v>
      </c>
      <c r="Y15" s="281">
        <v>109</v>
      </c>
      <c r="Z15" s="278">
        <v>178</v>
      </c>
      <c r="AA15" s="280">
        <v>0</v>
      </c>
      <c r="AB15" s="281">
        <v>192</v>
      </c>
      <c r="AC15" s="281">
        <v>273</v>
      </c>
      <c r="AD15" s="281">
        <v>216</v>
      </c>
      <c r="AE15" s="281">
        <v>49</v>
      </c>
      <c r="AF15" s="281">
        <v>96</v>
      </c>
      <c r="AG15" s="278">
        <v>826</v>
      </c>
      <c r="AH15" s="283">
        <v>1004</v>
      </c>
      <c r="AI15" s="277">
        <v>0</v>
      </c>
      <c r="AJ15" s="281">
        <v>0</v>
      </c>
      <c r="AK15" s="278">
        <v>0</v>
      </c>
      <c r="AL15" s="280">
        <v>0</v>
      </c>
      <c r="AM15" s="281">
        <v>24</v>
      </c>
      <c r="AN15" s="281">
        <v>57</v>
      </c>
      <c r="AO15" s="281">
        <v>47</v>
      </c>
      <c r="AP15" s="281">
        <v>55</v>
      </c>
      <c r="AQ15" s="281">
        <v>8</v>
      </c>
      <c r="AR15" s="278">
        <v>191</v>
      </c>
      <c r="AS15" s="283">
        <v>191</v>
      </c>
      <c r="AT15" s="277">
        <v>0</v>
      </c>
      <c r="AU15" s="281">
        <v>0</v>
      </c>
      <c r="AV15" s="278">
        <v>0</v>
      </c>
      <c r="AW15" s="280">
        <v>0</v>
      </c>
      <c r="AX15" s="281">
        <v>438</v>
      </c>
      <c r="AY15" s="281">
        <v>282</v>
      </c>
      <c r="AZ15" s="281">
        <v>221</v>
      </c>
      <c r="BA15" s="281">
        <v>66</v>
      </c>
      <c r="BB15" s="281">
        <v>17</v>
      </c>
      <c r="BC15" s="282">
        <v>1024</v>
      </c>
      <c r="BD15" s="283">
        <v>1024</v>
      </c>
      <c r="BE15" s="277">
        <v>0</v>
      </c>
      <c r="BF15" s="281">
        <v>0</v>
      </c>
      <c r="BG15" s="278">
        <v>0</v>
      </c>
      <c r="BH15" s="280">
        <v>0</v>
      </c>
      <c r="BI15" s="281">
        <v>130</v>
      </c>
      <c r="BJ15" s="281">
        <v>85</v>
      </c>
      <c r="BK15" s="281">
        <v>83</v>
      </c>
      <c r="BL15" s="281">
        <v>60</v>
      </c>
      <c r="BM15" s="281">
        <v>0</v>
      </c>
      <c r="BN15" s="278">
        <v>358</v>
      </c>
      <c r="BO15" s="283">
        <v>358</v>
      </c>
      <c r="BP15" s="277">
        <v>2</v>
      </c>
      <c r="BQ15" s="281">
        <v>5</v>
      </c>
      <c r="BR15" s="278">
        <v>7</v>
      </c>
      <c r="BS15" s="280">
        <v>0</v>
      </c>
      <c r="BT15" s="281">
        <v>60</v>
      </c>
      <c r="BU15" s="281">
        <v>33</v>
      </c>
      <c r="BV15" s="281">
        <v>73</v>
      </c>
      <c r="BW15" s="281">
        <v>118</v>
      </c>
      <c r="BX15" s="281">
        <v>48</v>
      </c>
      <c r="BY15" s="278">
        <v>332</v>
      </c>
      <c r="BZ15" s="283">
        <v>339</v>
      </c>
      <c r="CA15" s="277">
        <v>0</v>
      </c>
      <c r="CB15" s="281">
        <v>0</v>
      </c>
      <c r="CC15" s="278">
        <v>0</v>
      </c>
      <c r="CD15" s="280">
        <v>0</v>
      </c>
      <c r="CE15" s="281">
        <v>0</v>
      </c>
      <c r="CF15" s="281">
        <v>7</v>
      </c>
      <c r="CG15" s="281">
        <v>8</v>
      </c>
      <c r="CH15" s="281">
        <v>0</v>
      </c>
      <c r="CI15" s="281">
        <v>3</v>
      </c>
      <c r="CJ15" s="278">
        <v>18</v>
      </c>
      <c r="CK15" s="283">
        <v>18</v>
      </c>
      <c r="CL15" s="277">
        <v>0</v>
      </c>
      <c r="CM15" s="281">
        <v>0</v>
      </c>
      <c r="CN15" s="278">
        <v>0</v>
      </c>
      <c r="CO15" s="280">
        <v>0</v>
      </c>
      <c r="CP15" s="281">
        <v>0</v>
      </c>
      <c r="CQ15" s="281">
        <v>0</v>
      </c>
      <c r="CR15" s="281">
        <v>0</v>
      </c>
      <c r="CS15" s="281">
        <v>0</v>
      </c>
      <c r="CT15" s="281">
        <v>0</v>
      </c>
      <c r="CU15" s="278">
        <v>0</v>
      </c>
      <c r="CV15" s="283">
        <v>0</v>
      </c>
      <c r="CW15" s="277">
        <v>0</v>
      </c>
      <c r="CX15" s="281">
        <v>0</v>
      </c>
      <c r="CY15" s="278">
        <v>0</v>
      </c>
      <c r="CZ15" s="280">
        <v>0</v>
      </c>
      <c r="DA15" s="281">
        <v>0</v>
      </c>
      <c r="DB15" s="281">
        <v>0</v>
      </c>
      <c r="DC15" s="281">
        <v>0</v>
      </c>
      <c r="DD15" s="281">
        <v>0</v>
      </c>
      <c r="DE15" s="281">
        <v>0</v>
      </c>
      <c r="DF15" s="278">
        <v>0</v>
      </c>
      <c r="DG15" s="283">
        <v>0</v>
      </c>
    </row>
    <row r="16" spans="1:111" ht="18.75" customHeight="1" x14ac:dyDescent="0.2">
      <c r="A16" s="262" t="s">
        <v>13</v>
      </c>
      <c r="B16" s="277">
        <v>0</v>
      </c>
      <c r="C16" s="281">
        <v>0</v>
      </c>
      <c r="D16" s="385">
        <v>0</v>
      </c>
      <c r="E16" s="280">
        <v>0</v>
      </c>
      <c r="F16" s="281">
        <v>198</v>
      </c>
      <c r="G16" s="281">
        <v>541</v>
      </c>
      <c r="H16" s="281">
        <v>226</v>
      </c>
      <c r="I16" s="281">
        <v>533</v>
      </c>
      <c r="J16" s="281">
        <v>308</v>
      </c>
      <c r="K16" s="282">
        <v>1806</v>
      </c>
      <c r="L16" s="283">
        <v>1806</v>
      </c>
      <c r="M16" s="277">
        <v>0</v>
      </c>
      <c r="N16" s="281">
        <v>0</v>
      </c>
      <c r="O16" s="278">
        <v>0</v>
      </c>
      <c r="P16" s="280">
        <v>0</v>
      </c>
      <c r="Q16" s="281">
        <v>0</v>
      </c>
      <c r="R16" s="281">
        <v>0</v>
      </c>
      <c r="S16" s="281">
        <v>4</v>
      </c>
      <c r="T16" s="281">
        <v>5</v>
      </c>
      <c r="U16" s="281">
        <v>27</v>
      </c>
      <c r="V16" s="278">
        <v>36</v>
      </c>
      <c r="W16" s="283">
        <v>36</v>
      </c>
      <c r="X16" s="277">
        <v>4</v>
      </c>
      <c r="Y16" s="281">
        <v>0</v>
      </c>
      <c r="Z16" s="278">
        <v>4</v>
      </c>
      <c r="AA16" s="280">
        <v>0</v>
      </c>
      <c r="AB16" s="281">
        <v>64</v>
      </c>
      <c r="AC16" s="281">
        <v>110</v>
      </c>
      <c r="AD16" s="281">
        <v>49</v>
      </c>
      <c r="AE16" s="281">
        <v>88</v>
      </c>
      <c r="AF16" s="281">
        <v>64</v>
      </c>
      <c r="AG16" s="278">
        <v>375</v>
      </c>
      <c r="AH16" s="283">
        <v>379</v>
      </c>
      <c r="AI16" s="277">
        <v>0</v>
      </c>
      <c r="AJ16" s="281">
        <v>0</v>
      </c>
      <c r="AK16" s="278">
        <v>0</v>
      </c>
      <c r="AL16" s="280">
        <v>0</v>
      </c>
      <c r="AM16" s="281">
        <v>24</v>
      </c>
      <c r="AN16" s="281">
        <v>9</v>
      </c>
      <c r="AO16" s="281">
        <v>0</v>
      </c>
      <c r="AP16" s="281">
        <v>0</v>
      </c>
      <c r="AQ16" s="281">
        <v>4</v>
      </c>
      <c r="AR16" s="278">
        <v>37</v>
      </c>
      <c r="AS16" s="283">
        <v>37</v>
      </c>
      <c r="AT16" s="277">
        <v>0</v>
      </c>
      <c r="AU16" s="281">
        <v>0</v>
      </c>
      <c r="AV16" s="278">
        <v>0</v>
      </c>
      <c r="AW16" s="280">
        <v>0</v>
      </c>
      <c r="AX16" s="281">
        <v>102</v>
      </c>
      <c r="AY16" s="281">
        <v>170</v>
      </c>
      <c r="AZ16" s="281">
        <v>105</v>
      </c>
      <c r="BA16" s="281">
        <v>62</v>
      </c>
      <c r="BB16" s="281">
        <v>28</v>
      </c>
      <c r="BC16" s="282">
        <v>467</v>
      </c>
      <c r="BD16" s="283">
        <v>467</v>
      </c>
      <c r="BE16" s="277">
        <v>0</v>
      </c>
      <c r="BF16" s="281">
        <v>0</v>
      </c>
      <c r="BG16" s="278">
        <v>0</v>
      </c>
      <c r="BH16" s="280">
        <v>0</v>
      </c>
      <c r="BI16" s="281">
        <v>18</v>
      </c>
      <c r="BJ16" s="281">
        <v>41</v>
      </c>
      <c r="BK16" s="281">
        <v>13</v>
      </c>
      <c r="BL16" s="281">
        <v>28</v>
      </c>
      <c r="BM16" s="281">
        <v>0</v>
      </c>
      <c r="BN16" s="278">
        <v>100</v>
      </c>
      <c r="BO16" s="283">
        <v>100</v>
      </c>
      <c r="BP16" s="277">
        <v>0</v>
      </c>
      <c r="BQ16" s="281">
        <v>0</v>
      </c>
      <c r="BR16" s="278">
        <v>0</v>
      </c>
      <c r="BS16" s="280">
        <v>0</v>
      </c>
      <c r="BT16" s="281">
        <v>27</v>
      </c>
      <c r="BU16" s="281">
        <v>19</v>
      </c>
      <c r="BV16" s="281">
        <v>37</v>
      </c>
      <c r="BW16" s="281">
        <v>50</v>
      </c>
      <c r="BX16" s="281">
        <v>30</v>
      </c>
      <c r="BY16" s="278">
        <v>163</v>
      </c>
      <c r="BZ16" s="283">
        <v>163</v>
      </c>
      <c r="CA16" s="277">
        <v>0</v>
      </c>
      <c r="CB16" s="281">
        <v>0</v>
      </c>
      <c r="CC16" s="278">
        <v>0</v>
      </c>
      <c r="CD16" s="280">
        <v>0</v>
      </c>
      <c r="CE16" s="281">
        <v>0</v>
      </c>
      <c r="CF16" s="281">
        <v>16</v>
      </c>
      <c r="CG16" s="281">
        <v>0</v>
      </c>
      <c r="CH16" s="281">
        <v>0</v>
      </c>
      <c r="CI16" s="281">
        <v>0</v>
      </c>
      <c r="CJ16" s="278">
        <v>16</v>
      </c>
      <c r="CK16" s="283">
        <v>16</v>
      </c>
      <c r="CL16" s="277">
        <v>0</v>
      </c>
      <c r="CM16" s="281">
        <v>0</v>
      </c>
      <c r="CN16" s="278">
        <v>0</v>
      </c>
      <c r="CO16" s="280">
        <v>0</v>
      </c>
      <c r="CP16" s="281">
        <v>0</v>
      </c>
      <c r="CQ16" s="281">
        <v>0</v>
      </c>
      <c r="CR16" s="281">
        <v>0</v>
      </c>
      <c r="CS16" s="281">
        <v>0</v>
      </c>
      <c r="CT16" s="281">
        <v>0</v>
      </c>
      <c r="CU16" s="278">
        <v>0</v>
      </c>
      <c r="CV16" s="283">
        <v>0</v>
      </c>
      <c r="CW16" s="277">
        <v>0</v>
      </c>
      <c r="CX16" s="281">
        <v>0</v>
      </c>
      <c r="CY16" s="278">
        <v>0</v>
      </c>
      <c r="CZ16" s="280">
        <v>0</v>
      </c>
      <c r="DA16" s="281">
        <v>0</v>
      </c>
      <c r="DB16" s="281">
        <v>0</v>
      </c>
      <c r="DC16" s="281">
        <v>0</v>
      </c>
      <c r="DD16" s="281">
        <v>0</v>
      </c>
      <c r="DE16" s="281">
        <v>0</v>
      </c>
      <c r="DF16" s="278">
        <v>0</v>
      </c>
      <c r="DG16" s="283">
        <v>0</v>
      </c>
    </row>
    <row r="17" spans="1:111" ht="18.75" customHeight="1" x14ac:dyDescent="0.2">
      <c r="A17" s="262" t="s">
        <v>15</v>
      </c>
      <c r="B17" s="277">
        <v>0</v>
      </c>
      <c r="C17" s="281">
        <v>0</v>
      </c>
      <c r="D17" s="385">
        <v>0</v>
      </c>
      <c r="E17" s="280">
        <v>0</v>
      </c>
      <c r="F17" s="281">
        <v>34</v>
      </c>
      <c r="G17" s="281">
        <v>61</v>
      </c>
      <c r="H17" s="281">
        <v>243</v>
      </c>
      <c r="I17" s="281">
        <v>83</v>
      </c>
      <c r="J17" s="281">
        <v>115</v>
      </c>
      <c r="K17" s="282">
        <v>536</v>
      </c>
      <c r="L17" s="283">
        <v>536</v>
      </c>
      <c r="M17" s="277">
        <v>0</v>
      </c>
      <c r="N17" s="281">
        <v>0</v>
      </c>
      <c r="O17" s="278">
        <v>0</v>
      </c>
      <c r="P17" s="280">
        <v>0</v>
      </c>
      <c r="Q17" s="281">
        <v>0</v>
      </c>
      <c r="R17" s="281">
        <v>0</v>
      </c>
      <c r="S17" s="281">
        <v>0</v>
      </c>
      <c r="T17" s="281">
        <v>15</v>
      </c>
      <c r="U17" s="281">
        <v>0</v>
      </c>
      <c r="V17" s="278">
        <v>15</v>
      </c>
      <c r="W17" s="283">
        <v>15</v>
      </c>
      <c r="X17" s="277">
        <v>0</v>
      </c>
      <c r="Y17" s="281">
        <v>9</v>
      </c>
      <c r="Z17" s="278">
        <v>9</v>
      </c>
      <c r="AA17" s="280">
        <v>0</v>
      </c>
      <c r="AB17" s="281">
        <v>18</v>
      </c>
      <c r="AC17" s="281">
        <v>57</v>
      </c>
      <c r="AD17" s="281">
        <v>1</v>
      </c>
      <c r="AE17" s="281">
        <v>14</v>
      </c>
      <c r="AF17" s="281">
        <v>3</v>
      </c>
      <c r="AG17" s="278">
        <v>93</v>
      </c>
      <c r="AH17" s="283">
        <v>102</v>
      </c>
      <c r="AI17" s="277">
        <v>0</v>
      </c>
      <c r="AJ17" s="281">
        <v>0</v>
      </c>
      <c r="AK17" s="278">
        <v>0</v>
      </c>
      <c r="AL17" s="280">
        <v>0</v>
      </c>
      <c r="AM17" s="281">
        <v>8</v>
      </c>
      <c r="AN17" s="281">
        <v>15</v>
      </c>
      <c r="AO17" s="281">
        <v>0</v>
      </c>
      <c r="AP17" s="281">
        <v>0</v>
      </c>
      <c r="AQ17" s="281">
        <v>9</v>
      </c>
      <c r="AR17" s="278">
        <v>32</v>
      </c>
      <c r="AS17" s="283">
        <v>32</v>
      </c>
      <c r="AT17" s="277">
        <v>0</v>
      </c>
      <c r="AU17" s="281">
        <v>0</v>
      </c>
      <c r="AV17" s="278">
        <v>0</v>
      </c>
      <c r="AW17" s="280">
        <v>0</v>
      </c>
      <c r="AX17" s="281">
        <v>12</v>
      </c>
      <c r="AY17" s="281">
        <v>53</v>
      </c>
      <c r="AZ17" s="281">
        <v>28</v>
      </c>
      <c r="BA17" s="281">
        <v>0</v>
      </c>
      <c r="BB17" s="281">
        <v>0</v>
      </c>
      <c r="BC17" s="282">
        <v>93</v>
      </c>
      <c r="BD17" s="283">
        <v>93</v>
      </c>
      <c r="BE17" s="277">
        <v>0</v>
      </c>
      <c r="BF17" s="281">
        <v>0</v>
      </c>
      <c r="BG17" s="278">
        <v>0</v>
      </c>
      <c r="BH17" s="280">
        <v>0</v>
      </c>
      <c r="BI17" s="281">
        <v>22</v>
      </c>
      <c r="BJ17" s="281">
        <v>11</v>
      </c>
      <c r="BK17" s="281">
        <v>14</v>
      </c>
      <c r="BL17" s="281">
        <v>2</v>
      </c>
      <c r="BM17" s="281">
        <v>0</v>
      </c>
      <c r="BN17" s="278">
        <v>49</v>
      </c>
      <c r="BO17" s="283">
        <v>49</v>
      </c>
      <c r="BP17" s="277">
        <v>0</v>
      </c>
      <c r="BQ17" s="281">
        <v>0</v>
      </c>
      <c r="BR17" s="278">
        <v>0</v>
      </c>
      <c r="BS17" s="280">
        <v>0</v>
      </c>
      <c r="BT17" s="281">
        <v>0</v>
      </c>
      <c r="BU17" s="281">
        <v>8</v>
      </c>
      <c r="BV17" s="281">
        <v>29</v>
      </c>
      <c r="BW17" s="281">
        <v>16</v>
      </c>
      <c r="BX17" s="281">
        <v>0</v>
      </c>
      <c r="BY17" s="278">
        <v>53</v>
      </c>
      <c r="BZ17" s="283">
        <v>53</v>
      </c>
      <c r="CA17" s="277">
        <v>0</v>
      </c>
      <c r="CB17" s="281">
        <v>0</v>
      </c>
      <c r="CC17" s="278">
        <v>0</v>
      </c>
      <c r="CD17" s="280">
        <v>0</v>
      </c>
      <c r="CE17" s="281">
        <v>0</v>
      </c>
      <c r="CF17" s="281">
        <v>0</v>
      </c>
      <c r="CG17" s="281">
        <v>0</v>
      </c>
      <c r="CH17" s="281">
        <v>0</v>
      </c>
      <c r="CI17" s="281">
        <v>0</v>
      </c>
      <c r="CJ17" s="278">
        <v>0</v>
      </c>
      <c r="CK17" s="283">
        <v>0</v>
      </c>
      <c r="CL17" s="277">
        <v>0</v>
      </c>
      <c r="CM17" s="281">
        <v>0</v>
      </c>
      <c r="CN17" s="278">
        <v>0</v>
      </c>
      <c r="CO17" s="280">
        <v>0</v>
      </c>
      <c r="CP17" s="281">
        <v>0</v>
      </c>
      <c r="CQ17" s="281">
        <v>0</v>
      </c>
      <c r="CR17" s="281">
        <v>0</v>
      </c>
      <c r="CS17" s="281">
        <v>0</v>
      </c>
      <c r="CT17" s="281">
        <v>0</v>
      </c>
      <c r="CU17" s="278">
        <v>0</v>
      </c>
      <c r="CV17" s="283">
        <v>0</v>
      </c>
      <c r="CW17" s="277">
        <v>0</v>
      </c>
      <c r="CX17" s="281">
        <v>0</v>
      </c>
      <c r="CY17" s="278">
        <v>0</v>
      </c>
      <c r="CZ17" s="280">
        <v>0</v>
      </c>
      <c r="DA17" s="281">
        <v>0</v>
      </c>
      <c r="DB17" s="281">
        <v>0</v>
      </c>
      <c r="DC17" s="281">
        <v>0</v>
      </c>
      <c r="DD17" s="281">
        <v>0</v>
      </c>
      <c r="DE17" s="281">
        <v>0</v>
      </c>
      <c r="DF17" s="278">
        <v>0</v>
      </c>
      <c r="DG17" s="283">
        <v>0</v>
      </c>
    </row>
    <row r="18" spans="1:111" ht="18.75" customHeight="1" x14ac:dyDescent="0.2">
      <c r="A18" s="262" t="s">
        <v>16</v>
      </c>
      <c r="B18" s="277">
        <v>0</v>
      </c>
      <c r="C18" s="281">
        <v>0</v>
      </c>
      <c r="D18" s="385">
        <v>0</v>
      </c>
      <c r="E18" s="280">
        <v>0</v>
      </c>
      <c r="F18" s="281">
        <v>74</v>
      </c>
      <c r="G18" s="281">
        <v>95</v>
      </c>
      <c r="H18" s="281">
        <v>140</v>
      </c>
      <c r="I18" s="281">
        <v>149</v>
      </c>
      <c r="J18" s="281">
        <v>-1</v>
      </c>
      <c r="K18" s="282">
        <v>457</v>
      </c>
      <c r="L18" s="283">
        <v>457</v>
      </c>
      <c r="M18" s="277">
        <v>0</v>
      </c>
      <c r="N18" s="281">
        <v>0</v>
      </c>
      <c r="O18" s="278">
        <v>0</v>
      </c>
      <c r="P18" s="280">
        <v>0</v>
      </c>
      <c r="Q18" s="281">
        <v>0</v>
      </c>
      <c r="R18" s="281">
        <v>7</v>
      </c>
      <c r="S18" s="281">
        <v>0</v>
      </c>
      <c r="T18" s="281">
        <v>0</v>
      </c>
      <c r="U18" s="281">
        <v>12</v>
      </c>
      <c r="V18" s="278">
        <v>19</v>
      </c>
      <c r="W18" s="283">
        <v>19</v>
      </c>
      <c r="X18" s="277">
        <v>9</v>
      </c>
      <c r="Y18" s="281">
        <v>7</v>
      </c>
      <c r="Z18" s="278">
        <v>16</v>
      </c>
      <c r="AA18" s="280">
        <v>0</v>
      </c>
      <c r="AB18" s="281">
        <v>65</v>
      </c>
      <c r="AC18" s="281">
        <v>145</v>
      </c>
      <c r="AD18" s="281">
        <v>84</v>
      </c>
      <c r="AE18" s="281">
        <v>73</v>
      </c>
      <c r="AF18" s="281">
        <v>55</v>
      </c>
      <c r="AG18" s="278">
        <v>422</v>
      </c>
      <c r="AH18" s="283">
        <v>438</v>
      </c>
      <c r="AI18" s="277">
        <v>0</v>
      </c>
      <c r="AJ18" s="281">
        <v>0</v>
      </c>
      <c r="AK18" s="278">
        <v>0</v>
      </c>
      <c r="AL18" s="280">
        <v>0</v>
      </c>
      <c r="AM18" s="281">
        <v>0</v>
      </c>
      <c r="AN18" s="281">
        <v>0</v>
      </c>
      <c r="AO18" s="281">
        <v>21</v>
      </c>
      <c r="AP18" s="281">
        <v>0</v>
      </c>
      <c r="AQ18" s="281">
        <v>12</v>
      </c>
      <c r="AR18" s="278">
        <v>33</v>
      </c>
      <c r="AS18" s="283">
        <v>33</v>
      </c>
      <c r="AT18" s="277">
        <v>0</v>
      </c>
      <c r="AU18" s="281">
        <v>0</v>
      </c>
      <c r="AV18" s="278">
        <v>0</v>
      </c>
      <c r="AW18" s="280">
        <v>0</v>
      </c>
      <c r="AX18" s="281">
        <v>154</v>
      </c>
      <c r="AY18" s="281">
        <v>211</v>
      </c>
      <c r="AZ18" s="281">
        <v>133</v>
      </c>
      <c r="BA18" s="281">
        <v>145</v>
      </c>
      <c r="BB18" s="281">
        <v>17</v>
      </c>
      <c r="BC18" s="282">
        <v>660</v>
      </c>
      <c r="BD18" s="283">
        <v>660</v>
      </c>
      <c r="BE18" s="277">
        <v>0</v>
      </c>
      <c r="BF18" s="281">
        <v>0</v>
      </c>
      <c r="BG18" s="278">
        <v>0</v>
      </c>
      <c r="BH18" s="280">
        <v>0</v>
      </c>
      <c r="BI18" s="281">
        <v>106</v>
      </c>
      <c r="BJ18" s="281">
        <v>232</v>
      </c>
      <c r="BK18" s="281">
        <v>53</v>
      </c>
      <c r="BL18" s="281">
        <v>25</v>
      </c>
      <c r="BM18" s="281">
        <v>0</v>
      </c>
      <c r="BN18" s="278">
        <v>416</v>
      </c>
      <c r="BO18" s="283">
        <v>416</v>
      </c>
      <c r="BP18" s="277">
        <v>0</v>
      </c>
      <c r="BQ18" s="281">
        <v>0</v>
      </c>
      <c r="BR18" s="278">
        <v>0</v>
      </c>
      <c r="BS18" s="280">
        <v>0</v>
      </c>
      <c r="BT18" s="281">
        <v>14</v>
      </c>
      <c r="BU18" s="281">
        <v>69</v>
      </c>
      <c r="BV18" s="281">
        <v>68</v>
      </c>
      <c r="BW18" s="281">
        <v>7</v>
      </c>
      <c r="BX18" s="281">
        <v>0</v>
      </c>
      <c r="BY18" s="278">
        <v>158</v>
      </c>
      <c r="BZ18" s="283">
        <v>158</v>
      </c>
      <c r="CA18" s="277">
        <v>0</v>
      </c>
      <c r="CB18" s="281">
        <v>0</v>
      </c>
      <c r="CC18" s="278">
        <v>0</v>
      </c>
      <c r="CD18" s="280">
        <v>0</v>
      </c>
      <c r="CE18" s="281">
        <v>0</v>
      </c>
      <c r="CF18" s="281">
        <v>1</v>
      </c>
      <c r="CG18" s="281">
        <v>0</v>
      </c>
      <c r="CH18" s="281">
        <v>3</v>
      </c>
      <c r="CI18" s="281">
        <v>0</v>
      </c>
      <c r="CJ18" s="278">
        <v>4</v>
      </c>
      <c r="CK18" s="283">
        <v>4</v>
      </c>
      <c r="CL18" s="277">
        <v>0</v>
      </c>
      <c r="CM18" s="281">
        <v>0</v>
      </c>
      <c r="CN18" s="278">
        <v>0</v>
      </c>
      <c r="CO18" s="280">
        <v>0</v>
      </c>
      <c r="CP18" s="281">
        <v>0</v>
      </c>
      <c r="CQ18" s="281">
        <v>0</v>
      </c>
      <c r="CR18" s="281">
        <v>0</v>
      </c>
      <c r="CS18" s="281">
        <v>0</v>
      </c>
      <c r="CT18" s="281">
        <v>0</v>
      </c>
      <c r="CU18" s="278">
        <v>0</v>
      </c>
      <c r="CV18" s="283">
        <v>0</v>
      </c>
      <c r="CW18" s="277">
        <v>0</v>
      </c>
      <c r="CX18" s="281">
        <v>0</v>
      </c>
      <c r="CY18" s="278">
        <v>0</v>
      </c>
      <c r="CZ18" s="280">
        <v>0</v>
      </c>
      <c r="DA18" s="281">
        <v>0</v>
      </c>
      <c r="DB18" s="281">
        <v>0</v>
      </c>
      <c r="DC18" s="281">
        <v>0</v>
      </c>
      <c r="DD18" s="281">
        <v>0</v>
      </c>
      <c r="DE18" s="281">
        <v>0</v>
      </c>
      <c r="DF18" s="278">
        <v>0</v>
      </c>
      <c r="DG18" s="283">
        <v>0</v>
      </c>
    </row>
    <row r="19" spans="1:111" ht="18.75" customHeight="1" x14ac:dyDescent="0.2">
      <c r="A19" s="262" t="s">
        <v>17</v>
      </c>
      <c r="B19" s="277">
        <v>0</v>
      </c>
      <c r="C19" s="281">
        <v>0</v>
      </c>
      <c r="D19" s="385">
        <v>0</v>
      </c>
      <c r="E19" s="280">
        <v>0</v>
      </c>
      <c r="F19" s="281">
        <v>37</v>
      </c>
      <c r="G19" s="281">
        <v>335</v>
      </c>
      <c r="H19" s="281">
        <v>364</v>
      </c>
      <c r="I19" s="281">
        <v>403</v>
      </c>
      <c r="J19" s="281">
        <v>900</v>
      </c>
      <c r="K19" s="282">
        <v>2039</v>
      </c>
      <c r="L19" s="283">
        <v>2039</v>
      </c>
      <c r="M19" s="277">
        <v>0</v>
      </c>
      <c r="N19" s="281">
        <v>0</v>
      </c>
      <c r="O19" s="278">
        <v>0</v>
      </c>
      <c r="P19" s="280">
        <v>0</v>
      </c>
      <c r="Q19" s="281">
        <v>0</v>
      </c>
      <c r="R19" s="281">
        <v>0</v>
      </c>
      <c r="S19" s="281">
        <v>0</v>
      </c>
      <c r="T19" s="281">
        <v>1</v>
      </c>
      <c r="U19" s="281">
        <v>35</v>
      </c>
      <c r="V19" s="278">
        <v>36</v>
      </c>
      <c r="W19" s="283">
        <v>36</v>
      </c>
      <c r="X19" s="277">
        <v>2</v>
      </c>
      <c r="Y19" s="281">
        <v>15</v>
      </c>
      <c r="Z19" s="278">
        <v>17</v>
      </c>
      <c r="AA19" s="280">
        <v>0</v>
      </c>
      <c r="AB19" s="281">
        <v>51</v>
      </c>
      <c r="AC19" s="281">
        <v>98</v>
      </c>
      <c r="AD19" s="281">
        <v>161</v>
      </c>
      <c r="AE19" s="281">
        <v>52</v>
      </c>
      <c r="AF19" s="281">
        <v>44</v>
      </c>
      <c r="AG19" s="278">
        <v>406</v>
      </c>
      <c r="AH19" s="283">
        <v>423</v>
      </c>
      <c r="AI19" s="277">
        <v>24</v>
      </c>
      <c r="AJ19" s="281">
        <v>0</v>
      </c>
      <c r="AK19" s="278">
        <v>24</v>
      </c>
      <c r="AL19" s="280">
        <v>0</v>
      </c>
      <c r="AM19" s="281">
        <v>0</v>
      </c>
      <c r="AN19" s="281">
        <v>25</v>
      </c>
      <c r="AO19" s="281">
        <v>0</v>
      </c>
      <c r="AP19" s="281">
        <v>0</v>
      </c>
      <c r="AQ19" s="281">
        <v>21</v>
      </c>
      <c r="AR19" s="278">
        <v>46</v>
      </c>
      <c r="AS19" s="283">
        <v>70</v>
      </c>
      <c r="AT19" s="277">
        <v>0</v>
      </c>
      <c r="AU19" s="281">
        <v>0</v>
      </c>
      <c r="AV19" s="278">
        <v>0</v>
      </c>
      <c r="AW19" s="280">
        <v>0</v>
      </c>
      <c r="AX19" s="281">
        <v>213</v>
      </c>
      <c r="AY19" s="281">
        <v>198</v>
      </c>
      <c r="AZ19" s="281">
        <v>189</v>
      </c>
      <c r="BA19" s="281">
        <v>95</v>
      </c>
      <c r="BB19" s="281">
        <v>36</v>
      </c>
      <c r="BC19" s="282">
        <v>731</v>
      </c>
      <c r="BD19" s="283">
        <v>731</v>
      </c>
      <c r="BE19" s="277">
        <v>0</v>
      </c>
      <c r="BF19" s="281">
        <v>0</v>
      </c>
      <c r="BG19" s="278">
        <v>0</v>
      </c>
      <c r="BH19" s="280">
        <v>0</v>
      </c>
      <c r="BI19" s="281">
        <v>41</v>
      </c>
      <c r="BJ19" s="281">
        <v>144</v>
      </c>
      <c r="BK19" s="281">
        <v>8</v>
      </c>
      <c r="BL19" s="281">
        <v>16</v>
      </c>
      <c r="BM19" s="281">
        <v>4</v>
      </c>
      <c r="BN19" s="278">
        <v>213</v>
      </c>
      <c r="BO19" s="283">
        <v>213</v>
      </c>
      <c r="BP19" s="277">
        <v>0</v>
      </c>
      <c r="BQ19" s="281">
        <v>9</v>
      </c>
      <c r="BR19" s="278">
        <v>9</v>
      </c>
      <c r="BS19" s="280">
        <v>0</v>
      </c>
      <c r="BT19" s="281">
        <v>12</v>
      </c>
      <c r="BU19" s="281">
        <v>29</v>
      </c>
      <c r="BV19" s="281">
        <v>115</v>
      </c>
      <c r="BW19" s="281">
        <v>41</v>
      </c>
      <c r="BX19" s="281">
        <v>21</v>
      </c>
      <c r="BY19" s="278">
        <v>218</v>
      </c>
      <c r="BZ19" s="283">
        <v>227</v>
      </c>
      <c r="CA19" s="277">
        <v>0</v>
      </c>
      <c r="CB19" s="281">
        <v>0</v>
      </c>
      <c r="CC19" s="278">
        <v>0</v>
      </c>
      <c r="CD19" s="280">
        <v>0</v>
      </c>
      <c r="CE19" s="281">
        <v>11</v>
      </c>
      <c r="CF19" s="281">
        <v>9</v>
      </c>
      <c r="CG19" s="281">
        <v>9</v>
      </c>
      <c r="CH19" s="281">
        <v>0</v>
      </c>
      <c r="CI19" s="281">
        <v>0</v>
      </c>
      <c r="CJ19" s="278">
        <v>29</v>
      </c>
      <c r="CK19" s="283">
        <v>29</v>
      </c>
      <c r="CL19" s="277">
        <v>0</v>
      </c>
      <c r="CM19" s="281">
        <v>0</v>
      </c>
      <c r="CN19" s="278">
        <v>0</v>
      </c>
      <c r="CO19" s="280">
        <v>0</v>
      </c>
      <c r="CP19" s="281">
        <v>0</v>
      </c>
      <c r="CQ19" s="281">
        <v>0</v>
      </c>
      <c r="CR19" s="281">
        <v>0</v>
      </c>
      <c r="CS19" s="281">
        <v>0</v>
      </c>
      <c r="CT19" s="281">
        <v>0</v>
      </c>
      <c r="CU19" s="278">
        <v>0</v>
      </c>
      <c r="CV19" s="283">
        <v>0</v>
      </c>
      <c r="CW19" s="277">
        <v>0</v>
      </c>
      <c r="CX19" s="281">
        <v>0</v>
      </c>
      <c r="CY19" s="278">
        <v>0</v>
      </c>
      <c r="CZ19" s="280">
        <v>0</v>
      </c>
      <c r="DA19" s="281">
        <v>0</v>
      </c>
      <c r="DB19" s="281">
        <v>0</v>
      </c>
      <c r="DC19" s="281">
        <v>0</v>
      </c>
      <c r="DD19" s="281">
        <v>0</v>
      </c>
      <c r="DE19" s="281">
        <v>0</v>
      </c>
      <c r="DF19" s="278">
        <v>0</v>
      </c>
      <c r="DG19" s="283">
        <v>0</v>
      </c>
    </row>
    <row r="20" spans="1:111" ht="18.75" customHeight="1" x14ac:dyDescent="0.2">
      <c r="A20" s="262" t="s">
        <v>18</v>
      </c>
      <c r="B20" s="277">
        <v>0</v>
      </c>
      <c r="C20" s="281">
        <v>0</v>
      </c>
      <c r="D20" s="385">
        <v>0</v>
      </c>
      <c r="E20" s="280">
        <v>0</v>
      </c>
      <c r="F20" s="281">
        <v>178</v>
      </c>
      <c r="G20" s="281">
        <v>581</v>
      </c>
      <c r="H20" s="281">
        <v>369</v>
      </c>
      <c r="I20" s="281">
        <v>741</v>
      </c>
      <c r="J20" s="281">
        <v>155</v>
      </c>
      <c r="K20" s="282">
        <v>2024</v>
      </c>
      <c r="L20" s="283">
        <v>2024</v>
      </c>
      <c r="M20" s="277">
        <v>0</v>
      </c>
      <c r="N20" s="281">
        <v>0</v>
      </c>
      <c r="O20" s="278">
        <v>0</v>
      </c>
      <c r="P20" s="280">
        <v>0</v>
      </c>
      <c r="Q20" s="281">
        <v>9</v>
      </c>
      <c r="R20" s="281">
        <v>0</v>
      </c>
      <c r="S20" s="281">
        <v>5</v>
      </c>
      <c r="T20" s="281">
        <v>11</v>
      </c>
      <c r="U20" s="281">
        <v>3</v>
      </c>
      <c r="V20" s="278">
        <v>28</v>
      </c>
      <c r="W20" s="283">
        <v>28</v>
      </c>
      <c r="X20" s="277">
        <v>16</v>
      </c>
      <c r="Y20" s="281">
        <v>26</v>
      </c>
      <c r="Z20" s="278">
        <v>42</v>
      </c>
      <c r="AA20" s="280">
        <v>0</v>
      </c>
      <c r="AB20" s="281">
        <v>158</v>
      </c>
      <c r="AC20" s="281">
        <v>159</v>
      </c>
      <c r="AD20" s="281">
        <v>87</v>
      </c>
      <c r="AE20" s="281">
        <v>172</v>
      </c>
      <c r="AF20" s="281">
        <v>36</v>
      </c>
      <c r="AG20" s="278">
        <v>612</v>
      </c>
      <c r="AH20" s="283">
        <v>654</v>
      </c>
      <c r="AI20" s="277">
        <v>0</v>
      </c>
      <c r="AJ20" s="281">
        <v>33</v>
      </c>
      <c r="AK20" s="278">
        <v>33</v>
      </c>
      <c r="AL20" s="280">
        <v>0</v>
      </c>
      <c r="AM20" s="281">
        <v>50</v>
      </c>
      <c r="AN20" s="281">
        <v>48</v>
      </c>
      <c r="AO20" s="281">
        <v>12</v>
      </c>
      <c r="AP20" s="281">
        <v>21</v>
      </c>
      <c r="AQ20" s="281">
        <v>0</v>
      </c>
      <c r="AR20" s="278">
        <v>131</v>
      </c>
      <c r="AS20" s="283">
        <v>164</v>
      </c>
      <c r="AT20" s="277">
        <v>0</v>
      </c>
      <c r="AU20" s="281">
        <v>0</v>
      </c>
      <c r="AV20" s="278">
        <v>0</v>
      </c>
      <c r="AW20" s="280">
        <v>0</v>
      </c>
      <c r="AX20" s="281">
        <v>353</v>
      </c>
      <c r="AY20" s="281">
        <v>315</v>
      </c>
      <c r="AZ20" s="281">
        <v>284</v>
      </c>
      <c r="BA20" s="281">
        <v>76</v>
      </c>
      <c r="BB20" s="281">
        <v>43</v>
      </c>
      <c r="BC20" s="282">
        <v>1071</v>
      </c>
      <c r="BD20" s="283">
        <v>1071</v>
      </c>
      <c r="BE20" s="277">
        <v>0</v>
      </c>
      <c r="BF20" s="281">
        <v>0</v>
      </c>
      <c r="BG20" s="278">
        <v>0</v>
      </c>
      <c r="BH20" s="280">
        <v>0</v>
      </c>
      <c r="BI20" s="281">
        <v>104</v>
      </c>
      <c r="BJ20" s="281">
        <v>165</v>
      </c>
      <c r="BK20" s="281">
        <v>95</v>
      </c>
      <c r="BL20" s="281">
        <v>45</v>
      </c>
      <c r="BM20" s="281">
        <v>3</v>
      </c>
      <c r="BN20" s="278">
        <v>412</v>
      </c>
      <c r="BO20" s="283">
        <v>412</v>
      </c>
      <c r="BP20" s="277">
        <v>0</v>
      </c>
      <c r="BQ20" s="281">
        <v>0</v>
      </c>
      <c r="BR20" s="278">
        <v>0</v>
      </c>
      <c r="BS20" s="280">
        <v>0</v>
      </c>
      <c r="BT20" s="281">
        <v>39</v>
      </c>
      <c r="BU20" s="281">
        <v>20</v>
      </c>
      <c r="BV20" s="281">
        <v>99</v>
      </c>
      <c r="BW20" s="281">
        <v>80</v>
      </c>
      <c r="BX20" s="281">
        <v>35</v>
      </c>
      <c r="BY20" s="278">
        <v>273</v>
      </c>
      <c r="BZ20" s="283">
        <v>273</v>
      </c>
      <c r="CA20" s="277">
        <v>0</v>
      </c>
      <c r="CB20" s="281">
        <v>0</v>
      </c>
      <c r="CC20" s="278">
        <v>0</v>
      </c>
      <c r="CD20" s="280">
        <v>0</v>
      </c>
      <c r="CE20" s="281">
        <v>3</v>
      </c>
      <c r="CF20" s="281">
        <v>0</v>
      </c>
      <c r="CG20" s="281">
        <v>0</v>
      </c>
      <c r="CH20" s="281">
        <v>0</v>
      </c>
      <c r="CI20" s="281">
        <v>0</v>
      </c>
      <c r="CJ20" s="278">
        <v>3</v>
      </c>
      <c r="CK20" s="283">
        <v>3</v>
      </c>
      <c r="CL20" s="277">
        <v>0</v>
      </c>
      <c r="CM20" s="281">
        <v>0</v>
      </c>
      <c r="CN20" s="278">
        <v>0</v>
      </c>
      <c r="CO20" s="280">
        <v>0</v>
      </c>
      <c r="CP20" s="281">
        <v>0</v>
      </c>
      <c r="CQ20" s="281">
        <v>0</v>
      </c>
      <c r="CR20" s="281">
        <v>0</v>
      </c>
      <c r="CS20" s="281">
        <v>0</v>
      </c>
      <c r="CT20" s="281">
        <v>0</v>
      </c>
      <c r="CU20" s="278">
        <v>0</v>
      </c>
      <c r="CV20" s="283">
        <v>0</v>
      </c>
      <c r="CW20" s="277">
        <v>0</v>
      </c>
      <c r="CX20" s="281">
        <v>0</v>
      </c>
      <c r="CY20" s="278">
        <v>0</v>
      </c>
      <c r="CZ20" s="280">
        <v>0</v>
      </c>
      <c r="DA20" s="281">
        <v>0</v>
      </c>
      <c r="DB20" s="281">
        <v>0</v>
      </c>
      <c r="DC20" s="281">
        <v>0</v>
      </c>
      <c r="DD20" s="281">
        <v>0</v>
      </c>
      <c r="DE20" s="281">
        <v>0</v>
      </c>
      <c r="DF20" s="278">
        <v>0</v>
      </c>
      <c r="DG20" s="283">
        <v>0</v>
      </c>
    </row>
    <row r="21" spans="1:111" ht="18.75" customHeight="1" x14ac:dyDescent="0.2">
      <c r="A21" s="262" t="s">
        <v>19</v>
      </c>
      <c r="B21" s="277">
        <v>0</v>
      </c>
      <c r="C21" s="281">
        <v>0</v>
      </c>
      <c r="D21" s="385">
        <v>0</v>
      </c>
      <c r="E21" s="280">
        <v>0</v>
      </c>
      <c r="F21" s="281">
        <v>333</v>
      </c>
      <c r="G21" s="281">
        <v>129</v>
      </c>
      <c r="H21" s="281">
        <v>90</v>
      </c>
      <c r="I21" s="281">
        <v>349</v>
      </c>
      <c r="J21" s="281">
        <v>8</v>
      </c>
      <c r="K21" s="282">
        <v>909</v>
      </c>
      <c r="L21" s="283">
        <v>909</v>
      </c>
      <c r="M21" s="277">
        <v>0</v>
      </c>
      <c r="N21" s="281">
        <v>0</v>
      </c>
      <c r="O21" s="278">
        <v>0</v>
      </c>
      <c r="P21" s="280">
        <v>0</v>
      </c>
      <c r="Q21" s="281">
        <v>0</v>
      </c>
      <c r="R21" s="281">
        <v>0</v>
      </c>
      <c r="S21" s="281">
        <v>9</v>
      </c>
      <c r="T21" s="281">
        <v>36</v>
      </c>
      <c r="U21" s="281">
        <v>17</v>
      </c>
      <c r="V21" s="278">
        <v>62</v>
      </c>
      <c r="W21" s="283">
        <v>62</v>
      </c>
      <c r="X21" s="277">
        <v>4</v>
      </c>
      <c r="Y21" s="281">
        <v>0</v>
      </c>
      <c r="Z21" s="278">
        <v>4</v>
      </c>
      <c r="AA21" s="280">
        <v>0</v>
      </c>
      <c r="AB21" s="281">
        <v>117</v>
      </c>
      <c r="AC21" s="281">
        <v>102</v>
      </c>
      <c r="AD21" s="281">
        <v>60</v>
      </c>
      <c r="AE21" s="281">
        <v>60</v>
      </c>
      <c r="AF21" s="281">
        <v>56</v>
      </c>
      <c r="AG21" s="278">
        <v>395</v>
      </c>
      <c r="AH21" s="283">
        <v>399</v>
      </c>
      <c r="AI21" s="277">
        <v>0</v>
      </c>
      <c r="AJ21" s="281">
        <v>0</v>
      </c>
      <c r="AK21" s="278">
        <v>0</v>
      </c>
      <c r="AL21" s="280">
        <v>0</v>
      </c>
      <c r="AM21" s="281">
        <v>9</v>
      </c>
      <c r="AN21" s="281">
        <v>9</v>
      </c>
      <c r="AO21" s="281">
        <v>33</v>
      </c>
      <c r="AP21" s="281">
        <v>8</v>
      </c>
      <c r="AQ21" s="281">
        <v>0</v>
      </c>
      <c r="AR21" s="278">
        <v>59</v>
      </c>
      <c r="AS21" s="283">
        <v>59</v>
      </c>
      <c r="AT21" s="277">
        <v>0</v>
      </c>
      <c r="AU21" s="281">
        <v>0</v>
      </c>
      <c r="AV21" s="278">
        <v>0</v>
      </c>
      <c r="AW21" s="280">
        <v>0</v>
      </c>
      <c r="AX21" s="281">
        <v>159</v>
      </c>
      <c r="AY21" s="281">
        <v>165</v>
      </c>
      <c r="AZ21" s="281">
        <v>99</v>
      </c>
      <c r="BA21" s="281">
        <v>18</v>
      </c>
      <c r="BB21" s="281">
        <v>0</v>
      </c>
      <c r="BC21" s="282">
        <v>441</v>
      </c>
      <c r="BD21" s="283">
        <v>441</v>
      </c>
      <c r="BE21" s="277">
        <v>0</v>
      </c>
      <c r="BF21" s="281">
        <v>0</v>
      </c>
      <c r="BG21" s="278">
        <v>0</v>
      </c>
      <c r="BH21" s="280">
        <v>0</v>
      </c>
      <c r="BI21" s="281">
        <v>81</v>
      </c>
      <c r="BJ21" s="281">
        <v>50</v>
      </c>
      <c r="BK21" s="281">
        <v>9</v>
      </c>
      <c r="BL21" s="281">
        <v>15</v>
      </c>
      <c r="BM21" s="281">
        <v>0</v>
      </c>
      <c r="BN21" s="278">
        <v>155</v>
      </c>
      <c r="BO21" s="283">
        <v>155</v>
      </c>
      <c r="BP21" s="277">
        <v>0</v>
      </c>
      <c r="BQ21" s="281">
        <v>0</v>
      </c>
      <c r="BR21" s="278">
        <v>0</v>
      </c>
      <c r="BS21" s="280">
        <v>0</v>
      </c>
      <c r="BT21" s="281">
        <v>5</v>
      </c>
      <c r="BU21" s="281">
        <v>25</v>
      </c>
      <c r="BV21" s="281">
        <v>8</v>
      </c>
      <c r="BW21" s="281">
        <v>0</v>
      </c>
      <c r="BX21" s="281">
        <v>0</v>
      </c>
      <c r="BY21" s="278">
        <v>38</v>
      </c>
      <c r="BZ21" s="283">
        <v>38</v>
      </c>
      <c r="CA21" s="277">
        <v>0</v>
      </c>
      <c r="CB21" s="281">
        <v>0</v>
      </c>
      <c r="CC21" s="278">
        <v>0</v>
      </c>
      <c r="CD21" s="280">
        <v>0</v>
      </c>
      <c r="CE21" s="281">
        <v>3</v>
      </c>
      <c r="CF21" s="281">
        <v>0</v>
      </c>
      <c r="CG21" s="281">
        <v>0</v>
      </c>
      <c r="CH21" s="281">
        <v>0</v>
      </c>
      <c r="CI21" s="281">
        <v>0</v>
      </c>
      <c r="CJ21" s="278">
        <v>3</v>
      </c>
      <c r="CK21" s="283">
        <v>3</v>
      </c>
      <c r="CL21" s="277">
        <v>0</v>
      </c>
      <c r="CM21" s="281">
        <v>0</v>
      </c>
      <c r="CN21" s="278">
        <v>0</v>
      </c>
      <c r="CO21" s="280">
        <v>0</v>
      </c>
      <c r="CP21" s="281">
        <v>0</v>
      </c>
      <c r="CQ21" s="281">
        <v>0</v>
      </c>
      <c r="CR21" s="281">
        <v>0</v>
      </c>
      <c r="CS21" s="281">
        <v>0</v>
      </c>
      <c r="CT21" s="281">
        <v>0</v>
      </c>
      <c r="CU21" s="278">
        <v>0</v>
      </c>
      <c r="CV21" s="283">
        <v>0</v>
      </c>
      <c r="CW21" s="277">
        <v>0</v>
      </c>
      <c r="CX21" s="281">
        <v>0</v>
      </c>
      <c r="CY21" s="278">
        <v>0</v>
      </c>
      <c r="CZ21" s="280">
        <v>0</v>
      </c>
      <c r="DA21" s="281">
        <v>0</v>
      </c>
      <c r="DB21" s="281">
        <v>0</v>
      </c>
      <c r="DC21" s="281">
        <v>0</v>
      </c>
      <c r="DD21" s="281">
        <v>0</v>
      </c>
      <c r="DE21" s="281">
        <v>0</v>
      </c>
      <c r="DF21" s="278">
        <v>0</v>
      </c>
      <c r="DG21" s="283">
        <v>0</v>
      </c>
    </row>
    <row r="22" spans="1:111" ht="18.75" customHeight="1" x14ac:dyDescent="0.2">
      <c r="A22" s="262" t="s">
        <v>20</v>
      </c>
      <c r="B22" s="277">
        <v>0</v>
      </c>
      <c r="C22" s="281">
        <v>0</v>
      </c>
      <c r="D22" s="385">
        <v>0</v>
      </c>
      <c r="E22" s="280">
        <v>0</v>
      </c>
      <c r="F22" s="281">
        <v>200</v>
      </c>
      <c r="G22" s="281">
        <v>366</v>
      </c>
      <c r="H22" s="281">
        <v>172</v>
      </c>
      <c r="I22" s="281">
        <v>153</v>
      </c>
      <c r="J22" s="281">
        <v>425</v>
      </c>
      <c r="K22" s="282">
        <v>1316</v>
      </c>
      <c r="L22" s="283">
        <v>1316</v>
      </c>
      <c r="M22" s="277">
        <v>0</v>
      </c>
      <c r="N22" s="281">
        <v>0</v>
      </c>
      <c r="O22" s="278">
        <v>0</v>
      </c>
      <c r="P22" s="280">
        <v>0</v>
      </c>
      <c r="Q22" s="281">
        <v>0</v>
      </c>
      <c r="R22" s="281">
        <v>1</v>
      </c>
      <c r="S22" s="281">
        <v>0</v>
      </c>
      <c r="T22" s="281">
        <v>0</v>
      </c>
      <c r="U22" s="281">
        <v>11</v>
      </c>
      <c r="V22" s="278">
        <v>12</v>
      </c>
      <c r="W22" s="283">
        <v>12</v>
      </c>
      <c r="X22" s="277">
        <v>12</v>
      </c>
      <c r="Y22" s="281">
        <v>25</v>
      </c>
      <c r="Z22" s="278">
        <v>37</v>
      </c>
      <c r="AA22" s="280">
        <v>0</v>
      </c>
      <c r="AB22" s="281">
        <v>194</v>
      </c>
      <c r="AC22" s="281">
        <v>157</v>
      </c>
      <c r="AD22" s="281">
        <v>89</v>
      </c>
      <c r="AE22" s="281">
        <v>47</v>
      </c>
      <c r="AF22" s="281">
        <v>61</v>
      </c>
      <c r="AG22" s="278">
        <v>548</v>
      </c>
      <c r="AH22" s="283">
        <v>585</v>
      </c>
      <c r="AI22" s="277">
        <v>16</v>
      </c>
      <c r="AJ22" s="281">
        <v>16</v>
      </c>
      <c r="AK22" s="278">
        <v>32</v>
      </c>
      <c r="AL22" s="280">
        <v>0</v>
      </c>
      <c r="AM22" s="281">
        <v>38</v>
      </c>
      <c r="AN22" s="281">
        <v>58</v>
      </c>
      <c r="AO22" s="281">
        <v>56</v>
      </c>
      <c r="AP22" s="281">
        <v>16</v>
      </c>
      <c r="AQ22" s="281">
        <v>0</v>
      </c>
      <c r="AR22" s="278">
        <v>168</v>
      </c>
      <c r="AS22" s="283">
        <v>200</v>
      </c>
      <c r="AT22" s="277">
        <v>0</v>
      </c>
      <c r="AU22" s="281">
        <v>0</v>
      </c>
      <c r="AV22" s="278">
        <v>0</v>
      </c>
      <c r="AW22" s="280">
        <v>0</v>
      </c>
      <c r="AX22" s="281">
        <v>182</v>
      </c>
      <c r="AY22" s="281">
        <v>144</v>
      </c>
      <c r="AZ22" s="281">
        <v>118</v>
      </c>
      <c r="BA22" s="281">
        <v>61</v>
      </c>
      <c r="BB22" s="281">
        <v>0</v>
      </c>
      <c r="BC22" s="282">
        <v>505</v>
      </c>
      <c r="BD22" s="283">
        <v>505</v>
      </c>
      <c r="BE22" s="277">
        <v>0</v>
      </c>
      <c r="BF22" s="281">
        <v>0</v>
      </c>
      <c r="BG22" s="278">
        <v>0</v>
      </c>
      <c r="BH22" s="280">
        <v>0</v>
      </c>
      <c r="BI22" s="281">
        <v>77</v>
      </c>
      <c r="BJ22" s="281">
        <v>62</v>
      </c>
      <c r="BK22" s="281">
        <v>37</v>
      </c>
      <c r="BL22" s="281">
        <v>69</v>
      </c>
      <c r="BM22" s="281">
        <v>4</v>
      </c>
      <c r="BN22" s="278">
        <v>249</v>
      </c>
      <c r="BO22" s="283">
        <v>249</v>
      </c>
      <c r="BP22" s="277">
        <v>2</v>
      </c>
      <c r="BQ22" s="281">
        <v>3</v>
      </c>
      <c r="BR22" s="278">
        <v>5</v>
      </c>
      <c r="BS22" s="280">
        <v>0</v>
      </c>
      <c r="BT22" s="281">
        <v>30</v>
      </c>
      <c r="BU22" s="281">
        <v>5</v>
      </c>
      <c r="BV22" s="281">
        <v>106</v>
      </c>
      <c r="BW22" s="281">
        <v>100</v>
      </c>
      <c r="BX22" s="281">
        <v>0</v>
      </c>
      <c r="BY22" s="278">
        <v>241</v>
      </c>
      <c r="BZ22" s="283">
        <v>246</v>
      </c>
      <c r="CA22" s="277">
        <v>0</v>
      </c>
      <c r="CB22" s="281">
        <v>0</v>
      </c>
      <c r="CC22" s="278">
        <v>0</v>
      </c>
      <c r="CD22" s="280">
        <v>0</v>
      </c>
      <c r="CE22" s="281">
        <v>0</v>
      </c>
      <c r="CF22" s="281">
        <v>0</v>
      </c>
      <c r="CG22" s="281">
        <v>0</v>
      </c>
      <c r="CH22" s="281">
        <v>15</v>
      </c>
      <c r="CI22" s="281">
        <v>0</v>
      </c>
      <c r="CJ22" s="278">
        <v>15</v>
      </c>
      <c r="CK22" s="283">
        <v>15</v>
      </c>
      <c r="CL22" s="277">
        <v>0</v>
      </c>
      <c r="CM22" s="281">
        <v>0</v>
      </c>
      <c r="CN22" s="278">
        <v>0</v>
      </c>
      <c r="CO22" s="280">
        <v>0</v>
      </c>
      <c r="CP22" s="281">
        <v>0</v>
      </c>
      <c r="CQ22" s="281">
        <v>0</v>
      </c>
      <c r="CR22" s="281">
        <v>0</v>
      </c>
      <c r="CS22" s="281">
        <v>0</v>
      </c>
      <c r="CT22" s="281">
        <v>0</v>
      </c>
      <c r="CU22" s="278">
        <v>0</v>
      </c>
      <c r="CV22" s="283">
        <v>0</v>
      </c>
      <c r="CW22" s="277">
        <v>0</v>
      </c>
      <c r="CX22" s="281">
        <v>0</v>
      </c>
      <c r="CY22" s="278">
        <v>0</v>
      </c>
      <c r="CZ22" s="280">
        <v>0</v>
      </c>
      <c r="DA22" s="281">
        <v>0</v>
      </c>
      <c r="DB22" s="281">
        <v>0</v>
      </c>
      <c r="DC22" s="281">
        <v>0</v>
      </c>
      <c r="DD22" s="281">
        <v>0</v>
      </c>
      <c r="DE22" s="281">
        <v>0</v>
      </c>
      <c r="DF22" s="278">
        <v>0</v>
      </c>
      <c r="DG22" s="283">
        <v>0</v>
      </c>
    </row>
    <row r="23" spans="1:111" ht="18.75" customHeight="1" x14ac:dyDescent="0.2">
      <c r="A23" s="262" t="s">
        <v>21</v>
      </c>
      <c r="B23" s="277">
        <v>0</v>
      </c>
      <c r="C23" s="281">
        <v>0</v>
      </c>
      <c r="D23" s="385">
        <v>0</v>
      </c>
      <c r="E23" s="280">
        <v>0</v>
      </c>
      <c r="F23" s="281">
        <v>195</v>
      </c>
      <c r="G23" s="281">
        <v>140</v>
      </c>
      <c r="H23" s="281">
        <v>156</v>
      </c>
      <c r="I23" s="281">
        <v>529</v>
      </c>
      <c r="J23" s="281">
        <v>405</v>
      </c>
      <c r="K23" s="282">
        <v>1425</v>
      </c>
      <c r="L23" s="283">
        <v>1425</v>
      </c>
      <c r="M23" s="277">
        <v>0</v>
      </c>
      <c r="N23" s="281">
        <v>0</v>
      </c>
      <c r="O23" s="278">
        <v>0</v>
      </c>
      <c r="P23" s="280">
        <v>0</v>
      </c>
      <c r="Q23" s="281">
        <v>0</v>
      </c>
      <c r="R23" s="281">
        <v>0</v>
      </c>
      <c r="S23" s="281">
        <v>5</v>
      </c>
      <c r="T23" s="281">
        <v>1</v>
      </c>
      <c r="U23" s="281">
        <v>14</v>
      </c>
      <c r="V23" s="278">
        <v>20</v>
      </c>
      <c r="W23" s="283">
        <v>20</v>
      </c>
      <c r="X23" s="277">
        <v>28</v>
      </c>
      <c r="Y23" s="281">
        <v>4</v>
      </c>
      <c r="Z23" s="278">
        <v>32</v>
      </c>
      <c r="AA23" s="280">
        <v>0</v>
      </c>
      <c r="AB23" s="281">
        <v>179</v>
      </c>
      <c r="AC23" s="281">
        <v>217</v>
      </c>
      <c r="AD23" s="281">
        <v>93</v>
      </c>
      <c r="AE23" s="281">
        <v>90</v>
      </c>
      <c r="AF23" s="281">
        <v>22</v>
      </c>
      <c r="AG23" s="278">
        <v>601</v>
      </c>
      <c r="AH23" s="283">
        <v>633</v>
      </c>
      <c r="AI23" s="277">
        <v>12</v>
      </c>
      <c r="AJ23" s="281">
        <v>8</v>
      </c>
      <c r="AK23" s="278">
        <v>20</v>
      </c>
      <c r="AL23" s="280">
        <v>0</v>
      </c>
      <c r="AM23" s="281">
        <v>22</v>
      </c>
      <c r="AN23" s="281">
        <v>49</v>
      </c>
      <c r="AO23" s="281">
        <v>0</v>
      </c>
      <c r="AP23" s="281">
        <v>0</v>
      </c>
      <c r="AQ23" s="281">
        <v>0</v>
      </c>
      <c r="AR23" s="278">
        <v>71</v>
      </c>
      <c r="AS23" s="283">
        <v>91</v>
      </c>
      <c r="AT23" s="277">
        <v>0</v>
      </c>
      <c r="AU23" s="281">
        <v>0</v>
      </c>
      <c r="AV23" s="278">
        <v>0</v>
      </c>
      <c r="AW23" s="280">
        <v>0</v>
      </c>
      <c r="AX23" s="281">
        <v>136</v>
      </c>
      <c r="AY23" s="281">
        <v>116</v>
      </c>
      <c r="AZ23" s="281">
        <v>108</v>
      </c>
      <c r="BA23" s="281">
        <v>24</v>
      </c>
      <c r="BB23" s="281">
        <v>68</v>
      </c>
      <c r="BC23" s="282">
        <v>452</v>
      </c>
      <c r="BD23" s="283">
        <v>452</v>
      </c>
      <c r="BE23" s="277">
        <v>0</v>
      </c>
      <c r="BF23" s="281">
        <v>0</v>
      </c>
      <c r="BG23" s="278">
        <v>0</v>
      </c>
      <c r="BH23" s="280">
        <v>0</v>
      </c>
      <c r="BI23" s="281">
        <v>45</v>
      </c>
      <c r="BJ23" s="281">
        <v>92</v>
      </c>
      <c r="BK23" s="281">
        <v>37</v>
      </c>
      <c r="BL23" s="281">
        <v>0</v>
      </c>
      <c r="BM23" s="281">
        <v>0</v>
      </c>
      <c r="BN23" s="278">
        <v>174</v>
      </c>
      <c r="BO23" s="283">
        <v>174</v>
      </c>
      <c r="BP23" s="277">
        <v>0</v>
      </c>
      <c r="BQ23" s="281">
        <v>0</v>
      </c>
      <c r="BR23" s="278">
        <v>0</v>
      </c>
      <c r="BS23" s="280">
        <v>0</v>
      </c>
      <c r="BT23" s="281">
        <v>51</v>
      </c>
      <c r="BU23" s="281">
        <v>14</v>
      </c>
      <c r="BV23" s="281">
        <v>126</v>
      </c>
      <c r="BW23" s="281">
        <v>31</v>
      </c>
      <c r="BX23" s="281">
        <v>28</v>
      </c>
      <c r="BY23" s="278">
        <v>250</v>
      </c>
      <c r="BZ23" s="283">
        <v>250</v>
      </c>
      <c r="CA23" s="277">
        <v>0</v>
      </c>
      <c r="CB23" s="281">
        <v>0</v>
      </c>
      <c r="CC23" s="278">
        <v>0</v>
      </c>
      <c r="CD23" s="280">
        <v>0</v>
      </c>
      <c r="CE23" s="281">
        <v>0</v>
      </c>
      <c r="CF23" s="281">
        <v>0</v>
      </c>
      <c r="CG23" s="281">
        <v>0</v>
      </c>
      <c r="CH23" s="281">
        <v>0</v>
      </c>
      <c r="CI23" s="281">
        <v>0</v>
      </c>
      <c r="CJ23" s="278">
        <v>0</v>
      </c>
      <c r="CK23" s="283">
        <v>0</v>
      </c>
      <c r="CL23" s="277">
        <v>0</v>
      </c>
      <c r="CM23" s="281">
        <v>0</v>
      </c>
      <c r="CN23" s="278">
        <v>0</v>
      </c>
      <c r="CO23" s="280">
        <v>0</v>
      </c>
      <c r="CP23" s="281">
        <v>0</v>
      </c>
      <c r="CQ23" s="281">
        <v>0</v>
      </c>
      <c r="CR23" s="281">
        <v>0</v>
      </c>
      <c r="CS23" s="281">
        <v>0</v>
      </c>
      <c r="CT23" s="281">
        <v>0</v>
      </c>
      <c r="CU23" s="278">
        <v>0</v>
      </c>
      <c r="CV23" s="283">
        <v>0</v>
      </c>
      <c r="CW23" s="277">
        <v>0</v>
      </c>
      <c r="CX23" s="281">
        <v>0</v>
      </c>
      <c r="CY23" s="278">
        <v>0</v>
      </c>
      <c r="CZ23" s="280">
        <v>0</v>
      </c>
      <c r="DA23" s="281">
        <v>0</v>
      </c>
      <c r="DB23" s="281">
        <v>0</v>
      </c>
      <c r="DC23" s="281">
        <v>0</v>
      </c>
      <c r="DD23" s="281">
        <v>0</v>
      </c>
      <c r="DE23" s="281">
        <v>0</v>
      </c>
      <c r="DF23" s="278">
        <v>0</v>
      </c>
      <c r="DG23" s="283">
        <v>0</v>
      </c>
    </row>
    <row r="24" spans="1:111" ht="18.75" customHeight="1" x14ac:dyDescent="0.2">
      <c r="A24" s="262" t="s">
        <v>22</v>
      </c>
      <c r="B24" s="277">
        <v>0</v>
      </c>
      <c r="C24" s="281">
        <v>0</v>
      </c>
      <c r="D24" s="385">
        <v>0</v>
      </c>
      <c r="E24" s="280">
        <v>0</v>
      </c>
      <c r="F24" s="281">
        <v>28</v>
      </c>
      <c r="G24" s="281">
        <v>71</v>
      </c>
      <c r="H24" s="281">
        <v>25</v>
      </c>
      <c r="I24" s="281">
        <v>101</v>
      </c>
      <c r="J24" s="281">
        <v>210</v>
      </c>
      <c r="K24" s="282">
        <v>435</v>
      </c>
      <c r="L24" s="283">
        <v>435</v>
      </c>
      <c r="M24" s="277">
        <v>0</v>
      </c>
      <c r="N24" s="281">
        <v>0</v>
      </c>
      <c r="O24" s="278">
        <v>0</v>
      </c>
      <c r="P24" s="280">
        <v>0</v>
      </c>
      <c r="Q24" s="281">
        <v>0</v>
      </c>
      <c r="R24" s="281">
        <v>0</v>
      </c>
      <c r="S24" s="281">
        <v>5</v>
      </c>
      <c r="T24" s="281">
        <v>0</v>
      </c>
      <c r="U24" s="281">
        <v>11</v>
      </c>
      <c r="V24" s="278">
        <v>16</v>
      </c>
      <c r="W24" s="283">
        <v>16</v>
      </c>
      <c r="X24" s="277">
        <v>0</v>
      </c>
      <c r="Y24" s="281">
        <v>0</v>
      </c>
      <c r="Z24" s="278">
        <v>0</v>
      </c>
      <c r="AA24" s="280">
        <v>0</v>
      </c>
      <c r="AB24" s="281">
        <v>6</v>
      </c>
      <c r="AC24" s="281">
        <v>13</v>
      </c>
      <c r="AD24" s="281">
        <v>19</v>
      </c>
      <c r="AE24" s="281">
        <v>29</v>
      </c>
      <c r="AF24" s="281">
        <v>24</v>
      </c>
      <c r="AG24" s="278">
        <v>91</v>
      </c>
      <c r="AH24" s="283">
        <v>91</v>
      </c>
      <c r="AI24" s="277">
        <v>0</v>
      </c>
      <c r="AJ24" s="281">
        <v>0</v>
      </c>
      <c r="AK24" s="278">
        <v>0</v>
      </c>
      <c r="AL24" s="280">
        <v>0</v>
      </c>
      <c r="AM24" s="281">
        <v>24</v>
      </c>
      <c r="AN24" s="281">
        <v>0</v>
      </c>
      <c r="AO24" s="281">
        <v>9</v>
      </c>
      <c r="AP24" s="281">
        <v>8</v>
      </c>
      <c r="AQ24" s="281">
        <v>30</v>
      </c>
      <c r="AR24" s="278">
        <v>71</v>
      </c>
      <c r="AS24" s="283">
        <v>71</v>
      </c>
      <c r="AT24" s="277">
        <v>0</v>
      </c>
      <c r="AU24" s="281">
        <v>0</v>
      </c>
      <c r="AV24" s="278">
        <v>0</v>
      </c>
      <c r="AW24" s="280">
        <v>0</v>
      </c>
      <c r="AX24" s="281">
        <v>44</v>
      </c>
      <c r="AY24" s="281">
        <v>116</v>
      </c>
      <c r="AZ24" s="281">
        <v>42</v>
      </c>
      <c r="BA24" s="281">
        <v>42</v>
      </c>
      <c r="BB24" s="281">
        <v>16</v>
      </c>
      <c r="BC24" s="282">
        <v>260</v>
      </c>
      <c r="BD24" s="283">
        <v>260</v>
      </c>
      <c r="BE24" s="277">
        <v>0</v>
      </c>
      <c r="BF24" s="281">
        <v>0</v>
      </c>
      <c r="BG24" s="278">
        <v>0</v>
      </c>
      <c r="BH24" s="280">
        <v>0</v>
      </c>
      <c r="BI24" s="281">
        <v>25</v>
      </c>
      <c r="BJ24" s="281">
        <v>8</v>
      </c>
      <c r="BK24" s="281">
        <v>0</v>
      </c>
      <c r="BL24" s="281">
        <v>7</v>
      </c>
      <c r="BM24" s="281">
        <v>15</v>
      </c>
      <c r="BN24" s="278">
        <v>55</v>
      </c>
      <c r="BO24" s="283">
        <v>55</v>
      </c>
      <c r="BP24" s="277">
        <v>0</v>
      </c>
      <c r="BQ24" s="281">
        <v>0</v>
      </c>
      <c r="BR24" s="278">
        <v>0</v>
      </c>
      <c r="BS24" s="280">
        <v>0</v>
      </c>
      <c r="BT24" s="281">
        <v>6</v>
      </c>
      <c r="BU24" s="281">
        <v>0</v>
      </c>
      <c r="BV24" s="281">
        <v>13</v>
      </c>
      <c r="BW24" s="281">
        <v>47</v>
      </c>
      <c r="BX24" s="281">
        <v>0</v>
      </c>
      <c r="BY24" s="278">
        <v>66</v>
      </c>
      <c r="BZ24" s="283">
        <v>66</v>
      </c>
      <c r="CA24" s="277">
        <v>0</v>
      </c>
      <c r="CB24" s="281">
        <v>0</v>
      </c>
      <c r="CC24" s="278">
        <v>0</v>
      </c>
      <c r="CD24" s="280">
        <v>0</v>
      </c>
      <c r="CE24" s="281">
        <v>0</v>
      </c>
      <c r="CF24" s="281">
        <v>0</v>
      </c>
      <c r="CG24" s="281">
        <v>0</v>
      </c>
      <c r="CH24" s="281">
        <v>7</v>
      </c>
      <c r="CI24" s="281">
        <v>0</v>
      </c>
      <c r="CJ24" s="278">
        <v>7</v>
      </c>
      <c r="CK24" s="283">
        <v>7</v>
      </c>
      <c r="CL24" s="277">
        <v>0</v>
      </c>
      <c r="CM24" s="281">
        <v>0</v>
      </c>
      <c r="CN24" s="278">
        <v>0</v>
      </c>
      <c r="CO24" s="280">
        <v>0</v>
      </c>
      <c r="CP24" s="281">
        <v>0</v>
      </c>
      <c r="CQ24" s="281">
        <v>0</v>
      </c>
      <c r="CR24" s="281">
        <v>0</v>
      </c>
      <c r="CS24" s="281">
        <v>0</v>
      </c>
      <c r="CT24" s="281">
        <v>0</v>
      </c>
      <c r="CU24" s="278">
        <v>0</v>
      </c>
      <c r="CV24" s="283">
        <v>0</v>
      </c>
      <c r="CW24" s="277">
        <v>0</v>
      </c>
      <c r="CX24" s="281">
        <v>0</v>
      </c>
      <c r="CY24" s="278">
        <v>0</v>
      </c>
      <c r="CZ24" s="280">
        <v>0</v>
      </c>
      <c r="DA24" s="281">
        <v>0</v>
      </c>
      <c r="DB24" s="281">
        <v>0</v>
      </c>
      <c r="DC24" s="281">
        <v>0</v>
      </c>
      <c r="DD24" s="281">
        <v>0</v>
      </c>
      <c r="DE24" s="281">
        <v>0</v>
      </c>
      <c r="DF24" s="278">
        <v>0</v>
      </c>
      <c r="DG24" s="283">
        <v>0</v>
      </c>
    </row>
    <row r="25" spans="1:111" ht="18.75" customHeight="1" x14ac:dyDescent="0.2">
      <c r="A25" s="262" t="s">
        <v>23</v>
      </c>
      <c r="B25" s="277">
        <v>0</v>
      </c>
      <c r="C25" s="281">
        <v>0</v>
      </c>
      <c r="D25" s="385">
        <v>0</v>
      </c>
      <c r="E25" s="280">
        <v>0</v>
      </c>
      <c r="F25" s="281">
        <v>43</v>
      </c>
      <c r="G25" s="281">
        <v>102</v>
      </c>
      <c r="H25" s="281">
        <v>214</v>
      </c>
      <c r="I25" s="281">
        <v>173</v>
      </c>
      <c r="J25" s="281">
        <v>0</v>
      </c>
      <c r="K25" s="282">
        <v>532</v>
      </c>
      <c r="L25" s="283">
        <v>532</v>
      </c>
      <c r="M25" s="277">
        <v>0</v>
      </c>
      <c r="N25" s="281">
        <v>0</v>
      </c>
      <c r="O25" s="278">
        <v>0</v>
      </c>
      <c r="P25" s="280">
        <v>0</v>
      </c>
      <c r="Q25" s="281">
        <v>0</v>
      </c>
      <c r="R25" s="281">
        <v>0</v>
      </c>
      <c r="S25" s="281">
        <v>0</v>
      </c>
      <c r="T25" s="281">
        <v>4</v>
      </c>
      <c r="U25" s="281">
        <v>0</v>
      </c>
      <c r="V25" s="278">
        <v>4</v>
      </c>
      <c r="W25" s="283">
        <v>4</v>
      </c>
      <c r="X25" s="277">
        <v>13</v>
      </c>
      <c r="Y25" s="281">
        <v>10</v>
      </c>
      <c r="Z25" s="278">
        <v>23</v>
      </c>
      <c r="AA25" s="280">
        <v>0</v>
      </c>
      <c r="AB25" s="281">
        <v>63</v>
      </c>
      <c r="AC25" s="281">
        <v>103</v>
      </c>
      <c r="AD25" s="281">
        <v>40</v>
      </c>
      <c r="AE25" s="281">
        <v>50</v>
      </c>
      <c r="AF25" s="281">
        <v>7</v>
      </c>
      <c r="AG25" s="278">
        <v>263</v>
      </c>
      <c r="AH25" s="283">
        <v>286</v>
      </c>
      <c r="AI25" s="277">
        <v>0</v>
      </c>
      <c r="AJ25" s="281">
        <v>0</v>
      </c>
      <c r="AK25" s="278">
        <v>0</v>
      </c>
      <c r="AL25" s="280">
        <v>0</v>
      </c>
      <c r="AM25" s="281">
        <v>0</v>
      </c>
      <c r="AN25" s="281">
        <v>14</v>
      </c>
      <c r="AO25" s="281">
        <v>0</v>
      </c>
      <c r="AP25" s="281">
        <v>0</v>
      </c>
      <c r="AQ25" s="281">
        <v>0</v>
      </c>
      <c r="AR25" s="278">
        <v>14</v>
      </c>
      <c r="AS25" s="283">
        <v>14</v>
      </c>
      <c r="AT25" s="277">
        <v>0</v>
      </c>
      <c r="AU25" s="281">
        <v>0</v>
      </c>
      <c r="AV25" s="278">
        <v>0</v>
      </c>
      <c r="AW25" s="280">
        <v>0</v>
      </c>
      <c r="AX25" s="281">
        <v>136</v>
      </c>
      <c r="AY25" s="281">
        <v>80</v>
      </c>
      <c r="AZ25" s="281">
        <v>105</v>
      </c>
      <c r="BA25" s="281">
        <v>36</v>
      </c>
      <c r="BB25" s="281">
        <v>9</v>
      </c>
      <c r="BC25" s="282">
        <v>366</v>
      </c>
      <c r="BD25" s="283">
        <v>366</v>
      </c>
      <c r="BE25" s="277">
        <v>0</v>
      </c>
      <c r="BF25" s="281">
        <v>0</v>
      </c>
      <c r="BG25" s="278">
        <v>0</v>
      </c>
      <c r="BH25" s="280">
        <v>0</v>
      </c>
      <c r="BI25" s="281">
        <v>12</v>
      </c>
      <c r="BJ25" s="281">
        <v>22</v>
      </c>
      <c r="BK25" s="281">
        <v>17</v>
      </c>
      <c r="BL25" s="281">
        <v>40</v>
      </c>
      <c r="BM25" s="281">
        <v>0</v>
      </c>
      <c r="BN25" s="278">
        <v>91</v>
      </c>
      <c r="BO25" s="283">
        <v>91</v>
      </c>
      <c r="BP25" s="277">
        <v>0</v>
      </c>
      <c r="BQ25" s="281">
        <v>0</v>
      </c>
      <c r="BR25" s="278">
        <v>0</v>
      </c>
      <c r="BS25" s="280">
        <v>0</v>
      </c>
      <c r="BT25" s="281">
        <v>0</v>
      </c>
      <c r="BU25" s="281">
        <v>9</v>
      </c>
      <c r="BV25" s="281">
        <v>4</v>
      </c>
      <c r="BW25" s="281">
        <v>48</v>
      </c>
      <c r="BX25" s="281">
        <v>0</v>
      </c>
      <c r="BY25" s="278">
        <v>61</v>
      </c>
      <c r="BZ25" s="283">
        <v>61</v>
      </c>
      <c r="CA25" s="277">
        <v>0</v>
      </c>
      <c r="CB25" s="281">
        <v>0</v>
      </c>
      <c r="CC25" s="278">
        <v>0</v>
      </c>
      <c r="CD25" s="280">
        <v>0</v>
      </c>
      <c r="CE25" s="281">
        <v>2</v>
      </c>
      <c r="CF25" s="281">
        <v>0</v>
      </c>
      <c r="CG25" s="281">
        <v>0</v>
      </c>
      <c r="CH25" s="281">
        <v>0</v>
      </c>
      <c r="CI25" s="281">
        <v>0</v>
      </c>
      <c r="CJ25" s="278">
        <v>2</v>
      </c>
      <c r="CK25" s="283">
        <v>2</v>
      </c>
      <c r="CL25" s="277">
        <v>0</v>
      </c>
      <c r="CM25" s="281">
        <v>0</v>
      </c>
      <c r="CN25" s="278">
        <v>0</v>
      </c>
      <c r="CO25" s="280">
        <v>0</v>
      </c>
      <c r="CP25" s="281">
        <v>0</v>
      </c>
      <c r="CQ25" s="281">
        <v>0</v>
      </c>
      <c r="CR25" s="281">
        <v>0</v>
      </c>
      <c r="CS25" s="281">
        <v>0</v>
      </c>
      <c r="CT25" s="281">
        <v>0</v>
      </c>
      <c r="CU25" s="278">
        <v>0</v>
      </c>
      <c r="CV25" s="283">
        <v>0</v>
      </c>
      <c r="CW25" s="277">
        <v>0</v>
      </c>
      <c r="CX25" s="281">
        <v>0</v>
      </c>
      <c r="CY25" s="278">
        <v>0</v>
      </c>
      <c r="CZ25" s="280">
        <v>0</v>
      </c>
      <c r="DA25" s="281">
        <v>0</v>
      </c>
      <c r="DB25" s="281">
        <v>0</v>
      </c>
      <c r="DC25" s="281">
        <v>0</v>
      </c>
      <c r="DD25" s="281">
        <v>0</v>
      </c>
      <c r="DE25" s="281">
        <v>0</v>
      </c>
      <c r="DF25" s="278">
        <v>0</v>
      </c>
      <c r="DG25" s="283">
        <v>0</v>
      </c>
    </row>
    <row r="26" spans="1:111" ht="18.75" customHeight="1" x14ac:dyDescent="0.2">
      <c r="A26" s="262" t="s">
        <v>24</v>
      </c>
      <c r="B26" s="277">
        <v>0</v>
      </c>
      <c r="C26" s="281">
        <v>0</v>
      </c>
      <c r="D26" s="385">
        <v>0</v>
      </c>
      <c r="E26" s="280">
        <v>0</v>
      </c>
      <c r="F26" s="281">
        <v>91</v>
      </c>
      <c r="G26" s="281">
        <v>95</v>
      </c>
      <c r="H26" s="281">
        <v>7</v>
      </c>
      <c r="I26" s="281">
        <v>343</v>
      </c>
      <c r="J26" s="281">
        <v>58</v>
      </c>
      <c r="K26" s="282">
        <v>594</v>
      </c>
      <c r="L26" s="283">
        <v>594</v>
      </c>
      <c r="M26" s="277">
        <v>0</v>
      </c>
      <c r="N26" s="281">
        <v>0</v>
      </c>
      <c r="O26" s="278">
        <v>0</v>
      </c>
      <c r="P26" s="280">
        <v>0</v>
      </c>
      <c r="Q26" s="281">
        <v>0</v>
      </c>
      <c r="R26" s="281">
        <v>0</v>
      </c>
      <c r="S26" s="281">
        <v>0</v>
      </c>
      <c r="T26" s="281">
        <v>4</v>
      </c>
      <c r="U26" s="281">
        <v>15</v>
      </c>
      <c r="V26" s="278">
        <v>19</v>
      </c>
      <c r="W26" s="283">
        <v>19</v>
      </c>
      <c r="X26" s="277">
        <v>13</v>
      </c>
      <c r="Y26" s="281">
        <v>13</v>
      </c>
      <c r="Z26" s="278">
        <v>26</v>
      </c>
      <c r="AA26" s="280">
        <v>0</v>
      </c>
      <c r="AB26" s="281">
        <v>101</v>
      </c>
      <c r="AC26" s="281">
        <v>47</v>
      </c>
      <c r="AD26" s="281">
        <v>59</v>
      </c>
      <c r="AE26" s="281">
        <v>22</v>
      </c>
      <c r="AF26" s="281">
        <v>22</v>
      </c>
      <c r="AG26" s="278">
        <v>251</v>
      </c>
      <c r="AH26" s="283">
        <v>277</v>
      </c>
      <c r="AI26" s="277">
        <v>12</v>
      </c>
      <c r="AJ26" s="281">
        <v>18</v>
      </c>
      <c r="AK26" s="278">
        <v>30</v>
      </c>
      <c r="AL26" s="280">
        <v>0</v>
      </c>
      <c r="AM26" s="281">
        <v>24</v>
      </c>
      <c r="AN26" s="281">
        <v>0</v>
      </c>
      <c r="AO26" s="281">
        <v>0</v>
      </c>
      <c r="AP26" s="281">
        <v>4</v>
      </c>
      <c r="AQ26" s="281">
        <v>0</v>
      </c>
      <c r="AR26" s="278">
        <v>28</v>
      </c>
      <c r="AS26" s="283">
        <v>58</v>
      </c>
      <c r="AT26" s="277">
        <v>0</v>
      </c>
      <c r="AU26" s="281">
        <v>0</v>
      </c>
      <c r="AV26" s="278">
        <v>0</v>
      </c>
      <c r="AW26" s="280">
        <v>0</v>
      </c>
      <c r="AX26" s="281">
        <v>98</v>
      </c>
      <c r="AY26" s="281">
        <v>60</v>
      </c>
      <c r="AZ26" s="281">
        <v>52</v>
      </c>
      <c r="BA26" s="281">
        <v>25</v>
      </c>
      <c r="BB26" s="281">
        <v>0</v>
      </c>
      <c r="BC26" s="282">
        <v>235</v>
      </c>
      <c r="BD26" s="283">
        <v>235</v>
      </c>
      <c r="BE26" s="277">
        <v>0</v>
      </c>
      <c r="BF26" s="281">
        <v>0</v>
      </c>
      <c r="BG26" s="278">
        <v>0</v>
      </c>
      <c r="BH26" s="280">
        <v>0</v>
      </c>
      <c r="BI26" s="281">
        <v>30</v>
      </c>
      <c r="BJ26" s="281">
        <v>31</v>
      </c>
      <c r="BK26" s="281">
        <v>15</v>
      </c>
      <c r="BL26" s="281">
        <v>0</v>
      </c>
      <c r="BM26" s="281">
        <v>0</v>
      </c>
      <c r="BN26" s="278">
        <v>76</v>
      </c>
      <c r="BO26" s="283">
        <v>76</v>
      </c>
      <c r="BP26" s="277">
        <v>0</v>
      </c>
      <c r="BQ26" s="281">
        <v>0</v>
      </c>
      <c r="BR26" s="278">
        <v>0</v>
      </c>
      <c r="BS26" s="280">
        <v>0</v>
      </c>
      <c r="BT26" s="281">
        <v>7</v>
      </c>
      <c r="BU26" s="281">
        <v>0</v>
      </c>
      <c r="BV26" s="281">
        <v>12</v>
      </c>
      <c r="BW26" s="281">
        <v>47</v>
      </c>
      <c r="BX26" s="281">
        <v>19</v>
      </c>
      <c r="BY26" s="278">
        <v>85</v>
      </c>
      <c r="BZ26" s="283">
        <v>85</v>
      </c>
      <c r="CA26" s="277">
        <v>0</v>
      </c>
      <c r="CB26" s="281">
        <v>0</v>
      </c>
      <c r="CC26" s="278">
        <v>0</v>
      </c>
      <c r="CD26" s="280">
        <v>0</v>
      </c>
      <c r="CE26" s="281">
        <v>0</v>
      </c>
      <c r="CF26" s="281">
        <v>0</v>
      </c>
      <c r="CG26" s="281">
        <v>0</v>
      </c>
      <c r="CH26" s="281">
        <v>0</v>
      </c>
      <c r="CI26" s="281">
        <v>0</v>
      </c>
      <c r="CJ26" s="278">
        <v>0</v>
      </c>
      <c r="CK26" s="283">
        <v>0</v>
      </c>
      <c r="CL26" s="277">
        <v>0</v>
      </c>
      <c r="CM26" s="281">
        <v>0</v>
      </c>
      <c r="CN26" s="278">
        <v>0</v>
      </c>
      <c r="CO26" s="280">
        <v>0</v>
      </c>
      <c r="CP26" s="281">
        <v>0</v>
      </c>
      <c r="CQ26" s="281">
        <v>0</v>
      </c>
      <c r="CR26" s="281">
        <v>0</v>
      </c>
      <c r="CS26" s="281">
        <v>0</v>
      </c>
      <c r="CT26" s="281">
        <v>0</v>
      </c>
      <c r="CU26" s="278">
        <v>0</v>
      </c>
      <c r="CV26" s="283">
        <v>0</v>
      </c>
      <c r="CW26" s="277">
        <v>0</v>
      </c>
      <c r="CX26" s="281">
        <v>0</v>
      </c>
      <c r="CY26" s="278">
        <v>0</v>
      </c>
      <c r="CZ26" s="280">
        <v>0</v>
      </c>
      <c r="DA26" s="281">
        <v>0</v>
      </c>
      <c r="DB26" s="281">
        <v>0</v>
      </c>
      <c r="DC26" s="281">
        <v>0</v>
      </c>
      <c r="DD26" s="281">
        <v>0</v>
      </c>
      <c r="DE26" s="281">
        <v>0</v>
      </c>
      <c r="DF26" s="278">
        <v>0</v>
      </c>
      <c r="DG26" s="283">
        <v>0</v>
      </c>
    </row>
    <row r="27" spans="1:111" ht="18.75" customHeight="1" x14ac:dyDescent="0.2">
      <c r="A27" s="262" t="s">
        <v>25</v>
      </c>
      <c r="B27" s="277">
        <v>0</v>
      </c>
      <c r="C27" s="281">
        <v>0</v>
      </c>
      <c r="D27" s="385">
        <v>0</v>
      </c>
      <c r="E27" s="280">
        <v>0</v>
      </c>
      <c r="F27" s="281">
        <v>51</v>
      </c>
      <c r="G27" s="281">
        <v>26</v>
      </c>
      <c r="H27" s="281">
        <v>94</v>
      </c>
      <c r="I27" s="281">
        <v>54</v>
      </c>
      <c r="J27" s="281">
        <v>10</v>
      </c>
      <c r="K27" s="282">
        <v>235</v>
      </c>
      <c r="L27" s="283">
        <v>235</v>
      </c>
      <c r="M27" s="277">
        <v>0</v>
      </c>
      <c r="N27" s="281">
        <v>0</v>
      </c>
      <c r="O27" s="278">
        <v>0</v>
      </c>
      <c r="P27" s="280">
        <v>0</v>
      </c>
      <c r="Q27" s="281">
        <v>0</v>
      </c>
      <c r="R27" s="281">
        <v>0</v>
      </c>
      <c r="S27" s="281">
        <v>4</v>
      </c>
      <c r="T27" s="281">
        <v>25</v>
      </c>
      <c r="U27" s="281">
        <v>9</v>
      </c>
      <c r="V27" s="278">
        <v>38</v>
      </c>
      <c r="W27" s="283">
        <v>38</v>
      </c>
      <c r="X27" s="277">
        <v>0</v>
      </c>
      <c r="Y27" s="281">
        <v>15</v>
      </c>
      <c r="Z27" s="278">
        <v>15</v>
      </c>
      <c r="AA27" s="280">
        <v>0</v>
      </c>
      <c r="AB27" s="281">
        <v>48</v>
      </c>
      <c r="AC27" s="281">
        <v>19</v>
      </c>
      <c r="AD27" s="281">
        <v>8</v>
      </c>
      <c r="AE27" s="281">
        <v>9</v>
      </c>
      <c r="AF27" s="281">
        <v>12</v>
      </c>
      <c r="AG27" s="278">
        <v>96</v>
      </c>
      <c r="AH27" s="283">
        <v>111</v>
      </c>
      <c r="AI27" s="277">
        <v>0</v>
      </c>
      <c r="AJ27" s="281">
        <v>14</v>
      </c>
      <c r="AK27" s="278">
        <v>14</v>
      </c>
      <c r="AL27" s="280">
        <v>0</v>
      </c>
      <c r="AM27" s="281">
        <v>0</v>
      </c>
      <c r="AN27" s="281">
        <v>0</v>
      </c>
      <c r="AO27" s="281">
        <v>10</v>
      </c>
      <c r="AP27" s="281">
        <v>0</v>
      </c>
      <c r="AQ27" s="281">
        <v>16</v>
      </c>
      <c r="AR27" s="278">
        <v>26</v>
      </c>
      <c r="AS27" s="283">
        <v>40</v>
      </c>
      <c r="AT27" s="277">
        <v>0</v>
      </c>
      <c r="AU27" s="281">
        <v>0</v>
      </c>
      <c r="AV27" s="278">
        <v>0</v>
      </c>
      <c r="AW27" s="280">
        <v>0</v>
      </c>
      <c r="AX27" s="281">
        <v>111</v>
      </c>
      <c r="AY27" s="281">
        <v>29</v>
      </c>
      <c r="AZ27" s="281">
        <v>15</v>
      </c>
      <c r="BA27" s="281">
        <v>39</v>
      </c>
      <c r="BB27" s="281">
        <v>7</v>
      </c>
      <c r="BC27" s="282">
        <v>201</v>
      </c>
      <c r="BD27" s="283">
        <v>201</v>
      </c>
      <c r="BE27" s="277">
        <v>0</v>
      </c>
      <c r="BF27" s="281">
        <v>0</v>
      </c>
      <c r="BG27" s="278">
        <v>0</v>
      </c>
      <c r="BH27" s="280">
        <v>0</v>
      </c>
      <c r="BI27" s="281">
        <v>18</v>
      </c>
      <c r="BJ27" s="281">
        <v>23</v>
      </c>
      <c r="BK27" s="281">
        <v>9</v>
      </c>
      <c r="BL27" s="281">
        <v>10</v>
      </c>
      <c r="BM27" s="281">
        <v>2</v>
      </c>
      <c r="BN27" s="278">
        <v>62</v>
      </c>
      <c r="BO27" s="283">
        <v>62</v>
      </c>
      <c r="BP27" s="277">
        <v>0</v>
      </c>
      <c r="BQ27" s="281">
        <v>0</v>
      </c>
      <c r="BR27" s="278">
        <v>0</v>
      </c>
      <c r="BS27" s="280">
        <v>0</v>
      </c>
      <c r="BT27" s="281">
        <v>10</v>
      </c>
      <c r="BU27" s="281">
        <v>2</v>
      </c>
      <c r="BV27" s="281">
        <v>6</v>
      </c>
      <c r="BW27" s="281">
        <v>4</v>
      </c>
      <c r="BX27" s="281">
        <v>0</v>
      </c>
      <c r="BY27" s="278">
        <v>22</v>
      </c>
      <c r="BZ27" s="283">
        <v>22</v>
      </c>
      <c r="CA27" s="277">
        <v>0</v>
      </c>
      <c r="CB27" s="281">
        <v>0</v>
      </c>
      <c r="CC27" s="278">
        <v>0</v>
      </c>
      <c r="CD27" s="280">
        <v>0</v>
      </c>
      <c r="CE27" s="281">
        <v>0</v>
      </c>
      <c r="CF27" s="281">
        <v>0</v>
      </c>
      <c r="CG27" s="281">
        <v>5</v>
      </c>
      <c r="CH27" s="281">
        <v>0</v>
      </c>
      <c r="CI27" s="281">
        <v>16</v>
      </c>
      <c r="CJ27" s="278">
        <v>21</v>
      </c>
      <c r="CK27" s="283">
        <v>21</v>
      </c>
      <c r="CL27" s="277">
        <v>0</v>
      </c>
      <c r="CM27" s="281">
        <v>0</v>
      </c>
      <c r="CN27" s="278">
        <v>0</v>
      </c>
      <c r="CO27" s="280">
        <v>0</v>
      </c>
      <c r="CP27" s="281">
        <v>0</v>
      </c>
      <c r="CQ27" s="281">
        <v>0</v>
      </c>
      <c r="CR27" s="281">
        <v>0</v>
      </c>
      <c r="CS27" s="281">
        <v>0</v>
      </c>
      <c r="CT27" s="281">
        <v>0</v>
      </c>
      <c r="CU27" s="278">
        <v>0</v>
      </c>
      <c r="CV27" s="283">
        <v>0</v>
      </c>
      <c r="CW27" s="277">
        <v>0</v>
      </c>
      <c r="CX27" s="281">
        <v>0</v>
      </c>
      <c r="CY27" s="278">
        <v>0</v>
      </c>
      <c r="CZ27" s="280">
        <v>0</v>
      </c>
      <c r="DA27" s="281">
        <v>0</v>
      </c>
      <c r="DB27" s="281">
        <v>0</v>
      </c>
      <c r="DC27" s="281">
        <v>0</v>
      </c>
      <c r="DD27" s="281">
        <v>0</v>
      </c>
      <c r="DE27" s="281">
        <v>0</v>
      </c>
      <c r="DF27" s="278">
        <v>0</v>
      </c>
      <c r="DG27" s="283">
        <v>0</v>
      </c>
    </row>
    <row r="28" spans="1:111" ht="18.75" customHeight="1" x14ac:dyDescent="0.2">
      <c r="A28" s="262" t="s">
        <v>26</v>
      </c>
      <c r="B28" s="277">
        <v>0</v>
      </c>
      <c r="C28" s="281">
        <v>0</v>
      </c>
      <c r="D28" s="385">
        <v>0</v>
      </c>
      <c r="E28" s="280">
        <v>0</v>
      </c>
      <c r="F28" s="281">
        <v>16</v>
      </c>
      <c r="G28" s="281">
        <v>166</v>
      </c>
      <c r="H28" s="281">
        <v>166</v>
      </c>
      <c r="I28" s="281">
        <v>118</v>
      </c>
      <c r="J28" s="281">
        <v>105</v>
      </c>
      <c r="K28" s="282">
        <v>571</v>
      </c>
      <c r="L28" s="283">
        <v>571</v>
      </c>
      <c r="M28" s="277">
        <v>0</v>
      </c>
      <c r="N28" s="281">
        <v>0</v>
      </c>
      <c r="O28" s="278">
        <v>0</v>
      </c>
      <c r="P28" s="280">
        <v>0</v>
      </c>
      <c r="Q28" s="281">
        <v>0</v>
      </c>
      <c r="R28" s="281">
        <v>0</v>
      </c>
      <c r="S28" s="281">
        <v>3</v>
      </c>
      <c r="T28" s="281">
        <v>9</v>
      </c>
      <c r="U28" s="281">
        <v>8</v>
      </c>
      <c r="V28" s="278">
        <v>20</v>
      </c>
      <c r="W28" s="283">
        <v>20</v>
      </c>
      <c r="X28" s="277">
        <v>0</v>
      </c>
      <c r="Y28" s="281">
        <v>0</v>
      </c>
      <c r="Z28" s="278">
        <v>0</v>
      </c>
      <c r="AA28" s="280">
        <v>0</v>
      </c>
      <c r="AB28" s="281">
        <v>17</v>
      </c>
      <c r="AC28" s="281">
        <v>26</v>
      </c>
      <c r="AD28" s="281">
        <v>25</v>
      </c>
      <c r="AE28" s="281">
        <v>48</v>
      </c>
      <c r="AF28" s="281">
        <v>20</v>
      </c>
      <c r="AG28" s="278">
        <v>136</v>
      </c>
      <c r="AH28" s="283">
        <v>136</v>
      </c>
      <c r="AI28" s="277">
        <v>0</v>
      </c>
      <c r="AJ28" s="281">
        <v>0</v>
      </c>
      <c r="AK28" s="278">
        <v>0</v>
      </c>
      <c r="AL28" s="280">
        <v>0</v>
      </c>
      <c r="AM28" s="281">
        <v>24</v>
      </c>
      <c r="AN28" s="281">
        <v>12</v>
      </c>
      <c r="AO28" s="281">
        <v>0</v>
      </c>
      <c r="AP28" s="281">
        <v>0</v>
      </c>
      <c r="AQ28" s="281">
        <v>0</v>
      </c>
      <c r="AR28" s="278">
        <v>36</v>
      </c>
      <c r="AS28" s="283">
        <v>36</v>
      </c>
      <c r="AT28" s="277">
        <v>0</v>
      </c>
      <c r="AU28" s="281">
        <v>0</v>
      </c>
      <c r="AV28" s="278">
        <v>0</v>
      </c>
      <c r="AW28" s="280">
        <v>0</v>
      </c>
      <c r="AX28" s="281">
        <v>43</v>
      </c>
      <c r="AY28" s="281">
        <v>98</v>
      </c>
      <c r="AZ28" s="281">
        <v>14</v>
      </c>
      <c r="BA28" s="281">
        <v>8</v>
      </c>
      <c r="BB28" s="281">
        <v>30</v>
      </c>
      <c r="BC28" s="282">
        <v>193</v>
      </c>
      <c r="BD28" s="283">
        <v>193</v>
      </c>
      <c r="BE28" s="277">
        <v>0</v>
      </c>
      <c r="BF28" s="281">
        <v>0</v>
      </c>
      <c r="BG28" s="278">
        <v>0</v>
      </c>
      <c r="BH28" s="280">
        <v>0</v>
      </c>
      <c r="BI28" s="281">
        <v>0</v>
      </c>
      <c r="BJ28" s="281">
        <v>26</v>
      </c>
      <c r="BK28" s="281">
        <v>26</v>
      </c>
      <c r="BL28" s="281">
        <v>0</v>
      </c>
      <c r="BM28" s="281">
        <v>0</v>
      </c>
      <c r="BN28" s="278">
        <v>52</v>
      </c>
      <c r="BO28" s="283">
        <v>52</v>
      </c>
      <c r="BP28" s="277">
        <v>0</v>
      </c>
      <c r="BQ28" s="281">
        <v>0</v>
      </c>
      <c r="BR28" s="278">
        <v>0</v>
      </c>
      <c r="BS28" s="280">
        <v>0</v>
      </c>
      <c r="BT28" s="281">
        <v>0</v>
      </c>
      <c r="BU28" s="281">
        <v>30</v>
      </c>
      <c r="BV28" s="281">
        <v>0</v>
      </c>
      <c r="BW28" s="281">
        <v>29</v>
      </c>
      <c r="BX28" s="281">
        <v>0</v>
      </c>
      <c r="BY28" s="278">
        <v>59</v>
      </c>
      <c r="BZ28" s="283">
        <v>59</v>
      </c>
      <c r="CA28" s="277">
        <v>0</v>
      </c>
      <c r="CB28" s="281">
        <v>0</v>
      </c>
      <c r="CC28" s="278">
        <v>0</v>
      </c>
      <c r="CD28" s="280">
        <v>0</v>
      </c>
      <c r="CE28" s="281">
        <v>0</v>
      </c>
      <c r="CF28" s="281">
        <v>0</v>
      </c>
      <c r="CG28" s="281">
        <v>4</v>
      </c>
      <c r="CH28" s="281">
        <v>0</v>
      </c>
      <c r="CI28" s="281">
        <v>0</v>
      </c>
      <c r="CJ28" s="278">
        <v>4</v>
      </c>
      <c r="CK28" s="283">
        <v>4</v>
      </c>
      <c r="CL28" s="277">
        <v>0</v>
      </c>
      <c r="CM28" s="281">
        <v>0</v>
      </c>
      <c r="CN28" s="278">
        <v>0</v>
      </c>
      <c r="CO28" s="280">
        <v>0</v>
      </c>
      <c r="CP28" s="281">
        <v>0</v>
      </c>
      <c r="CQ28" s="281">
        <v>0</v>
      </c>
      <c r="CR28" s="281">
        <v>0</v>
      </c>
      <c r="CS28" s="281">
        <v>0</v>
      </c>
      <c r="CT28" s="281">
        <v>0</v>
      </c>
      <c r="CU28" s="278">
        <v>0</v>
      </c>
      <c r="CV28" s="283">
        <v>0</v>
      </c>
      <c r="CW28" s="277">
        <v>0</v>
      </c>
      <c r="CX28" s="281">
        <v>0</v>
      </c>
      <c r="CY28" s="278">
        <v>0</v>
      </c>
      <c r="CZ28" s="280">
        <v>0</v>
      </c>
      <c r="DA28" s="281">
        <v>0</v>
      </c>
      <c r="DB28" s="281">
        <v>0</v>
      </c>
      <c r="DC28" s="281">
        <v>0</v>
      </c>
      <c r="DD28" s="281">
        <v>0</v>
      </c>
      <c r="DE28" s="281">
        <v>0</v>
      </c>
      <c r="DF28" s="278">
        <v>0</v>
      </c>
      <c r="DG28" s="283">
        <v>0</v>
      </c>
    </row>
    <row r="29" spans="1:111" ht="18.75" customHeight="1" x14ac:dyDescent="0.2">
      <c r="A29" s="262" t="s">
        <v>27</v>
      </c>
      <c r="B29" s="277">
        <v>0</v>
      </c>
      <c r="C29" s="281">
        <v>0</v>
      </c>
      <c r="D29" s="385">
        <v>0</v>
      </c>
      <c r="E29" s="280">
        <v>0</v>
      </c>
      <c r="F29" s="281">
        <v>38</v>
      </c>
      <c r="G29" s="281">
        <v>7</v>
      </c>
      <c r="H29" s="281">
        <v>292</v>
      </c>
      <c r="I29" s="281">
        <v>95</v>
      </c>
      <c r="J29" s="281">
        <v>0</v>
      </c>
      <c r="K29" s="282">
        <v>432</v>
      </c>
      <c r="L29" s="283">
        <v>432</v>
      </c>
      <c r="M29" s="277">
        <v>0</v>
      </c>
      <c r="N29" s="281">
        <v>0</v>
      </c>
      <c r="O29" s="278">
        <v>0</v>
      </c>
      <c r="P29" s="280">
        <v>0</v>
      </c>
      <c r="Q29" s="281">
        <v>0</v>
      </c>
      <c r="R29" s="281">
        <v>0</v>
      </c>
      <c r="S29" s="281">
        <v>0</v>
      </c>
      <c r="T29" s="281">
        <v>3</v>
      </c>
      <c r="U29" s="281">
        <v>4</v>
      </c>
      <c r="V29" s="278">
        <v>7</v>
      </c>
      <c r="W29" s="283">
        <v>7</v>
      </c>
      <c r="X29" s="277">
        <v>8</v>
      </c>
      <c r="Y29" s="281">
        <v>6</v>
      </c>
      <c r="Z29" s="278">
        <v>14</v>
      </c>
      <c r="AA29" s="280">
        <v>0</v>
      </c>
      <c r="AB29" s="281">
        <v>43</v>
      </c>
      <c r="AC29" s="281">
        <v>70</v>
      </c>
      <c r="AD29" s="281">
        <v>42</v>
      </c>
      <c r="AE29" s="281">
        <v>32</v>
      </c>
      <c r="AF29" s="281">
        <v>20</v>
      </c>
      <c r="AG29" s="278">
        <v>207</v>
      </c>
      <c r="AH29" s="283">
        <v>221</v>
      </c>
      <c r="AI29" s="277">
        <v>0</v>
      </c>
      <c r="AJ29" s="281">
        <v>0</v>
      </c>
      <c r="AK29" s="278">
        <v>0</v>
      </c>
      <c r="AL29" s="280">
        <v>0</v>
      </c>
      <c r="AM29" s="281">
        <v>0</v>
      </c>
      <c r="AN29" s="281">
        <v>0</v>
      </c>
      <c r="AO29" s="281">
        <v>0</v>
      </c>
      <c r="AP29" s="281">
        <v>0</v>
      </c>
      <c r="AQ29" s="281">
        <v>0</v>
      </c>
      <c r="AR29" s="278">
        <v>0</v>
      </c>
      <c r="AS29" s="283">
        <v>0</v>
      </c>
      <c r="AT29" s="277">
        <v>0</v>
      </c>
      <c r="AU29" s="281">
        <v>0</v>
      </c>
      <c r="AV29" s="278">
        <v>0</v>
      </c>
      <c r="AW29" s="280">
        <v>0</v>
      </c>
      <c r="AX29" s="281">
        <v>53</v>
      </c>
      <c r="AY29" s="281">
        <v>54</v>
      </c>
      <c r="AZ29" s="281">
        <v>60</v>
      </c>
      <c r="BA29" s="281">
        <v>46</v>
      </c>
      <c r="BB29" s="281">
        <v>25</v>
      </c>
      <c r="BC29" s="282">
        <v>238</v>
      </c>
      <c r="BD29" s="283">
        <v>238</v>
      </c>
      <c r="BE29" s="277">
        <v>0</v>
      </c>
      <c r="BF29" s="281">
        <v>0</v>
      </c>
      <c r="BG29" s="278">
        <v>0</v>
      </c>
      <c r="BH29" s="280">
        <v>0</v>
      </c>
      <c r="BI29" s="281">
        <v>20</v>
      </c>
      <c r="BJ29" s="281">
        <v>29</v>
      </c>
      <c r="BK29" s="281">
        <v>5</v>
      </c>
      <c r="BL29" s="281">
        <v>0</v>
      </c>
      <c r="BM29" s="281">
        <v>8</v>
      </c>
      <c r="BN29" s="278">
        <v>62</v>
      </c>
      <c r="BO29" s="283">
        <v>62</v>
      </c>
      <c r="BP29" s="277">
        <v>0</v>
      </c>
      <c r="BQ29" s="281">
        <v>0</v>
      </c>
      <c r="BR29" s="278">
        <v>0</v>
      </c>
      <c r="BS29" s="280">
        <v>0</v>
      </c>
      <c r="BT29" s="281">
        <v>0</v>
      </c>
      <c r="BU29" s="281">
        <v>0</v>
      </c>
      <c r="BV29" s="281">
        <v>5</v>
      </c>
      <c r="BW29" s="281">
        <v>0</v>
      </c>
      <c r="BX29" s="281">
        <v>3</v>
      </c>
      <c r="BY29" s="278">
        <v>8</v>
      </c>
      <c r="BZ29" s="283">
        <v>8</v>
      </c>
      <c r="CA29" s="277">
        <v>0</v>
      </c>
      <c r="CB29" s="281">
        <v>0</v>
      </c>
      <c r="CC29" s="278">
        <v>0</v>
      </c>
      <c r="CD29" s="280">
        <v>0</v>
      </c>
      <c r="CE29" s="281">
        <v>2</v>
      </c>
      <c r="CF29" s="281">
        <v>0</v>
      </c>
      <c r="CG29" s="281">
        <v>0</v>
      </c>
      <c r="CH29" s="281">
        <v>0</v>
      </c>
      <c r="CI29" s="281">
        <v>0</v>
      </c>
      <c r="CJ29" s="278">
        <v>2</v>
      </c>
      <c r="CK29" s="283">
        <v>2</v>
      </c>
      <c r="CL29" s="277">
        <v>0</v>
      </c>
      <c r="CM29" s="281">
        <v>0</v>
      </c>
      <c r="CN29" s="278">
        <v>0</v>
      </c>
      <c r="CO29" s="280">
        <v>0</v>
      </c>
      <c r="CP29" s="281">
        <v>0</v>
      </c>
      <c r="CQ29" s="281">
        <v>0</v>
      </c>
      <c r="CR29" s="281">
        <v>0</v>
      </c>
      <c r="CS29" s="281">
        <v>0</v>
      </c>
      <c r="CT29" s="281">
        <v>0</v>
      </c>
      <c r="CU29" s="278">
        <v>0</v>
      </c>
      <c r="CV29" s="283">
        <v>0</v>
      </c>
      <c r="CW29" s="277">
        <v>0</v>
      </c>
      <c r="CX29" s="281">
        <v>0</v>
      </c>
      <c r="CY29" s="278">
        <v>0</v>
      </c>
      <c r="CZ29" s="280">
        <v>0</v>
      </c>
      <c r="DA29" s="281">
        <v>0</v>
      </c>
      <c r="DB29" s="281">
        <v>0</v>
      </c>
      <c r="DC29" s="281">
        <v>0</v>
      </c>
      <c r="DD29" s="281">
        <v>0</v>
      </c>
      <c r="DE29" s="281">
        <v>0</v>
      </c>
      <c r="DF29" s="278">
        <v>0</v>
      </c>
      <c r="DG29" s="283">
        <v>0</v>
      </c>
    </row>
    <row r="30" spans="1:111" ht="18.75" customHeight="1" x14ac:dyDescent="0.2">
      <c r="A30" s="262" t="s">
        <v>28</v>
      </c>
      <c r="B30" s="277">
        <v>0</v>
      </c>
      <c r="C30" s="281">
        <v>0</v>
      </c>
      <c r="D30" s="385">
        <v>0</v>
      </c>
      <c r="E30" s="280">
        <v>0</v>
      </c>
      <c r="F30" s="281">
        <v>0</v>
      </c>
      <c r="G30" s="281">
        <v>0</v>
      </c>
      <c r="H30" s="281">
        <v>14</v>
      </c>
      <c r="I30" s="281">
        <v>0</v>
      </c>
      <c r="J30" s="281">
        <v>0</v>
      </c>
      <c r="K30" s="282">
        <v>14</v>
      </c>
      <c r="L30" s="283">
        <v>14</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0</v>
      </c>
      <c r="AC30" s="281">
        <v>19</v>
      </c>
      <c r="AD30" s="281">
        <v>5</v>
      </c>
      <c r="AE30" s="281">
        <v>0</v>
      </c>
      <c r="AF30" s="281">
        <v>0</v>
      </c>
      <c r="AG30" s="278">
        <v>24</v>
      </c>
      <c r="AH30" s="283">
        <v>24</v>
      </c>
      <c r="AI30" s="277">
        <v>0</v>
      </c>
      <c r="AJ30" s="281">
        <v>0</v>
      </c>
      <c r="AK30" s="278">
        <v>0</v>
      </c>
      <c r="AL30" s="280">
        <v>0</v>
      </c>
      <c r="AM30" s="281">
        <v>0</v>
      </c>
      <c r="AN30" s="281">
        <v>0</v>
      </c>
      <c r="AO30" s="281">
        <v>0</v>
      </c>
      <c r="AP30" s="281">
        <v>0</v>
      </c>
      <c r="AQ30" s="281">
        <v>0</v>
      </c>
      <c r="AR30" s="278">
        <v>0</v>
      </c>
      <c r="AS30" s="283">
        <v>0</v>
      </c>
      <c r="AT30" s="277">
        <v>0</v>
      </c>
      <c r="AU30" s="281">
        <v>0</v>
      </c>
      <c r="AV30" s="278">
        <v>0</v>
      </c>
      <c r="AW30" s="280">
        <v>0</v>
      </c>
      <c r="AX30" s="281">
        <v>31</v>
      </c>
      <c r="AY30" s="281">
        <v>0</v>
      </c>
      <c r="AZ30" s="281">
        <v>0</v>
      </c>
      <c r="BA30" s="281">
        <v>0</v>
      </c>
      <c r="BB30" s="281">
        <v>0</v>
      </c>
      <c r="BC30" s="282">
        <v>31</v>
      </c>
      <c r="BD30" s="283">
        <v>31</v>
      </c>
      <c r="BE30" s="277">
        <v>0</v>
      </c>
      <c r="BF30" s="281">
        <v>0</v>
      </c>
      <c r="BG30" s="278">
        <v>0</v>
      </c>
      <c r="BH30" s="280">
        <v>0</v>
      </c>
      <c r="BI30" s="281">
        <v>0</v>
      </c>
      <c r="BJ30" s="281">
        <v>0</v>
      </c>
      <c r="BK30" s="281">
        <v>0</v>
      </c>
      <c r="BL30" s="281">
        <v>0</v>
      </c>
      <c r="BM30" s="281">
        <v>0</v>
      </c>
      <c r="BN30" s="278">
        <v>0</v>
      </c>
      <c r="BO30" s="283">
        <v>0</v>
      </c>
      <c r="BP30" s="277">
        <v>0</v>
      </c>
      <c r="BQ30" s="281">
        <v>0</v>
      </c>
      <c r="BR30" s="278">
        <v>0</v>
      </c>
      <c r="BS30" s="280">
        <v>0</v>
      </c>
      <c r="BT30" s="281">
        <v>0</v>
      </c>
      <c r="BU30" s="281">
        <v>0</v>
      </c>
      <c r="BV30" s="281">
        <v>0</v>
      </c>
      <c r="BW30" s="281">
        <v>0</v>
      </c>
      <c r="BX30" s="281">
        <v>7</v>
      </c>
      <c r="BY30" s="278">
        <v>7</v>
      </c>
      <c r="BZ30" s="283">
        <v>7</v>
      </c>
      <c r="CA30" s="277">
        <v>0</v>
      </c>
      <c r="CB30" s="281">
        <v>0</v>
      </c>
      <c r="CC30" s="278">
        <v>0</v>
      </c>
      <c r="CD30" s="280">
        <v>0</v>
      </c>
      <c r="CE30" s="281">
        <v>0</v>
      </c>
      <c r="CF30" s="281">
        <v>0</v>
      </c>
      <c r="CG30" s="281">
        <v>0</v>
      </c>
      <c r="CH30" s="281">
        <v>0</v>
      </c>
      <c r="CI30" s="281">
        <v>0</v>
      </c>
      <c r="CJ30" s="278">
        <v>0</v>
      </c>
      <c r="CK30" s="283">
        <v>0</v>
      </c>
      <c r="CL30" s="277">
        <v>0</v>
      </c>
      <c r="CM30" s="281">
        <v>0</v>
      </c>
      <c r="CN30" s="278">
        <v>0</v>
      </c>
      <c r="CO30" s="280">
        <v>0</v>
      </c>
      <c r="CP30" s="281">
        <v>0</v>
      </c>
      <c r="CQ30" s="281">
        <v>0</v>
      </c>
      <c r="CR30" s="281">
        <v>0</v>
      </c>
      <c r="CS30" s="281">
        <v>0</v>
      </c>
      <c r="CT30" s="281">
        <v>0</v>
      </c>
      <c r="CU30" s="278">
        <v>0</v>
      </c>
      <c r="CV30" s="283">
        <v>0</v>
      </c>
      <c r="CW30" s="277">
        <v>0</v>
      </c>
      <c r="CX30" s="281">
        <v>0</v>
      </c>
      <c r="CY30" s="278">
        <v>0</v>
      </c>
      <c r="CZ30" s="280">
        <v>0</v>
      </c>
      <c r="DA30" s="281">
        <v>0</v>
      </c>
      <c r="DB30" s="281">
        <v>0</v>
      </c>
      <c r="DC30" s="281">
        <v>0</v>
      </c>
      <c r="DD30" s="281">
        <v>0</v>
      </c>
      <c r="DE30" s="281">
        <v>0</v>
      </c>
      <c r="DF30" s="278">
        <v>0</v>
      </c>
      <c r="DG30" s="283">
        <v>0</v>
      </c>
    </row>
    <row r="31" spans="1:111" ht="18.75" customHeight="1" x14ac:dyDescent="0.2">
      <c r="A31" s="262" t="s">
        <v>29</v>
      </c>
      <c r="B31" s="277">
        <v>0</v>
      </c>
      <c r="C31" s="281">
        <v>0</v>
      </c>
      <c r="D31" s="385">
        <v>0</v>
      </c>
      <c r="E31" s="280">
        <v>0</v>
      </c>
      <c r="F31" s="281">
        <v>18</v>
      </c>
      <c r="G31" s="281">
        <v>0</v>
      </c>
      <c r="H31" s="281">
        <v>0</v>
      </c>
      <c r="I31" s="281">
        <v>60</v>
      </c>
      <c r="J31" s="281">
        <v>0</v>
      </c>
      <c r="K31" s="282">
        <v>78</v>
      </c>
      <c r="L31" s="283">
        <v>78</v>
      </c>
      <c r="M31" s="277">
        <v>0</v>
      </c>
      <c r="N31" s="281">
        <v>0</v>
      </c>
      <c r="O31" s="278">
        <v>0</v>
      </c>
      <c r="P31" s="280">
        <v>0</v>
      </c>
      <c r="Q31" s="281">
        <v>0</v>
      </c>
      <c r="R31" s="281">
        <v>0</v>
      </c>
      <c r="S31" s="281">
        <v>0</v>
      </c>
      <c r="T31" s="281">
        <v>0</v>
      </c>
      <c r="U31" s="281">
        <v>5</v>
      </c>
      <c r="V31" s="278">
        <v>5</v>
      </c>
      <c r="W31" s="283">
        <v>5</v>
      </c>
      <c r="X31" s="277">
        <v>0</v>
      </c>
      <c r="Y31" s="281">
        <v>2</v>
      </c>
      <c r="Z31" s="278">
        <v>2</v>
      </c>
      <c r="AA31" s="280">
        <v>0</v>
      </c>
      <c r="AB31" s="281">
        <v>5</v>
      </c>
      <c r="AC31" s="281">
        <v>0</v>
      </c>
      <c r="AD31" s="281">
        <v>6</v>
      </c>
      <c r="AE31" s="281">
        <v>0</v>
      </c>
      <c r="AF31" s="281">
        <v>3</v>
      </c>
      <c r="AG31" s="278">
        <v>14</v>
      </c>
      <c r="AH31" s="283">
        <v>16</v>
      </c>
      <c r="AI31" s="277">
        <v>0</v>
      </c>
      <c r="AJ31" s="281">
        <v>0</v>
      </c>
      <c r="AK31" s="278">
        <v>0</v>
      </c>
      <c r="AL31" s="280">
        <v>0</v>
      </c>
      <c r="AM31" s="281">
        <v>0</v>
      </c>
      <c r="AN31" s="281">
        <v>0</v>
      </c>
      <c r="AO31" s="281">
        <v>0</v>
      </c>
      <c r="AP31" s="281">
        <v>0</v>
      </c>
      <c r="AQ31" s="281">
        <v>0</v>
      </c>
      <c r="AR31" s="278">
        <v>0</v>
      </c>
      <c r="AS31" s="283">
        <v>0</v>
      </c>
      <c r="AT31" s="277">
        <v>0</v>
      </c>
      <c r="AU31" s="281">
        <v>0</v>
      </c>
      <c r="AV31" s="278">
        <v>0</v>
      </c>
      <c r="AW31" s="280">
        <v>0</v>
      </c>
      <c r="AX31" s="281">
        <v>46</v>
      </c>
      <c r="AY31" s="281">
        <v>8</v>
      </c>
      <c r="AZ31" s="281">
        <v>8</v>
      </c>
      <c r="BA31" s="281">
        <v>0</v>
      </c>
      <c r="BB31" s="281">
        <v>5</v>
      </c>
      <c r="BC31" s="282">
        <v>67</v>
      </c>
      <c r="BD31" s="283">
        <v>67</v>
      </c>
      <c r="BE31" s="277">
        <v>0</v>
      </c>
      <c r="BF31" s="281">
        <v>0</v>
      </c>
      <c r="BG31" s="278">
        <v>0</v>
      </c>
      <c r="BH31" s="280">
        <v>0</v>
      </c>
      <c r="BI31" s="281">
        <v>8</v>
      </c>
      <c r="BJ31" s="281">
        <v>0</v>
      </c>
      <c r="BK31" s="281">
        <v>10</v>
      </c>
      <c r="BL31" s="281">
        <v>8</v>
      </c>
      <c r="BM31" s="281">
        <v>0</v>
      </c>
      <c r="BN31" s="278">
        <v>26</v>
      </c>
      <c r="BO31" s="283">
        <v>26</v>
      </c>
      <c r="BP31" s="277">
        <v>0</v>
      </c>
      <c r="BQ31" s="281">
        <v>0</v>
      </c>
      <c r="BR31" s="278">
        <v>0</v>
      </c>
      <c r="BS31" s="280">
        <v>0</v>
      </c>
      <c r="BT31" s="281">
        <v>0</v>
      </c>
      <c r="BU31" s="281">
        <v>0</v>
      </c>
      <c r="BV31" s="281">
        <v>0</v>
      </c>
      <c r="BW31" s="281">
        <v>0</v>
      </c>
      <c r="BX31" s="281">
        <v>8</v>
      </c>
      <c r="BY31" s="278">
        <v>8</v>
      </c>
      <c r="BZ31" s="283">
        <v>8</v>
      </c>
      <c r="CA31" s="277">
        <v>0</v>
      </c>
      <c r="CB31" s="281">
        <v>0</v>
      </c>
      <c r="CC31" s="278">
        <v>0</v>
      </c>
      <c r="CD31" s="280">
        <v>0</v>
      </c>
      <c r="CE31" s="281">
        <v>0</v>
      </c>
      <c r="CF31" s="281">
        <v>0</v>
      </c>
      <c r="CG31" s="281">
        <v>0</v>
      </c>
      <c r="CH31" s="281">
        <v>0</v>
      </c>
      <c r="CI31" s="281">
        <v>4</v>
      </c>
      <c r="CJ31" s="278">
        <v>4</v>
      </c>
      <c r="CK31" s="283">
        <v>4</v>
      </c>
      <c r="CL31" s="277">
        <v>0</v>
      </c>
      <c r="CM31" s="281">
        <v>0</v>
      </c>
      <c r="CN31" s="278">
        <v>0</v>
      </c>
      <c r="CO31" s="280">
        <v>0</v>
      </c>
      <c r="CP31" s="281">
        <v>0</v>
      </c>
      <c r="CQ31" s="281">
        <v>0</v>
      </c>
      <c r="CR31" s="281">
        <v>0</v>
      </c>
      <c r="CS31" s="281">
        <v>0</v>
      </c>
      <c r="CT31" s="281">
        <v>0</v>
      </c>
      <c r="CU31" s="278">
        <v>0</v>
      </c>
      <c r="CV31" s="283">
        <v>0</v>
      </c>
      <c r="CW31" s="277">
        <v>0</v>
      </c>
      <c r="CX31" s="281">
        <v>0</v>
      </c>
      <c r="CY31" s="278">
        <v>0</v>
      </c>
      <c r="CZ31" s="280">
        <v>0</v>
      </c>
      <c r="DA31" s="281">
        <v>0</v>
      </c>
      <c r="DB31" s="281">
        <v>0</v>
      </c>
      <c r="DC31" s="281">
        <v>0</v>
      </c>
      <c r="DD31" s="281">
        <v>0</v>
      </c>
      <c r="DE31" s="281">
        <v>0</v>
      </c>
      <c r="DF31" s="278">
        <v>0</v>
      </c>
      <c r="DG31" s="283">
        <v>0</v>
      </c>
    </row>
    <row r="32" spans="1:111" ht="18.75" customHeight="1" x14ac:dyDescent="0.2">
      <c r="A32" s="262" t="s">
        <v>30</v>
      </c>
      <c r="B32" s="277">
        <v>0</v>
      </c>
      <c r="C32" s="281">
        <v>0</v>
      </c>
      <c r="D32" s="385">
        <v>0</v>
      </c>
      <c r="E32" s="280">
        <v>0</v>
      </c>
      <c r="F32" s="281">
        <v>17</v>
      </c>
      <c r="G32" s="281">
        <v>21</v>
      </c>
      <c r="H32" s="281">
        <v>5</v>
      </c>
      <c r="I32" s="281">
        <v>26</v>
      </c>
      <c r="J32" s="281">
        <v>0</v>
      </c>
      <c r="K32" s="282">
        <v>69</v>
      </c>
      <c r="L32" s="283">
        <v>69</v>
      </c>
      <c r="M32" s="277">
        <v>0</v>
      </c>
      <c r="N32" s="281">
        <v>0</v>
      </c>
      <c r="O32" s="278">
        <v>0</v>
      </c>
      <c r="P32" s="280">
        <v>0</v>
      </c>
      <c r="Q32" s="281">
        <v>0</v>
      </c>
      <c r="R32" s="281">
        <v>0</v>
      </c>
      <c r="S32" s="281">
        <v>0</v>
      </c>
      <c r="T32" s="281">
        <v>9</v>
      </c>
      <c r="U32" s="281">
        <v>0</v>
      </c>
      <c r="V32" s="278">
        <v>9</v>
      </c>
      <c r="W32" s="283">
        <v>9</v>
      </c>
      <c r="X32" s="277">
        <v>0</v>
      </c>
      <c r="Y32" s="281">
        <v>4</v>
      </c>
      <c r="Z32" s="278">
        <v>4</v>
      </c>
      <c r="AA32" s="280">
        <v>0</v>
      </c>
      <c r="AB32" s="281">
        <v>4</v>
      </c>
      <c r="AC32" s="281">
        <v>0</v>
      </c>
      <c r="AD32" s="281">
        <v>0</v>
      </c>
      <c r="AE32" s="281">
        <v>8</v>
      </c>
      <c r="AF32" s="281">
        <v>0</v>
      </c>
      <c r="AG32" s="278">
        <v>12</v>
      </c>
      <c r="AH32" s="283">
        <v>16</v>
      </c>
      <c r="AI32" s="277">
        <v>0</v>
      </c>
      <c r="AJ32" s="281">
        <v>0</v>
      </c>
      <c r="AK32" s="278">
        <v>0</v>
      </c>
      <c r="AL32" s="280">
        <v>0</v>
      </c>
      <c r="AM32" s="281">
        <v>0</v>
      </c>
      <c r="AN32" s="281">
        <v>0</v>
      </c>
      <c r="AO32" s="281">
        <v>0</v>
      </c>
      <c r="AP32" s="281">
        <v>0</v>
      </c>
      <c r="AQ32" s="281">
        <v>0</v>
      </c>
      <c r="AR32" s="278">
        <v>0</v>
      </c>
      <c r="AS32" s="283">
        <v>0</v>
      </c>
      <c r="AT32" s="277">
        <v>0</v>
      </c>
      <c r="AU32" s="281">
        <v>0</v>
      </c>
      <c r="AV32" s="278">
        <v>0</v>
      </c>
      <c r="AW32" s="280">
        <v>0</v>
      </c>
      <c r="AX32" s="281">
        <v>0</v>
      </c>
      <c r="AY32" s="281">
        <v>0</v>
      </c>
      <c r="AZ32" s="281">
        <v>0</v>
      </c>
      <c r="BA32" s="281">
        <v>8</v>
      </c>
      <c r="BB32" s="281">
        <v>0</v>
      </c>
      <c r="BC32" s="282">
        <v>8</v>
      </c>
      <c r="BD32" s="283">
        <v>8</v>
      </c>
      <c r="BE32" s="277">
        <v>0</v>
      </c>
      <c r="BF32" s="281">
        <v>0</v>
      </c>
      <c r="BG32" s="278">
        <v>0</v>
      </c>
      <c r="BH32" s="280">
        <v>0</v>
      </c>
      <c r="BI32" s="281">
        <v>0</v>
      </c>
      <c r="BJ32" s="281">
        <v>0</v>
      </c>
      <c r="BK32" s="281">
        <v>0</v>
      </c>
      <c r="BL32" s="281">
        <v>0</v>
      </c>
      <c r="BM32" s="281">
        <v>0</v>
      </c>
      <c r="BN32" s="278">
        <v>0</v>
      </c>
      <c r="BO32" s="283">
        <v>0</v>
      </c>
      <c r="BP32" s="277">
        <v>0</v>
      </c>
      <c r="BQ32" s="281">
        <v>0</v>
      </c>
      <c r="BR32" s="278">
        <v>0</v>
      </c>
      <c r="BS32" s="280">
        <v>0</v>
      </c>
      <c r="BT32" s="281">
        <v>4</v>
      </c>
      <c r="BU32" s="281">
        <v>0</v>
      </c>
      <c r="BV32" s="281">
        <v>0</v>
      </c>
      <c r="BW32" s="281">
        <v>33</v>
      </c>
      <c r="BX32" s="281">
        <v>0</v>
      </c>
      <c r="BY32" s="278">
        <v>37</v>
      </c>
      <c r="BZ32" s="283">
        <v>37</v>
      </c>
      <c r="CA32" s="277">
        <v>0</v>
      </c>
      <c r="CB32" s="281">
        <v>0</v>
      </c>
      <c r="CC32" s="278">
        <v>0</v>
      </c>
      <c r="CD32" s="280">
        <v>0</v>
      </c>
      <c r="CE32" s="281">
        <v>0</v>
      </c>
      <c r="CF32" s="281">
        <v>0</v>
      </c>
      <c r="CG32" s="281">
        <v>0</v>
      </c>
      <c r="CH32" s="281">
        <v>0</v>
      </c>
      <c r="CI32" s="281">
        <v>0</v>
      </c>
      <c r="CJ32" s="278">
        <v>0</v>
      </c>
      <c r="CK32" s="283">
        <v>0</v>
      </c>
      <c r="CL32" s="277">
        <v>0</v>
      </c>
      <c r="CM32" s="281">
        <v>0</v>
      </c>
      <c r="CN32" s="278">
        <v>0</v>
      </c>
      <c r="CO32" s="280">
        <v>0</v>
      </c>
      <c r="CP32" s="281">
        <v>0</v>
      </c>
      <c r="CQ32" s="281">
        <v>0</v>
      </c>
      <c r="CR32" s="281">
        <v>0</v>
      </c>
      <c r="CS32" s="281">
        <v>0</v>
      </c>
      <c r="CT32" s="281">
        <v>0</v>
      </c>
      <c r="CU32" s="278">
        <v>0</v>
      </c>
      <c r="CV32" s="283">
        <v>0</v>
      </c>
      <c r="CW32" s="277">
        <v>0</v>
      </c>
      <c r="CX32" s="281">
        <v>0</v>
      </c>
      <c r="CY32" s="278">
        <v>0</v>
      </c>
      <c r="CZ32" s="280">
        <v>0</v>
      </c>
      <c r="DA32" s="281">
        <v>0</v>
      </c>
      <c r="DB32" s="281">
        <v>0</v>
      </c>
      <c r="DC32" s="281">
        <v>0</v>
      </c>
      <c r="DD32" s="281">
        <v>0</v>
      </c>
      <c r="DE32" s="281">
        <v>0</v>
      </c>
      <c r="DF32" s="278">
        <v>0</v>
      </c>
      <c r="DG32" s="283">
        <v>0</v>
      </c>
    </row>
    <row r="33" spans="1:111" ht="18.75" customHeight="1" x14ac:dyDescent="0.2">
      <c r="A33" s="262" t="s">
        <v>31</v>
      </c>
      <c r="B33" s="277">
        <v>0</v>
      </c>
      <c r="C33" s="281">
        <v>0</v>
      </c>
      <c r="D33" s="385">
        <v>0</v>
      </c>
      <c r="E33" s="280">
        <v>0</v>
      </c>
      <c r="F33" s="281">
        <v>14</v>
      </c>
      <c r="G33" s="281">
        <v>0</v>
      </c>
      <c r="H33" s="281">
        <v>0</v>
      </c>
      <c r="I33" s="281">
        <v>4</v>
      </c>
      <c r="J33" s="281">
        <v>0</v>
      </c>
      <c r="K33" s="282">
        <v>18</v>
      </c>
      <c r="L33" s="283">
        <v>18</v>
      </c>
      <c r="M33" s="277">
        <v>0</v>
      </c>
      <c r="N33" s="281">
        <v>0</v>
      </c>
      <c r="O33" s="278">
        <v>0</v>
      </c>
      <c r="P33" s="280">
        <v>0</v>
      </c>
      <c r="Q33" s="281">
        <v>1</v>
      </c>
      <c r="R33" s="281">
        <v>4</v>
      </c>
      <c r="S33" s="281">
        <v>9</v>
      </c>
      <c r="T33" s="281">
        <v>0</v>
      </c>
      <c r="U33" s="281">
        <v>0</v>
      </c>
      <c r="V33" s="278">
        <v>14</v>
      </c>
      <c r="W33" s="283">
        <v>14</v>
      </c>
      <c r="X33" s="277">
        <v>0</v>
      </c>
      <c r="Y33" s="281">
        <v>0</v>
      </c>
      <c r="Z33" s="278">
        <v>0</v>
      </c>
      <c r="AA33" s="280">
        <v>0</v>
      </c>
      <c r="AB33" s="281">
        <v>8</v>
      </c>
      <c r="AC33" s="281">
        <v>0</v>
      </c>
      <c r="AD33" s="281">
        <v>4</v>
      </c>
      <c r="AE33" s="281">
        <v>5</v>
      </c>
      <c r="AF33" s="281">
        <v>0</v>
      </c>
      <c r="AG33" s="278">
        <v>17</v>
      </c>
      <c r="AH33" s="283">
        <v>17</v>
      </c>
      <c r="AI33" s="277">
        <v>0</v>
      </c>
      <c r="AJ33" s="281">
        <v>0</v>
      </c>
      <c r="AK33" s="278">
        <v>0</v>
      </c>
      <c r="AL33" s="280">
        <v>0</v>
      </c>
      <c r="AM33" s="281">
        <v>0</v>
      </c>
      <c r="AN33" s="281">
        <v>38</v>
      </c>
      <c r="AO33" s="281">
        <v>0</v>
      </c>
      <c r="AP33" s="281">
        <v>6</v>
      </c>
      <c r="AQ33" s="281">
        <v>0</v>
      </c>
      <c r="AR33" s="278">
        <v>44</v>
      </c>
      <c r="AS33" s="283">
        <v>44</v>
      </c>
      <c r="AT33" s="277">
        <v>0</v>
      </c>
      <c r="AU33" s="281">
        <v>0</v>
      </c>
      <c r="AV33" s="278">
        <v>0</v>
      </c>
      <c r="AW33" s="280">
        <v>0</v>
      </c>
      <c r="AX33" s="281">
        <v>23</v>
      </c>
      <c r="AY33" s="281">
        <v>32</v>
      </c>
      <c r="AZ33" s="281">
        <v>4</v>
      </c>
      <c r="BA33" s="281">
        <v>9</v>
      </c>
      <c r="BB33" s="281">
        <v>0</v>
      </c>
      <c r="BC33" s="282">
        <v>68</v>
      </c>
      <c r="BD33" s="283">
        <v>68</v>
      </c>
      <c r="BE33" s="277">
        <v>0</v>
      </c>
      <c r="BF33" s="281">
        <v>0</v>
      </c>
      <c r="BG33" s="278">
        <v>0</v>
      </c>
      <c r="BH33" s="280">
        <v>0</v>
      </c>
      <c r="BI33" s="281">
        <v>0</v>
      </c>
      <c r="BJ33" s="281">
        <v>32</v>
      </c>
      <c r="BK33" s="281">
        <v>0</v>
      </c>
      <c r="BL33" s="281">
        <v>3</v>
      </c>
      <c r="BM33" s="281">
        <v>0</v>
      </c>
      <c r="BN33" s="278">
        <v>35</v>
      </c>
      <c r="BO33" s="283">
        <v>35</v>
      </c>
      <c r="BP33" s="277">
        <v>0</v>
      </c>
      <c r="BQ33" s="281">
        <v>0</v>
      </c>
      <c r="BR33" s="278">
        <v>0</v>
      </c>
      <c r="BS33" s="280">
        <v>0</v>
      </c>
      <c r="BT33" s="281">
        <v>8</v>
      </c>
      <c r="BU33" s="281">
        <v>16</v>
      </c>
      <c r="BV33" s="281">
        <v>0</v>
      </c>
      <c r="BW33" s="281">
        <v>86</v>
      </c>
      <c r="BX33" s="281">
        <v>0</v>
      </c>
      <c r="BY33" s="278">
        <v>110</v>
      </c>
      <c r="BZ33" s="283">
        <v>110</v>
      </c>
      <c r="CA33" s="277">
        <v>0</v>
      </c>
      <c r="CB33" s="281">
        <v>0</v>
      </c>
      <c r="CC33" s="278">
        <v>0</v>
      </c>
      <c r="CD33" s="280">
        <v>0</v>
      </c>
      <c r="CE33" s="281">
        <v>0</v>
      </c>
      <c r="CF33" s="281">
        <v>0</v>
      </c>
      <c r="CG33" s="281">
        <v>0</v>
      </c>
      <c r="CH33" s="281">
        <v>0</v>
      </c>
      <c r="CI33" s="281">
        <v>0</v>
      </c>
      <c r="CJ33" s="278">
        <v>0</v>
      </c>
      <c r="CK33" s="283">
        <v>0</v>
      </c>
      <c r="CL33" s="277">
        <v>0</v>
      </c>
      <c r="CM33" s="281">
        <v>0</v>
      </c>
      <c r="CN33" s="278">
        <v>0</v>
      </c>
      <c r="CO33" s="280">
        <v>0</v>
      </c>
      <c r="CP33" s="281">
        <v>0</v>
      </c>
      <c r="CQ33" s="281">
        <v>0</v>
      </c>
      <c r="CR33" s="281">
        <v>0</v>
      </c>
      <c r="CS33" s="281">
        <v>0</v>
      </c>
      <c r="CT33" s="281">
        <v>0</v>
      </c>
      <c r="CU33" s="278">
        <v>0</v>
      </c>
      <c r="CV33" s="283">
        <v>0</v>
      </c>
      <c r="CW33" s="277">
        <v>0</v>
      </c>
      <c r="CX33" s="281">
        <v>0</v>
      </c>
      <c r="CY33" s="278">
        <v>0</v>
      </c>
      <c r="CZ33" s="280">
        <v>0</v>
      </c>
      <c r="DA33" s="281">
        <v>0</v>
      </c>
      <c r="DB33" s="281">
        <v>0</v>
      </c>
      <c r="DC33" s="281">
        <v>0</v>
      </c>
      <c r="DD33" s="281">
        <v>0</v>
      </c>
      <c r="DE33" s="281">
        <v>0</v>
      </c>
      <c r="DF33" s="278">
        <v>0</v>
      </c>
      <c r="DG33" s="283">
        <v>0</v>
      </c>
    </row>
    <row r="34" spans="1:111" ht="18.75" customHeight="1" x14ac:dyDescent="0.2">
      <c r="A34" s="262" t="s">
        <v>32</v>
      </c>
      <c r="B34" s="277">
        <v>0</v>
      </c>
      <c r="C34" s="281">
        <v>0</v>
      </c>
      <c r="D34" s="385">
        <v>0</v>
      </c>
      <c r="E34" s="280">
        <v>0</v>
      </c>
      <c r="F34" s="281">
        <v>0</v>
      </c>
      <c r="G34" s="281">
        <v>28</v>
      </c>
      <c r="H34" s="281">
        <v>17</v>
      </c>
      <c r="I34" s="281">
        <v>97</v>
      </c>
      <c r="J34" s="281">
        <v>60</v>
      </c>
      <c r="K34" s="282">
        <v>202</v>
      </c>
      <c r="L34" s="283">
        <v>202</v>
      </c>
      <c r="M34" s="277">
        <v>0</v>
      </c>
      <c r="N34" s="281">
        <v>0</v>
      </c>
      <c r="O34" s="278">
        <v>0</v>
      </c>
      <c r="P34" s="280">
        <v>0</v>
      </c>
      <c r="Q34" s="281">
        <v>0</v>
      </c>
      <c r="R34" s="281">
        <v>0</v>
      </c>
      <c r="S34" s="281">
        <v>0</v>
      </c>
      <c r="T34" s="281">
        <v>0</v>
      </c>
      <c r="U34" s="281">
        <v>0</v>
      </c>
      <c r="V34" s="278">
        <v>0</v>
      </c>
      <c r="W34" s="283">
        <v>0</v>
      </c>
      <c r="X34" s="277">
        <v>0</v>
      </c>
      <c r="Y34" s="281">
        <v>2</v>
      </c>
      <c r="Z34" s="278">
        <v>2</v>
      </c>
      <c r="AA34" s="280">
        <v>0</v>
      </c>
      <c r="AB34" s="281">
        <v>20</v>
      </c>
      <c r="AC34" s="281">
        <v>21</v>
      </c>
      <c r="AD34" s="281">
        <v>12</v>
      </c>
      <c r="AE34" s="281">
        <v>8</v>
      </c>
      <c r="AF34" s="281">
        <v>0</v>
      </c>
      <c r="AG34" s="278">
        <v>61</v>
      </c>
      <c r="AH34" s="283">
        <v>63</v>
      </c>
      <c r="AI34" s="277">
        <v>0</v>
      </c>
      <c r="AJ34" s="281">
        <v>0</v>
      </c>
      <c r="AK34" s="278">
        <v>0</v>
      </c>
      <c r="AL34" s="280">
        <v>0</v>
      </c>
      <c r="AM34" s="281">
        <v>0</v>
      </c>
      <c r="AN34" s="281">
        <v>0</v>
      </c>
      <c r="AO34" s="281">
        <v>0</v>
      </c>
      <c r="AP34" s="281">
        <v>0</v>
      </c>
      <c r="AQ34" s="281">
        <v>0</v>
      </c>
      <c r="AR34" s="278">
        <v>0</v>
      </c>
      <c r="AS34" s="283">
        <v>0</v>
      </c>
      <c r="AT34" s="277">
        <v>0</v>
      </c>
      <c r="AU34" s="281">
        <v>0</v>
      </c>
      <c r="AV34" s="278">
        <v>0</v>
      </c>
      <c r="AW34" s="280">
        <v>0</v>
      </c>
      <c r="AX34" s="281">
        <v>34</v>
      </c>
      <c r="AY34" s="281">
        <v>9</v>
      </c>
      <c r="AZ34" s="281">
        <v>13</v>
      </c>
      <c r="BA34" s="281">
        <v>0</v>
      </c>
      <c r="BB34" s="281">
        <v>8</v>
      </c>
      <c r="BC34" s="282">
        <v>64</v>
      </c>
      <c r="BD34" s="283">
        <v>64</v>
      </c>
      <c r="BE34" s="277">
        <v>0</v>
      </c>
      <c r="BF34" s="281">
        <v>0</v>
      </c>
      <c r="BG34" s="278">
        <v>0</v>
      </c>
      <c r="BH34" s="280">
        <v>0</v>
      </c>
      <c r="BI34" s="281">
        <v>21</v>
      </c>
      <c r="BJ34" s="281">
        <v>0</v>
      </c>
      <c r="BK34" s="281">
        <v>0</v>
      </c>
      <c r="BL34" s="281">
        <v>0</v>
      </c>
      <c r="BM34" s="281">
        <v>13</v>
      </c>
      <c r="BN34" s="278">
        <v>34</v>
      </c>
      <c r="BO34" s="283">
        <v>34</v>
      </c>
      <c r="BP34" s="277">
        <v>0</v>
      </c>
      <c r="BQ34" s="281">
        <v>0</v>
      </c>
      <c r="BR34" s="278">
        <v>0</v>
      </c>
      <c r="BS34" s="280">
        <v>0</v>
      </c>
      <c r="BT34" s="281">
        <v>0</v>
      </c>
      <c r="BU34" s="281">
        <v>0</v>
      </c>
      <c r="BV34" s="281">
        <v>9</v>
      </c>
      <c r="BW34" s="281">
        <v>0</v>
      </c>
      <c r="BX34" s="281">
        <v>0</v>
      </c>
      <c r="BY34" s="278">
        <v>9</v>
      </c>
      <c r="BZ34" s="283">
        <v>9</v>
      </c>
      <c r="CA34" s="277">
        <v>0</v>
      </c>
      <c r="CB34" s="281">
        <v>0</v>
      </c>
      <c r="CC34" s="278">
        <v>0</v>
      </c>
      <c r="CD34" s="280">
        <v>0</v>
      </c>
      <c r="CE34" s="281">
        <v>0</v>
      </c>
      <c r="CF34" s="281">
        <v>0</v>
      </c>
      <c r="CG34" s="281">
        <v>0</v>
      </c>
      <c r="CH34" s="281">
        <v>0</v>
      </c>
      <c r="CI34" s="281">
        <v>0</v>
      </c>
      <c r="CJ34" s="278">
        <v>0</v>
      </c>
      <c r="CK34" s="283">
        <v>0</v>
      </c>
      <c r="CL34" s="277">
        <v>0</v>
      </c>
      <c r="CM34" s="281">
        <v>0</v>
      </c>
      <c r="CN34" s="278">
        <v>0</v>
      </c>
      <c r="CO34" s="280">
        <v>0</v>
      </c>
      <c r="CP34" s="281">
        <v>0</v>
      </c>
      <c r="CQ34" s="281">
        <v>0</v>
      </c>
      <c r="CR34" s="281">
        <v>0</v>
      </c>
      <c r="CS34" s="281">
        <v>0</v>
      </c>
      <c r="CT34" s="281">
        <v>0</v>
      </c>
      <c r="CU34" s="278">
        <v>0</v>
      </c>
      <c r="CV34" s="283">
        <v>0</v>
      </c>
      <c r="CW34" s="277">
        <v>0</v>
      </c>
      <c r="CX34" s="281">
        <v>0</v>
      </c>
      <c r="CY34" s="278">
        <v>0</v>
      </c>
      <c r="CZ34" s="280">
        <v>0</v>
      </c>
      <c r="DA34" s="281">
        <v>0</v>
      </c>
      <c r="DB34" s="281">
        <v>0</v>
      </c>
      <c r="DC34" s="281">
        <v>0</v>
      </c>
      <c r="DD34" s="281">
        <v>0</v>
      </c>
      <c r="DE34" s="281">
        <v>0</v>
      </c>
      <c r="DF34" s="278">
        <v>0</v>
      </c>
      <c r="DG34" s="283">
        <v>0</v>
      </c>
    </row>
    <row r="35" spans="1:111" ht="18.75" customHeight="1" x14ac:dyDescent="0.2">
      <c r="A35" s="262" t="s">
        <v>33</v>
      </c>
      <c r="B35" s="277">
        <v>0</v>
      </c>
      <c r="C35" s="281">
        <v>0</v>
      </c>
      <c r="D35" s="385">
        <v>0</v>
      </c>
      <c r="E35" s="280">
        <v>0</v>
      </c>
      <c r="F35" s="281">
        <v>7</v>
      </c>
      <c r="G35" s="281">
        <v>0</v>
      </c>
      <c r="H35" s="281">
        <v>0</v>
      </c>
      <c r="I35" s="281">
        <v>0</v>
      </c>
      <c r="J35" s="281">
        <v>0</v>
      </c>
      <c r="K35" s="282">
        <v>7</v>
      </c>
      <c r="L35" s="283">
        <v>7</v>
      </c>
      <c r="M35" s="277">
        <v>0</v>
      </c>
      <c r="N35" s="281">
        <v>0</v>
      </c>
      <c r="O35" s="278">
        <v>0</v>
      </c>
      <c r="P35" s="280">
        <v>0</v>
      </c>
      <c r="Q35" s="281">
        <v>0</v>
      </c>
      <c r="R35" s="281">
        <v>0</v>
      </c>
      <c r="S35" s="281">
        <v>0</v>
      </c>
      <c r="T35" s="281">
        <v>0</v>
      </c>
      <c r="U35" s="281">
        <v>0</v>
      </c>
      <c r="V35" s="278">
        <v>0</v>
      </c>
      <c r="W35" s="283">
        <v>0</v>
      </c>
      <c r="X35" s="277">
        <v>0</v>
      </c>
      <c r="Y35" s="281">
        <v>0</v>
      </c>
      <c r="Z35" s="278">
        <v>0</v>
      </c>
      <c r="AA35" s="280">
        <v>0</v>
      </c>
      <c r="AB35" s="281">
        <v>19</v>
      </c>
      <c r="AC35" s="281">
        <v>0</v>
      </c>
      <c r="AD35" s="281">
        <v>0</v>
      </c>
      <c r="AE35" s="281">
        <v>0</v>
      </c>
      <c r="AF35" s="281">
        <v>0</v>
      </c>
      <c r="AG35" s="278">
        <v>19</v>
      </c>
      <c r="AH35" s="283">
        <v>19</v>
      </c>
      <c r="AI35" s="277">
        <v>18</v>
      </c>
      <c r="AJ35" s="281">
        <v>30</v>
      </c>
      <c r="AK35" s="278">
        <v>48</v>
      </c>
      <c r="AL35" s="280">
        <v>0</v>
      </c>
      <c r="AM35" s="281">
        <v>0</v>
      </c>
      <c r="AN35" s="281">
        <v>0</v>
      </c>
      <c r="AO35" s="281">
        <v>0</v>
      </c>
      <c r="AP35" s="281">
        <v>0</v>
      </c>
      <c r="AQ35" s="281">
        <v>0</v>
      </c>
      <c r="AR35" s="278">
        <v>0</v>
      </c>
      <c r="AS35" s="283">
        <v>48</v>
      </c>
      <c r="AT35" s="277">
        <v>0</v>
      </c>
      <c r="AU35" s="281">
        <v>0</v>
      </c>
      <c r="AV35" s="278">
        <v>0</v>
      </c>
      <c r="AW35" s="280">
        <v>0</v>
      </c>
      <c r="AX35" s="281">
        <v>3</v>
      </c>
      <c r="AY35" s="281">
        <v>0</v>
      </c>
      <c r="AZ35" s="281">
        <v>0</v>
      </c>
      <c r="BA35" s="281">
        <v>0</v>
      </c>
      <c r="BB35" s="281">
        <v>0</v>
      </c>
      <c r="BC35" s="282">
        <v>3</v>
      </c>
      <c r="BD35" s="283">
        <v>3</v>
      </c>
      <c r="BE35" s="277">
        <v>0</v>
      </c>
      <c r="BF35" s="281">
        <v>0</v>
      </c>
      <c r="BG35" s="278">
        <v>0</v>
      </c>
      <c r="BH35" s="280">
        <v>0</v>
      </c>
      <c r="BI35" s="281">
        <v>4</v>
      </c>
      <c r="BJ35" s="281">
        <v>19</v>
      </c>
      <c r="BK35" s="281">
        <v>0</v>
      </c>
      <c r="BL35" s="281">
        <v>0</v>
      </c>
      <c r="BM35" s="281">
        <v>0</v>
      </c>
      <c r="BN35" s="278">
        <v>23</v>
      </c>
      <c r="BO35" s="283">
        <v>23</v>
      </c>
      <c r="BP35" s="277">
        <v>0</v>
      </c>
      <c r="BQ35" s="281">
        <v>0</v>
      </c>
      <c r="BR35" s="278">
        <v>0</v>
      </c>
      <c r="BS35" s="280">
        <v>0</v>
      </c>
      <c r="BT35" s="281">
        <v>0</v>
      </c>
      <c r="BU35" s="281">
        <v>0</v>
      </c>
      <c r="BV35" s="281">
        <v>0</v>
      </c>
      <c r="BW35" s="281">
        <v>0</v>
      </c>
      <c r="BX35" s="281">
        <v>0</v>
      </c>
      <c r="BY35" s="278">
        <v>0</v>
      </c>
      <c r="BZ35" s="283">
        <v>0</v>
      </c>
      <c r="CA35" s="277">
        <v>0</v>
      </c>
      <c r="CB35" s="281">
        <v>0</v>
      </c>
      <c r="CC35" s="278">
        <v>0</v>
      </c>
      <c r="CD35" s="280">
        <v>0</v>
      </c>
      <c r="CE35" s="281">
        <v>0</v>
      </c>
      <c r="CF35" s="281">
        <v>5</v>
      </c>
      <c r="CG35" s="281">
        <v>0</v>
      </c>
      <c r="CH35" s="281">
        <v>0</v>
      </c>
      <c r="CI35" s="281">
        <v>0</v>
      </c>
      <c r="CJ35" s="278">
        <v>5</v>
      </c>
      <c r="CK35" s="283">
        <v>5</v>
      </c>
      <c r="CL35" s="277">
        <v>0</v>
      </c>
      <c r="CM35" s="281">
        <v>0</v>
      </c>
      <c r="CN35" s="278">
        <v>0</v>
      </c>
      <c r="CO35" s="280">
        <v>0</v>
      </c>
      <c r="CP35" s="281">
        <v>0</v>
      </c>
      <c r="CQ35" s="281">
        <v>0</v>
      </c>
      <c r="CR35" s="281">
        <v>0</v>
      </c>
      <c r="CS35" s="281">
        <v>0</v>
      </c>
      <c r="CT35" s="281">
        <v>0</v>
      </c>
      <c r="CU35" s="278">
        <v>0</v>
      </c>
      <c r="CV35" s="283">
        <v>0</v>
      </c>
      <c r="CW35" s="277">
        <v>0</v>
      </c>
      <c r="CX35" s="281">
        <v>0</v>
      </c>
      <c r="CY35" s="278">
        <v>0</v>
      </c>
      <c r="CZ35" s="280">
        <v>0</v>
      </c>
      <c r="DA35" s="281">
        <v>0</v>
      </c>
      <c r="DB35" s="281">
        <v>0</v>
      </c>
      <c r="DC35" s="281">
        <v>0</v>
      </c>
      <c r="DD35" s="281">
        <v>0</v>
      </c>
      <c r="DE35" s="281">
        <v>0</v>
      </c>
      <c r="DF35" s="278">
        <v>0</v>
      </c>
      <c r="DG35" s="283">
        <v>0</v>
      </c>
    </row>
    <row r="36" spans="1:111" ht="18.75" customHeight="1" x14ac:dyDescent="0.2">
      <c r="A36" s="262" t="s">
        <v>34</v>
      </c>
      <c r="B36" s="277">
        <v>0</v>
      </c>
      <c r="C36" s="281">
        <v>0</v>
      </c>
      <c r="D36" s="385">
        <v>0</v>
      </c>
      <c r="E36" s="280">
        <v>0</v>
      </c>
      <c r="F36" s="281">
        <v>4</v>
      </c>
      <c r="G36" s="281">
        <v>0</v>
      </c>
      <c r="H36" s="281">
        <v>0</v>
      </c>
      <c r="I36" s="281">
        <v>0</v>
      </c>
      <c r="J36" s="281">
        <v>0</v>
      </c>
      <c r="K36" s="282">
        <v>4</v>
      </c>
      <c r="L36" s="283">
        <v>4</v>
      </c>
      <c r="M36" s="277">
        <v>0</v>
      </c>
      <c r="N36" s="281">
        <v>0</v>
      </c>
      <c r="O36" s="278">
        <v>0</v>
      </c>
      <c r="P36" s="280">
        <v>0</v>
      </c>
      <c r="Q36" s="281">
        <v>0</v>
      </c>
      <c r="R36" s="281">
        <v>0</v>
      </c>
      <c r="S36" s="281">
        <v>0</v>
      </c>
      <c r="T36" s="281">
        <v>0</v>
      </c>
      <c r="U36" s="281">
        <v>0</v>
      </c>
      <c r="V36" s="278">
        <v>0</v>
      </c>
      <c r="W36" s="283">
        <v>0</v>
      </c>
      <c r="X36" s="277">
        <v>0</v>
      </c>
      <c r="Y36" s="281">
        <v>8</v>
      </c>
      <c r="Z36" s="278">
        <v>8</v>
      </c>
      <c r="AA36" s="280">
        <v>0</v>
      </c>
      <c r="AB36" s="281">
        <v>2</v>
      </c>
      <c r="AC36" s="281">
        <v>3</v>
      </c>
      <c r="AD36" s="281">
        <v>0</v>
      </c>
      <c r="AE36" s="281">
        <v>0</v>
      </c>
      <c r="AF36" s="281">
        <v>0</v>
      </c>
      <c r="AG36" s="278">
        <v>5</v>
      </c>
      <c r="AH36" s="283">
        <v>13</v>
      </c>
      <c r="AI36" s="277">
        <v>0</v>
      </c>
      <c r="AJ36" s="281">
        <v>0</v>
      </c>
      <c r="AK36" s="278">
        <v>0</v>
      </c>
      <c r="AL36" s="280">
        <v>0</v>
      </c>
      <c r="AM36" s="281">
        <v>0</v>
      </c>
      <c r="AN36" s="281">
        <v>17</v>
      </c>
      <c r="AO36" s="281">
        <v>0</v>
      </c>
      <c r="AP36" s="281">
        <v>0</v>
      </c>
      <c r="AQ36" s="281">
        <v>0</v>
      </c>
      <c r="AR36" s="278">
        <v>17</v>
      </c>
      <c r="AS36" s="283">
        <v>17</v>
      </c>
      <c r="AT36" s="277">
        <v>0</v>
      </c>
      <c r="AU36" s="281">
        <v>0</v>
      </c>
      <c r="AV36" s="278">
        <v>0</v>
      </c>
      <c r="AW36" s="280">
        <v>0</v>
      </c>
      <c r="AX36" s="281">
        <v>16</v>
      </c>
      <c r="AY36" s="281">
        <v>9</v>
      </c>
      <c r="AZ36" s="281">
        <v>0</v>
      </c>
      <c r="BA36" s="281">
        <v>0</v>
      </c>
      <c r="BB36" s="281">
        <v>0</v>
      </c>
      <c r="BC36" s="282">
        <v>25</v>
      </c>
      <c r="BD36" s="283">
        <v>25</v>
      </c>
      <c r="BE36" s="277">
        <v>0</v>
      </c>
      <c r="BF36" s="281">
        <v>0</v>
      </c>
      <c r="BG36" s="278">
        <v>0</v>
      </c>
      <c r="BH36" s="280">
        <v>0</v>
      </c>
      <c r="BI36" s="281">
        <v>7</v>
      </c>
      <c r="BJ36" s="281">
        <v>7</v>
      </c>
      <c r="BK36" s="281">
        <v>0</v>
      </c>
      <c r="BL36" s="281">
        <v>0</v>
      </c>
      <c r="BM36" s="281">
        <v>0</v>
      </c>
      <c r="BN36" s="278">
        <v>14</v>
      </c>
      <c r="BO36" s="283">
        <v>14</v>
      </c>
      <c r="BP36" s="277">
        <v>0</v>
      </c>
      <c r="BQ36" s="281">
        <v>0</v>
      </c>
      <c r="BR36" s="278">
        <v>0</v>
      </c>
      <c r="BS36" s="280">
        <v>0</v>
      </c>
      <c r="BT36" s="281">
        <v>0</v>
      </c>
      <c r="BU36" s="281">
        <v>0</v>
      </c>
      <c r="BV36" s="281">
        <v>0</v>
      </c>
      <c r="BW36" s="281">
        <v>0</v>
      </c>
      <c r="BX36" s="281">
        <v>0</v>
      </c>
      <c r="BY36" s="278">
        <v>0</v>
      </c>
      <c r="BZ36" s="283">
        <v>0</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0</v>
      </c>
      <c r="CQ36" s="281">
        <v>0</v>
      </c>
      <c r="CR36" s="281">
        <v>0</v>
      </c>
      <c r="CS36" s="281">
        <v>0</v>
      </c>
      <c r="CT36" s="281">
        <v>0</v>
      </c>
      <c r="CU36" s="278">
        <v>0</v>
      </c>
      <c r="CV36" s="283">
        <v>0</v>
      </c>
      <c r="CW36" s="277">
        <v>0</v>
      </c>
      <c r="CX36" s="281">
        <v>0</v>
      </c>
      <c r="CY36" s="278">
        <v>0</v>
      </c>
      <c r="CZ36" s="280">
        <v>0</v>
      </c>
      <c r="DA36" s="281">
        <v>0</v>
      </c>
      <c r="DB36" s="281">
        <v>0</v>
      </c>
      <c r="DC36" s="281">
        <v>0</v>
      </c>
      <c r="DD36" s="281">
        <v>0</v>
      </c>
      <c r="DE36" s="281">
        <v>0</v>
      </c>
      <c r="DF36" s="278">
        <v>0</v>
      </c>
      <c r="DG36" s="283">
        <v>0</v>
      </c>
    </row>
    <row r="37" spans="1:111" ht="18.75" customHeight="1" x14ac:dyDescent="0.2">
      <c r="A37" s="262" t="s">
        <v>35</v>
      </c>
      <c r="B37" s="277">
        <v>0</v>
      </c>
      <c r="C37" s="281">
        <v>0</v>
      </c>
      <c r="D37" s="385">
        <v>0</v>
      </c>
      <c r="E37" s="280">
        <v>0</v>
      </c>
      <c r="F37" s="281">
        <v>42</v>
      </c>
      <c r="G37" s="281">
        <v>82</v>
      </c>
      <c r="H37" s="281">
        <v>0</v>
      </c>
      <c r="I37" s="281">
        <v>0</v>
      </c>
      <c r="J37" s="281">
        <v>86</v>
      </c>
      <c r="K37" s="282">
        <v>210</v>
      </c>
      <c r="L37" s="283">
        <v>210</v>
      </c>
      <c r="M37" s="277">
        <v>0</v>
      </c>
      <c r="N37" s="281">
        <v>0</v>
      </c>
      <c r="O37" s="278">
        <v>0</v>
      </c>
      <c r="P37" s="280">
        <v>0</v>
      </c>
      <c r="Q37" s="281">
        <v>0</v>
      </c>
      <c r="R37" s="281">
        <v>0</v>
      </c>
      <c r="S37" s="281">
        <v>0</v>
      </c>
      <c r="T37" s="281">
        <v>0</v>
      </c>
      <c r="U37" s="281">
        <v>9</v>
      </c>
      <c r="V37" s="278">
        <v>9</v>
      </c>
      <c r="W37" s="283">
        <v>9</v>
      </c>
      <c r="X37" s="277">
        <v>0</v>
      </c>
      <c r="Y37" s="281">
        <v>0</v>
      </c>
      <c r="Z37" s="278">
        <v>0</v>
      </c>
      <c r="AA37" s="280">
        <v>0</v>
      </c>
      <c r="AB37" s="281">
        <v>0</v>
      </c>
      <c r="AC37" s="281">
        <v>45</v>
      </c>
      <c r="AD37" s="281">
        <v>0</v>
      </c>
      <c r="AE37" s="281">
        <v>0</v>
      </c>
      <c r="AF37" s="281">
        <v>0</v>
      </c>
      <c r="AG37" s="278">
        <v>45</v>
      </c>
      <c r="AH37" s="283">
        <v>45</v>
      </c>
      <c r="AI37" s="277">
        <v>0</v>
      </c>
      <c r="AJ37" s="281">
        <v>0</v>
      </c>
      <c r="AK37" s="278">
        <v>0</v>
      </c>
      <c r="AL37" s="280">
        <v>0</v>
      </c>
      <c r="AM37" s="281">
        <v>26</v>
      </c>
      <c r="AN37" s="281">
        <v>15</v>
      </c>
      <c r="AO37" s="281">
        <v>21</v>
      </c>
      <c r="AP37" s="281">
        <v>0</v>
      </c>
      <c r="AQ37" s="281">
        <v>0</v>
      </c>
      <c r="AR37" s="278">
        <v>62</v>
      </c>
      <c r="AS37" s="283">
        <v>62</v>
      </c>
      <c r="AT37" s="277">
        <v>0</v>
      </c>
      <c r="AU37" s="281">
        <v>0</v>
      </c>
      <c r="AV37" s="278">
        <v>0</v>
      </c>
      <c r="AW37" s="280">
        <v>0</v>
      </c>
      <c r="AX37" s="281">
        <v>61</v>
      </c>
      <c r="AY37" s="281">
        <v>72</v>
      </c>
      <c r="AZ37" s="281">
        <v>14</v>
      </c>
      <c r="BA37" s="281">
        <v>0</v>
      </c>
      <c r="BB37" s="281">
        <v>0</v>
      </c>
      <c r="BC37" s="282">
        <v>147</v>
      </c>
      <c r="BD37" s="283">
        <v>147</v>
      </c>
      <c r="BE37" s="277">
        <v>0</v>
      </c>
      <c r="BF37" s="281">
        <v>0</v>
      </c>
      <c r="BG37" s="278">
        <v>0</v>
      </c>
      <c r="BH37" s="280">
        <v>0</v>
      </c>
      <c r="BI37" s="281">
        <v>9</v>
      </c>
      <c r="BJ37" s="281">
        <v>15</v>
      </c>
      <c r="BK37" s="281">
        <v>0</v>
      </c>
      <c r="BL37" s="281">
        <v>13</v>
      </c>
      <c r="BM37" s="281">
        <v>0</v>
      </c>
      <c r="BN37" s="278">
        <v>37</v>
      </c>
      <c r="BO37" s="283">
        <v>37</v>
      </c>
      <c r="BP37" s="277">
        <v>0</v>
      </c>
      <c r="BQ37" s="281">
        <v>0</v>
      </c>
      <c r="BR37" s="278">
        <v>0</v>
      </c>
      <c r="BS37" s="280">
        <v>0</v>
      </c>
      <c r="BT37" s="281">
        <v>0</v>
      </c>
      <c r="BU37" s="281">
        <v>0</v>
      </c>
      <c r="BV37" s="281">
        <v>0</v>
      </c>
      <c r="BW37" s="281">
        <v>0</v>
      </c>
      <c r="BX37" s="281">
        <v>0</v>
      </c>
      <c r="BY37" s="278">
        <v>0</v>
      </c>
      <c r="BZ37" s="283">
        <v>0</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c r="CW37" s="277">
        <v>0</v>
      </c>
      <c r="CX37" s="281">
        <v>0</v>
      </c>
      <c r="CY37" s="278">
        <v>0</v>
      </c>
      <c r="CZ37" s="280">
        <v>0</v>
      </c>
      <c r="DA37" s="281">
        <v>0</v>
      </c>
      <c r="DB37" s="281">
        <v>0</v>
      </c>
      <c r="DC37" s="281">
        <v>0</v>
      </c>
      <c r="DD37" s="281">
        <v>0</v>
      </c>
      <c r="DE37" s="281">
        <v>0</v>
      </c>
      <c r="DF37" s="278">
        <v>0</v>
      </c>
      <c r="DG37" s="283">
        <v>0</v>
      </c>
    </row>
    <row r="38" spans="1:111" ht="18.75" customHeight="1" x14ac:dyDescent="0.2">
      <c r="A38" s="262" t="s">
        <v>36</v>
      </c>
      <c r="B38" s="277">
        <v>0</v>
      </c>
      <c r="C38" s="281">
        <v>0</v>
      </c>
      <c r="D38" s="385">
        <v>0</v>
      </c>
      <c r="E38" s="280">
        <v>0</v>
      </c>
      <c r="F38" s="281">
        <v>52</v>
      </c>
      <c r="G38" s="281">
        <v>4</v>
      </c>
      <c r="H38" s="281">
        <v>0</v>
      </c>
      <c r="I38" s="281">
        <v>0</v>
      </c>
      <c r="J38" s="281">
        <v>0</v>
      </c>
      <c r="K38" s="282">
        <v>56</v>
      </c>
      <c r="L38" s="283">
        <v>56</v>
      </c>
      <c r="M38" s="277">
        <v>0</v>
      </c>
      <c r="N38" s="281">
        <v>0</v>
      </c>
      <c r="O38" s="278">
        <v>0</v>
      </c>
      <c r="P38" s="280">
        <v>0</v>
      </c>
      <c r="Q38" s="281">
        <v>0</v>
      </c>
      <c r="R38" s="281">
        <v>0</v>
      </c>
      <c r="S38" s="281">
        <v>0</v>
      </c>
      <c r="T38" s="281">
        <v>4</v>
      </c>
      <c r="U38" s="281">
        <v>0</v>
      </c>
      <c r="V38" s="278">
        <v>4</v>
      </c>
      <c r="W38" s="283">
        <v>4</v>
      </c>
      <c r="X38" s="277">
        <v>0</v>
      </c>
      <c r="Y38" s="281">
        <v>0</v>
      </c>
      <c r="Z38" s="278">
        <v>0</v>
      </c>
      <c r="AA38" s="280">
        <v>0</v>
      </c>
      <c r="AB38" s="281">
        <v>20</v>
      </c>
      <c r="AC38" s="281">
        <v>13</v>
      </c>
      <c r="AD38" s="281">
        <v>8</v>
      </c>
      <c r="AE38" s="281">
        <v>18</v>
      </c>
      <c r="AF38" s="281">
        <v>0</v>
      </c>
      <c r="AG38" s="278">
        <v>59</v>
      </c>
      <c r="AH38" s="283">
        <v>59</v>
      </c>
      <c r="AI38" s="277">
        <v>0</v>
      </c>
      <c r="AJ38" s="281">
        <v>0</v>
      </c>
      <c r="AK38" s="278">
        <v>0</v>
      </c>
      <c r="AL38" s="280">
        <v>0</v>
      </c>
      <c r="AM38" s="281">
        <v>0</v>
      </c>
      <c r="AN38" s="281">
        <v>0</v>
      </c>
      <c r="AO38" s="281">
        <v>0</v>
      </c>
      <c r="AP38" s="281">
        <v>0</v>
      </c>
      <c r="AQ38" s="281">
        <v>0</v>
      </c>
      <c r="AR38" s="278">
        <v>0</v>
      </c>
      <c r="AS38" s="283">
        <v>0</v>
      </c>
      <c r="AT38" s="277">
        <v>0</v>
      </c>
      <c r="AU38" s="281">
        <v>0</v>
      </c>
      <c r="AV38" s="278">
        <v>0</v>
      </c>
      <c r="AW38" s="280">
        <v>0</v>
      </c>
      <c r="AX38" s="281">
        <v>8</v>
      </c>
      <c r="AY38" s="281">
        <v>12</v>
      </c>
      <c r="AZ38" s="281">
        <v>0</v>
      </c>
      <c r="BA38" s="281">
        <v>3</v>
      </c>
      <c r="BB38" s="281">
        <v>0</v>
      </c>
      <c r="BC38" s="282">
        <v>23</v>
      </c>
      <c r="BD38" s="283">
        <v>23</v>
      </c>
      <c r="BE38" s="277">
        <v>0</v>
      </c>
      <c r="BF38" s="281">
        <v>0</v>
      </c>
      <c r="BG38" s="278">
        <v>0</v>
      </c>
      <c r="BH38" s="280">
        <v>0</v>
      </c>
      <c r="BI38" s="281">
        <v>0</v>
      </c>
      <c r="BJ38" s="281">
        <v>9</v>
      </c>
      <c r="BK38" s="281">
        <v>7</v>
      </c>
      <c r="BL38" s="281">
        <v>0</v>
      </c>
      <c r="BM38" s="281">
        <v>0</v>
      </c>
      <c r="BN38" s="278">
        <v>16</v>
      </c>
      <c r="BO38" s="283">
        <v>16</v>
      </c>
      <c r="BP38" s="277">
        <v>0</v>
      </c>
      <c r="BQ38" s="281">
        <v>0</v>
      </c>
      <c r="BR38" s="278">
        <v>0</v>
      </c>
      <c r="BS38" s="280">
        <v>0</v>
      </c>
      <c r="BT38" s="281">
        <v>0</v>
      </c>
      <c r="BU38" s="281">
        <v>0</v>
      </c>
      <c r="BV38" s="281">
        <v>0</v>
      </c>
      <c r="BW38" s="281">
        <v>6</v>
      </c>
      <c r="BX38" s="281">
        <v>0</v>
      </c>
      <c r="BY38" s="278">
        <v>6</v>
      </c>
      <c r="BZ38" s="283">
        <v>6</v>
      </c>
      <c r="CA38" s="277">
        <v>0</v>
      </c>
      <c r="CB38" s="281">
        <v>0</v>
      </c>
      <c r="CC38" s="278">
        <v>0</v>
      </c>
      <c r="CD38" s="280">
        <v>0</v>
      </c>
      <c r="CE38" s="281">
        <v>0</v>
      </c>
      <c r="CF38" s="281">
        <v>0</v>
      </c>
      <c r="CG38" s="281">
        <v>0</v>
      </c>
      <c r="CH38" s="281">
        <v>0</v>
      </c>
      <c r="CI38" s="281">
        <v>0</v>
      </c>
      <c r="CJ38" s="278">
        <v>0</v>
      </c>
      <c r="CK38" s="283">
        <v>0</v>
      </c>
      <c r="CL38" s="277">
        <v>0</v>
      </c>
      <c r="CM38" s="281">
        <v>0</v>
      </c>
      <c r="CN38" s="278">
        <v>0</v>
      </c>
      <c r="CO38" s="280">
        <v>0</v>
      </c>
      <c r="CP38" s="281">
        <v>0</v>
      </c>
      <c r="CQ38" s="281">
        <v>0</v>
      </c>
      <c r="CR38" s="281">
        <v>0</v>
      </c>
      <c r="CS38" s="281">
        <v>0</v>
      </c>
      <c r="CT38" s="281">
        <v>0</v>
      </c>
      <c r="CU38" s="278">
        <v>0</v>
      </c>
      <c r="CV38" s="283">
        <v>0</v>
      </c>
      <c r="CW38" s="277">
        <v>0</v>
      </c>
      <c r="CX38" s="281">
        <v>0</v>
      </c>
      <c r="CY38" s="278">
        <v>0</v>
      </c>
      <c r="CZ38" s="280">
        <v>0</v>
      </c>
      <c r="DA38" s="281">
        <v>0</v>
      </c>
      <c r="DB38" s="281">
        <v>0</v>
      </c>
      <c r="DC38" s="281">
        <v>0</v>
      </c>
      <c r="DD38" s="281">
        <v>0</v>
      </c>
      <c r="DE38" s="281">
        <v>0</v>
      </c>
      <c r="DF38" s="278">
        <v>0</v>
      </c>
      <c r="DG38" s="283">
        <v>0</v>
      </c>
    </row>
    <row r="39" spans="1:111" ht="18.75" customHeight="1" thickBot="1" x14ac:dyDescent="0.25">
      <c r="A39" s="263" t="s">
        <v>37</v>
      </c>
      <c r="B39" s="284">
        <v>0</v>
      </c>
      <c r="C39" s="288">
        <v>0</v>
      </c>
      <c r="D39" s="386">
        <v>0</v>
      </c>
      <c r="E39" s="287">
        <v>0</v>
      </c>
      <c r="F39" s="288">
        <v>0</v>
      </c>
      <c r="G39" s="288">
        <v>0</v>
      </c>
      <c r="H39" s="288">
        <v>0</v>
      </c>
      <c r="I39" s="288">
        <v>0</v>
      </c>
      <c r="J39" s="288">
        <v>0</v>
      </c>
      <c r="K39" s="289">
        <v>0</v>
      </c>
      <c r="L39" s="290">
        <v>0</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0</v>
      </c>
      <c r="AC39" s="288">
        <v>0</v>
      </c>
      <c r="AD39" s="288">
        <v>0</v>
      </c>
      <c r="AE39" s="288">
        <v>0</v>
      </c>
      <c r="AF39" s="288">
        <v>0</v>
      </c>
      <c r="AG39" s="285">
        <v>0</v>
      </c>
      <c r="AH39" s="290">
        <v>0</v>
      </c>
      <c r="AI39" s="284">
        <v>0</v>
      </c>
      <c r="AJ39" s="288">
        <v>0</v>
      </c>
      <c r="AK39" s="285">
        <v>0</v>
      </c>
      <c r="AL39" s="287">
        <v>0</v>
      </c>
      <c r="AM39" s="288">
        <v>12</v>
      </c>
      <c r="AN39" s="288">
        <v>2</v>
      </c>
      <c r="AO39" s="288">
        <v>0</v>
      </c>
      <c r="AP39" s="288">
        <v>0</v>
      </c>
      <c r="AQ39" s="288">
        <v>0</v>
      </c>
      <c r="AR39" s="285">
        <v>14</v>
      </c>
      <c r="AS39" s="290">
        <v>14</v>
      </c>
      <c r="AT39" s="284">
        <v>0</v>
      </c>
      <c r="AU39" s="288">
        <v>0</v>
      </c>
      <c r="AV39" s="285">
        <v>0</v>
      </c>
      <c r="AW39" s="287">
        <v>0</v>
      </c>
      <c r="AX39" s="288">
        <v>3</v>
      </c>
      <c r="AY39" s="288">
        <v>12</v>
      </c>
      <c r="AZ39" s="288">
        <v>0</v>
      </c>
      <c r="BA39" s="288">
        <v>0</v>
      </c>
      <c r="BB39" s="288">
        <v>0</v>
      </c>
      <c r="BC39" s="289">
        <v>15</v>
      </c>
      <c r="BD39" s="290">
        <v>15</v>
      </c>
      <c r="BE39" s="284">
        <v>0</v>
      </c>
      <c r="BF39" s="288">
        <v>0</v>
      </c>
      <c r="BG39" s="285">
        <v>0</v>
      </c>
      <c r="BH39" s="287">
        <v>0</v>
      </c>
      <c r="BI39" s="288">
        <v>0</v>
      </c>
      <c r="BJ39" s="288">
        <v>0</v>
      </c>
      <c r="BK39" s="288">
        <v>0</v>
      </c>
      <c r="BL39" s="288">
        <v>0</v>
      </c>
      <c r="BM39" s="288">
        <v>0</v>
      </c>
      <c r="BN39" s="285">
        <v>0</v>
      </c>
      <c r="BO39" s="290">
        <v>0</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0</v>
      </c>
      <c r="CI39" s="288">
        <v>0</v>
      </c>
      <c r="CJ39" s="285">
        <v>0</v>
      </c>
      <c r="CK39" s="290">
        <v>0</v>
      </c>
      <c r="CL39" s="284">
        <v>0</v>
      </c>
      <c r="CM39" s="288">
        <v>0</v>
      </c>
      <c r="CN39" s="285">
        <v>0</v>
      </c>
      <c r="CO39" s="287">
        <v>0</v>
      </c>
      <c r="CP39" s="288">
        <v>0</v>
      </c>
      <c r="CQ39" s="288">
        <v>0</v>
      </c>
      <c r="CR39" s="288">
        <v>0</v>
      </c>
      <c r="CS39" s="288">
        <v>0</v>
      </c>
      <c r="CT39" s="288">
        <v>0</v>
      </c>
      <c r="CU39" s="285">
        <v>0</v>
      </c>
      <c r="CV39" s="290">
        <v>0</v>
      </c>
      <c r="CW39" s="284">
        <v>0</v>
      </c>
      <c r="CX39" s="288">
        <v>0</v>
      </c>
      <c r="CY39" s="285">
        <v>0</v>
      </c>
      <c r="CZ39" s="287">
        <v>0</v>
      </c>
      <c r="DA39" s="288">
        <v>0</v>
      </c>
      <c r="DB39" s="288">
        <v>0</v>
      </c>
      <c r="DC39" s="288">
        <v>0</v>
      </c>
      <c r="DD39" s="288">
        <v>0</v>
      </c>
      <c r="DE39" s="288">
        <v>0</v>
      </c>
      <c r="DF39" s="285">
        <v>0</v>
      </c>
      <c r="DG39" s="290">
        <v>0</v>
      </c>
    </row>
    <row r="40" spans="1:111" ht="27" customHeight="1" x14ac:dyDescent="0.2">
      <c r="B40" s="256" t="s">
        <v>127</v>
      </c>
    </row>
  </sheetData>
  <mergeCells count="43">
    <mergeCell ref="CW3:DG3"/>
    <mergeCell ref="CW4:CY4"/>
    <mergeCell ref="CZ4:DF4"/>
    <mergeCell ref="DG4:DG5"/>
    <mergeCell ref="CA3:CK3"/>
    <mergeCell ref="CL3:CV3"/>
    <mergeCell ref="CA4:CC4"/>
    <mergeCell ref="CD4:CJ4"/>
    <mergeCell ref="CK4:CK5"/>
    <mergeCell ref="CL4:CN4"/>
    <mergeCell ref="CO4:CU4"/>
    <mergeCell ref="CV4:CV5"/>
    <mergeCell ref="I1:J1"/>
    <mergeCell ref="L1:M1"/>
    <mergeCell ref="A3:A5"/>
    <mergeCell ref="B3:L3"/>
    <mergeCell ref="M3:W3"/>
    <mergeCell ref="X3:AH3"/>
    <mergeCell ref="B4:D4"/>
    <mergeCell ref="E4:K4"/>
    <mergeCell ref="L4:L5"/>
    <mergeCell ref="M4:O4"/>
    <mergeCell ref="P4:V4"/>
    <mergeCell ref="W4:W5"/>
    <mergeCell ref="X4:Z4"/>
    <mergeCell ref="AA4:AG4"/>
    <mergeCell ref="AH4:AH5"/>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56"/>
    <col min="5" max="5" width="7.77734375" style="256" customWidth="1"/>
    <col min="6" max="6" width="9" style="256"/>
    <col min="7" max="7" width="10.6640625" style="256" customWidth="1"/>
    <col min="8" max="15" width="9" style="256"/>
    <col min="16" max="16" width="7.88671875" style="256" customWidth="1"/>
    <col min="17" max="26" width="9" style="256"/>
    <col min="27" max="27" width="7.77734375" style="256" customWidth="1"/>
    <col min="28" max="37" width="9" style="256"/>
    <col min="38" max="38" width="7.5546875" style="256" customWidth="1"/>
    <col min="39" max="48" width="9" style="256"/>
    <col min="49" max="49" width="7.77734375" style="256" customWidth="1"/>
    <col min="50" max="59" width="9" style="256"/>
    <col min="60" max="60" width="7.44140625" style="256" customWidth="1"/>
    <col min="61" max="70" width="9" style="256"/>
    <col min="71" max="71" width="7.33203125" style="256" customWidth="1"/>
    <col min="72" max="81" width="9" style="256"/>
    <col min="82" max="82" width="7.44140625" style="256" customWidth="1"/>
    <col min="83" max="92" width="9" style="256"/>
    <col min="93" max="93" width="7.6640625" style="256" customWidth="1"/>
    <col min="94" max="16384" width="9" style="256"/>
  </cols>
  <sheetData>
    <row r="1" spans="1:111" ht="20.25" customHeight="1" x14ac:dyDescent="0.2">
      <c r="A1" s="291" t="s">
        <v>123</v>
      </c>
      <c r="I1" s="528">
        <f>第１表!F2</f>
        <v>4</v>
      </c>
      <c r="J1" s="528"/>
      <c r="K1" s="248">
        <f>第１表!G2</f>
        <v>6</v>
      </c>
      <c r="L1" s="529">
        <f>IF(K1&lt;3,K1+12-2,K1-2)</f>
        <v>4</v>
      </c>
      <c r="M1" s="529"/>
    </row>
    <row r="2" spans="1:111" ht="18.75" customHeight="1" thickBot="1" x14ac:dyDescent="0.25">
      <c r="A2" s="291" t="s">
        <v>154</v>
      </c>
    </row>
    <row r="3" spans="1:111" ht="13.8" thickBot="1" x14ac:dyDescent="0.25">
      <c r="A3" s="549"/>
      <c r="B3" s="552" t="s">
        <v>112</v>
      </c>
      <c r="C3" s="552"/>
      <c r="D3" s="552"/>
      <c r="E3" s="552"/>
      <c r="F3" s="552"/>
      <c r="G3" s="552"/>
      <c r="H3" s="552"/>
      <c r="I3" s="552"/>
      <c r="J3" s="552"/>
      <c r="K3" s="552"/>
      <c r="L3" s="553"/>
      <c r="M3" s="547" t="s">
        <v>111</v>
      </c>
      <c r="N3" s="547"/>
      <c r="O3" s="547"/>
      <c r="P3" s="547"/>
      <c r="Q3" s="547"/>
      <c r="R3" s="547"/>
      <c r="S3" s="547"/>
      <c r="T3" s="547"/>
      <c r="U3" s="547"/>
      <c r="V3" s="547"/>
      <c r="W3" s="548"/>
      <c r="X3" s="546" t="s">
        <v>110</v>
      </c>
      <c r="Y3" s="547"/>
      <c r="Z3" s="547"/>
      <c r="AA3" s="547"/>
      <c r="AB3" s="547"/>
      <c r="AC3" s="547"/>
      <c r="AD3" s="547"/>
      <c r="AE3" s="547"/>
      <c r="AF3" s="547"/>
      <c r="AG3" s="547"/>
      <c r="AH3" s="548"/>
      <c r="AI3" s="546" t="s">
        <v>109</v>
      </c>
      <c r="AJ3" s="547"/>
      <c r="AK3" s="547"/>
      <c r="AL3" s="547"/>
      <c r="AM3" s="547"/>
      <c r="AN3" s="547"/>
      <c r="AO3" s="547"/>
      <c r="AP3" s="547"/>
      <c r="AQ3" s="547"/>
      <c r="AR3" s="547"/>
      <c r="AS3" s="548"/>
      <c r="AT3" s="546" t="s">
        <v>108</v>
      </c>
      <c r="AU3" s="547"/>
      <c r="AV3" s="547"/>
      <c r="AW3" s="547"/>
      <c r="AX3" s="547"/>
      <c r="AY3" s="547"/>
      <c r="AZ3" s="547"/>
      <c r="BA3" s="547"/>
      <c r="BB3" s="547"/>
      <c r="BC3" s="547"/>
      <c r="BD3" s="548"/>
      <c r="BE3" s="546" t="s">
        <v>107</v>
      </c>
      <c r="BF3" s="547"/>
      <c r="BG3" s="547"/>
      <c r="BH3" s="547"/>
      <c r="BI3" s="547"/>
      <c r="BJ3" s="547"/>
      <c r="BK3" s="547"/>
      <c r="BL3" s="547"/>
      <c r="BM3" s="547"/>
      <c r="BN3" s="547"/>
      <c r="BO3" s="548"/>
      <c r="BP3" s="546" t="s">
        <v>106</v>
      </c>
      <c r="BQ3" s="547"/>
      <c r="BR3" s="547"/>
      <c r="BS3" s="547"/>
      <c r="BT3" s="547"/>
      <c r="BU3" s="547"/>
      <c r="BV3" s="547"/>
      <c r="BW3" s="547"/>
      <c r="BX3" s="547"/>
      <c r="BY3" s="547"/>
      <c r="BZ3" s="548"/>
      <c r="CA3" s="546" t="s">
        <v>128</v>
      </c>
      <c r="CB3" s="547"/>
      <c r="CC3" s="547"/>
      <c r="CD3" s="547"/>
      <c r="CE3" s="547"/>
      <c r="CF3" s="547"/>
      <c r="CG3" s="547"/>
      <c r="CH3" s="547"/>
      <c r="CI3" s="547"/>
      <c r="CJ3" s="547"/>
      <c r="CK3" s="548"/>
      <c r="CL3" s="546" t="s">
        <v>161</v>
      </c>
      <c r="CM3" s="547"/>
      <c r="CN3" s="547"/>
      <c r="CO3" s="547"/>
      <c r="CP3" s="547"/>
      <c r="CQ3" s="547"/>
      <c r="CR3" s="547"/>
      <c r="CS3" s="547"/>
      <c r="CT3" s="547"/>
      <c r="CU3" s="547"/>
      <c r="CV3" s="548"/>
      <c r="CW3" s="546" t="s">
        <v>157</v>
      </c>
      <c r="CX3" s="547"/>
      <c r="CY3" s="547"/>
      <c r="CZ3" s="547"/>
      <c r="DA3" s="547"/>
      <c r="DB3" s="547"/>
      <c r="DC3" s="547"/>
      <c r="DD3" s="547"/>
      <c r="DE3" s="547"/>
      <c r="DF3" s="547"/>
      <c r="DG3" s="548"/>
    </row>
    <row r="4" spans="1:111" x14ac:dyDescent="0.2">
      <c r="A4" s="550"/>
      <c r="B4" s="554" t="s">
        <v>61</v>
      </c>
      <c r="C4" s="533"/>
      <c r="D4" s="534"/>
      <c r="E4" s="535" t="s">
        <v>62</v>
      </c>
      <c r="F4" s="533"/>
      <c r="G4" s="533"/>
      <c r="H4" s="533"/>
      <c r="I4" s="533"/>
      <c r="J4" s="533"/>
      <c r="K4" s="536"/>
      <c r="L4" s="530" t="s">
        <v>52</v>
      </c>
      <c r="M4" s="554" t="s">
        <v>61</v>
      </c>
      <c r="N4" s="533"/>
      <c r="O4" s="534"/>
      <c r="P4" s="535" t="s">
        <v>62</v>
      </c>
      <c r="Q4" s="533"/>
      <c r="R4" s="533"/>
      <c r="S4" s="533"/>
      <c r="T4" s="533"/>
      <c r="U4" s="533"/>
      <c r="V4" s="534"/>
      <c r="W4" s="530" t="s">
        <v>52</v>
      </c>
      <c r="X4" s="532" t="s">
        <v>61</v>
      </c>
      <c r="Y4" s="533"/>
      <c r="Z4" s="536"/>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6"/>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row>
    <row r="5" spans="1:111" ht="28.5" customHeight="1" thickBot="1" x14ac:dyDescent="0.25">
      <c r="A5" s="551"/>
      <c r="B5" s="265" t="s">
        <v>43</v>
      </c>
      <c r="C5" s="266" t="s">
        <v>44</v>
      </c>
      <c r="D5" s="267" t="s">
        <v>45</v>
      </c>
      <c r="E5" s="268" t="s">
        <v>83</v>
      </c>
      <c r="F5" s="260" t="s">
        <v>47</v>
      </c>
      <c r="G5" s="260" t="s">
        <v>48</v>
      </c>
      <c r="H5" s="260" t="s">
        <v>49</v>
      </c>
      <c r="I5" s="260" t="s">
        <v>50</v>
      </c>
      <c r="J5" s="260" t="s">
        <v>51</v>
      </c>
      <c r="K5" s="269" t="s">
        <v>45</v>
      </c>
      <c r="L5" s="531"/>
      <c r="M5" s="265" t="s">
        <v>43</v>
      </c>
      <c r="N5" s="260" t="s">
        <v>44</v>
      </c>
      <c r="O5" s="266" t="s">
        <v>45</v>
      </c>
      <c r="P5" s="268" t="s">
        <v>83</v>
      </c>
      <c r="Q5" s="260" t="s">
        <v>47</v>
      </c>
      <c r="R5" s="260" t="s">
        <v>48</v>
      </c>
      <c r="S5" s="260" t="s">
        <v>49</v>
      </c>
      <c r="T5" s="260" t="s">
        <v>50</v>
      </c>
      <c r="U5" s="260" t="s">
        <v>51</v>
      </c>
      <c r="V5" s="266" t="s">
        <v>45</v>
      </c>
      <c r="W5" s="531"/>
      <c r="X5" s="351" t="s">
        <v>43</v>
      </c>
      <c r="Y5" s="260" t="s">
        <v>44</v>
      </c>
      <c r="Z5" s="269" t="s">
        <v>45</v>
      </c>
      <c r="AA5" s="268" t="s">
        <v>83</v>
      </c>
      <c r="AB5" s="260" t="s">
        <v>47</v>
      </c>
      <c r="AC5" s="260" t="s">
        <v>48</v>
      </c>
      <c r="AD5" s="260" t="s">
        <v>49</v>
      </c>
      <c r="AE5" s="260" t="s">
        <v>50</v>
      </c>
      <c r="AF5" s="260" t="s">
        <v>51</v>
      </c>
      <c r="AG5" s="266" t="s">
        <v>45</v>
      </c>
      <c r="AH5" s="531"/>
      <c r="AI5" s="351" t="s">
        <v>43</v>
      </c>
      <c r="AJ5" s="260" t="s">
        <v>44</v>
      </c>
      <c r="AK5" s="266" t="s">
        <v>45</v>
      </c>
      <c r="AL5" s="268" t="s">
        <v>83</v>
      </c>
      <c r="AM5" s="260" t="s">
        <v>47</v>
      </c>
      <c r="AN5" s="260" t="s">
        <v>48</v>
      </c>
      <c r="AO5" s="260" t="s">
        <v>49</v>
      </c>
      <c r="AP5" s="260" t="s">
        <v>50</v>
      </c>
      <c r="AQ5" s="260" t="s">
        <v>51</v>
      </c>
      <c r="AR5" s="266" t="s">
        <v>45</v>
      </c>
      <c r="AS5" s="531"/>
      <c r="AT5" s="351" t="s">
        <v>43</v>
      </c>
      <c r="AU5" s="260" t="s">
        <v>44</v>
      </c>
      <c r="AV5" s="269" t="s">
        <v>45</v>
      </c>
      <c r="AW5" s="268" t="s">
        <v>83</v>
      </c>
      <c r="AX5" s="260" t="s">
        <v>47</v>
      </c>
      <c r="AY5" s="260" t="s">
        <v>48</v>
      </c>
      <c r="AZ5" s="260" t="s">
        <v>49</v>
      </c>
      <c r="BA5" s="260" t="s">
        <v>50</v>
      </c>
      <c r="BB5" s="260" t="s">
        <v>51</v>
      </c>
      <c r="BC5" s="269" t="s">
        <v>45</v>
      </c>
      <c r="BD5" s="531"/>
      <c r="BE5" s="351" t="s">
        <v>43</v>
      </c>
      <c r="BF5" s="260" t="s">
        <v>44</v>
      </c>
      <c r="BG5" s="266" t="s">
        <v>45</v>
      </c>
      <c r="BH5" s="268" t="s">
        <v>83</v>
      </c>
      <c r="BI5" s="260" t="s">
        <v>47</v>
      </c>
      <c r="BJ5" s="260" t="s">
        <v>48</v>
      </c>
      <c r="BK5" s="260" t="s">
        <v>49</v>
      </c>
      <c r="BL5" s="260" t="s">
        <v>50</v>
      </c>
      <c r="BM5" s="260" t="s">
        <v>51</v>
      </c>
      <c r="BN5" s="266" t="s">
        <v>45</v>
      </c>
      <c r="BO5" s="531"/>
      <c r="BP5" s="351" t="s">
        <v>43</v>
      </c>
      <c r="BQ5" s="260" t="s">
        <v>44</v>
      </c>
      <c r="BR5" s="266" t="s">
        <v>45</v>
      </c>
      <c r="BS5" s="268" t="s">
        <v>83</v>
      </c>
      <c r="BT5" s="260" t="s">
        <v>47</v>
      </c>
      <c r="BU5" s="260" t="s">
        <v>48</v>
      </c>
      <c r="BV5" s="260" t="s">
        <v>49</v>
      </c>
      <c r="BW5" s="260" t="s">
        <v>50</v>
      </c>
      <c r="BX5" s="260" t="s">
        <v>51</v>
      </c>
      <c r="BY5" s="266" t="s">
        <v>45</v>
      </c>
      <c r="BZ5" s="531"/>
      <c r="CA5" s="351" t="s">
        <v>43</v>
      </c>
      <c r="CB5" s="260" t="s">
        <v>44</v>
      </c>
      <c r="CC5" s="266" t="s">
        <v>45</v>
      </c>
      <c r="CD5" s="268" t="s">
        <v>83</v>
      </c>
      <c r="CE5" s="260" t="s">
        <v>47</v>
      </c>
      <c r="CF5" s="260" t="s">
        <v>48</v>
      </c>
      <c r="CG5" s="260" t="s">
        <v>49</v>
      </c>
      <c r="CH5" s="260" t="s">
        <v>50</v>
      </c>
      <c r="CI5" s="260" t="s">
        <v>51</v>
      </c>
      <c r="CJ5" s="266" t="s">
        <v>45</v>
      </c>
      <c r="CK5" s="531"/>
      <c r="CL5" s="366" t="s">
        <v>43</v>
      </c>
      <c r="CM5" s="260" t="s">
        <v>44</v>
      </c>
      <c r="CN5" s="266" t="s">
        <v>45</v>
      </c>
      <c r="CO5" s="268" t="s">
        <v>83</v>
      </c>
      <c r="CP5" s="260" t="s">
        <v>47</v>
      </c>
      <c r="CQ5" s="260" t="s">
        <v>48</v>
      </c>
      <c r="CR5" s="260" t="s">
        <v>49</v>
      </c>
      <c r="CS5" s="260" t="s">
        <v>50</v>
      </c>
      <c r="CT5" s="260" t="s">
        <v>51</v>
      </c>
      <c r="CU5" s="266" t="s">
        <v>45</v>
      </c>
      <c r="CV5" s="531"/>
      <c r="CW5" s="366" t="s">
        <v>43</v>
      </c>
      <c r="CX5" s="260" t="s">
        <v>44</v>
      </c>
      <c r="CY5" s="266" t="s">
        <v>45</v>
      </c>
      <c r="CZ5" s="268" t="s">
        <v>83</v>
      </c>
      <c r="DA5" s="260" t="s">
        <v>47</v>
      </c>
      <c r="DB5" s="260" t="s">
        <v>48</v>
      </c>
      <c r="DC5" s="260" t="s">
        <v>49</v>
      </c>
      <c r="DD5" s="260" t="s">
        <v>50</v>
      </c>
      <c r="DE5" s="260" t="s">
        <v>51</v>
      </c>
      <c r="DF5" s="266" t="s">
        <v>45</v>
      </c>
      <c r="DG5" s="531"/>
    </row>
    <row r="6" spans="1:111" ht="18.75" customHeight="1" x14ac:dyDescent="0.2">
      <c r="A6" s="261" t="s">
        <v>4</v>
      </c>
      <c r="B6" s="270">
        <v>1</v>
      </c>
      <c r="C6" s="271">
        <v>0</v>
      </c>
      <c r="D6" s="272">
        <v>1</v>
      </c>
      <c r="E6" s="273">
        <v>0</v>
      </c>
      <c r="F6" s="274">
        <v>12060</v>
      </c>
      <c r="G6" s="274">
        <v>19277</v>
      </c>
      <c r="H6" s="274">
        <v>17454</v>
      </c>
      <c r="I6" s="274">
        <v>23913</v>
      </c>
      <c r="J6" s="274">
        <v>22918</v>
      </c>
      <c r="K6" s="275">
        <v>95622</v>
      </c>
      <c r="L6" s="276">
        <v>95623</v>
      </c>
      <c r="M6" s="270">
        <v>1</v>
      </c>
      <c r="N6" s="274">
        <v>15</v>
      </c>
      <c r="O6" s="271">
        <v>16</v>
      </c>
      <c r="P6" s="273">
        <v>0</v>
      </c>
      <c r="Q6" s="274">
        <v>37</v>
      </c>
      <c r="R6" s="274">
        <v>151</v>
      </c>
      <c r="S6" s="274">
        <v>232</v>
      </c>
      <c r="T6" s="274">
        <v>689</v>
      </c>
      <c r="U6" s="274">
        <v>1227</v>
      </c>
      <c r="V6" s="271">
        <v>2336</v>
      </c>
      <c r="W6" s="276">
        <v>2352</v>
      </c>
      <c r="X6" s="270">
        <v>1036</v>
      </c>
      <c r="Y6" s="274">
        <v>2835</v>
      </c>
      <c r="Z6" s="271">
        <v>3871</v>
      </c>
      <c r="AA6" s="273">
        <v>0</v>
      </c>
      <c r="AB6" s="274">
        <v>7993</v>
      </c>
      <c r="AC6" s="274">
        <v>12274</v>
      </c>
      <c r="AD6" s="274">
        <v>7456</v>
      </c>
      <c r="AE6" s="274">
        <v>6997</v>
      </c>
      <c r="AF6" s="274">
        <v>5724</v>
      </c>
      <c r="AG6" s="271">
        <v>40444</v>
      </c>
      <c r="AH6" s="276">
        <v>44315</v>
      </c>
      <c r="AI6" s="270">
        <v>156</v>
      </c>
      <c r="AJ6" s="274">
        <v>531</v>
      </c>
      <c r="AK6" s="271">
        <v>687</v>
      </c>
      <c r="AL6" s="273">
        <v>0</v>
      </c>
      <c r="AM6" s="274">
        <v>1014</v>
      </c>
      <c r="AN6" s="274">
        <v>1970</v>
      </c>
      <c r="AO6" s="274">
        <v>1183</v>
      </c>
      <c r="AP6" s="274">
        <v>1128</v>
      </c>
      <c r="AQ6" s="274">
        <v>546</v>
      </c>
      <c r="AR6" s="271">
        <v>5841</v>
      </c>
      <c r="AS6" s="276">
        <v>6528</v>
      </c>
      <c r="AT6" s="270">
        <v>0</v>
      </c>
      <c r="AU6" s="274">
        <v>0</v>
      </c>
      <c r="AV6" s="271">
        <v>0</v>
      </c>
      <c r="AW6" s="273">
        <v>0</v>
      </c>
      <c r="AX6" s="274">
        <v>10570</v>
      </c>
      <c r="AY6" s="274">
        <v>9949</v>
      </c>
      <c r="AZ6" s="274">
        <v>5147</v>
      </c>
      <c r="BA6" s="274">
        <v>3430</v>
      </c>
      <c r="BB6" s="274">
        <v>1395</v>
      </c>
      <c r="BC6" s="275">
        <v>30491</v>
      </c>
      <c r="BD6" s="276">
        <v>30491</v>
      </c>
      <c r="BE6" s="270">
        <v>0</v>
      </c>
      <c r="BF6" s="274">
        <v>0</v>
      </c>
      <c r="BG6" s="271">
        <v>0</v>
      </c>
      <c r="BH6" s="273">
        <v>0</v>
      </c>
      <c r="BI6" s="274">
        <v>2092</v>
      </c>
      <c r="BJ6" s="274">
        <v>3201</v>
      </c>
      <c r="BK6" s="274">
        <v>1947</v>
      </c>
      <c r="BL6" s="274">
        <v>1418</v>
      </c>
      <c r="BM6" s="274">
        <v>477</v>
      </c>
      <c r="BN6" s="271">
        <v>9135</v>
      </c>
      <c r="BO6" s="276">
        <v>9135</v>
      </c>
      <c r="BP6" s="270">
        <v>14</v>
      </c>
      <c r="BQ6" s="274">
        <v>98</v>
      </c>
      <c r="BR6" s="271">
        <v>112</v>
      </c>
      <c r="BS6" s="273">
        <v>0</v>
      </c>
      <c r="BT6" s="274">
        <v>1109</v>
      </c>
      <c r="BU6" s="274">
        <v>1611</v>
      </c>
      <c r="BV6" s="274">
        <v>2172</v>
      </c>
      <c r="BW6" s="274">
        <v>2407</v>
      </c>
      <c r="BX6" s="274">
        <v>1070</v>
      </c>
      <c r="BY6" s="271">
        <v>8369</v>
      </c>
      <c r="BZ6" s="276">
        <v>8481</v>
      </c>
      <c r="CA6" s="270">
        <v>0</v>
      </c>
      <c r="CB6" s="274">
        <v>17</v>
      </c>
      <c r="CC6" s="271">
        <v>17</v>
      </c>
      <c r="CD6" s="273">
        <v>0</v>
      </c>
      <c r="CE6" s="274">
        <v>84</v>
      </c>
      <c r="CF6" s="274">
        <v>241</v>
      </c>
      <c r="CG6" s="274">
        <v>252</v>
      </c>
      <c r="CH6" s="274">
        <v>279</v>
      </c>
      <c r="CI6" s="274">
        <v>270</v>
      </c>
      <c r="CJ6" s="271">
        <v>1126</v>
      </c>
      <c r="CK6" s="276">
        <v>1143</v>
      </c>
      <c r="CL6" s="270">
        <v>0</v>
      </c>
      <c r="CM6" s="274">
        <v>0</v>
      </c>
      <c r="CN6" s="271">
        <v>0</v>
      </c>
      <c r="CO6" s="273">
        <v>0</v>
      </c>
      <c r="CP6" s="274">
        <v>0</v>
      </c>
      <c r="CQ6" s="274">
        <v>0</v>
      </c>
      <c r="CR6" s="274">
        <v>0</v>
      </c>
      <c r="CS6" s="274">
        <v>0</v>
      </c>
      <c r="CT6" s="274">
        <v>0</v>
      </c>
      <c r="CU6" s="271">
        <v>0</v>
      </c>
      <c r="CV6" s="276">
        <v>0</v>
      </c>
      <c r="CW6" s="270">
        <v>0</v>
      </c>
      <c r="CX6" s="274">
        <v>0</v>
      </c>
      <c r="CY6" s="271">
        <v>0</v>
      </c>
      <c r="CZ6" s="273">
        <v>0</v>
      </c>
      <c r="DA6" s="274">
        <v>0</v>
      </c>
      <c r="DB6" s="274">
        <v>0</v>
      </c>
      <c r="DC6" s="274">
        <v>0</v>
      </c>
      <c r="DD6" s="274">
        <v>0</v>
      </c>
      <c r="DE6" s="274">
        <v>0</v>
      </c>
      <c r="DF6" s="271">
        <v>0</v>
      </c>
      <c r="DG6" s="276">
        <v>0</v>
      </c>
    </row>
    <row r="7" spans="1:111" ht="18.75" customHeight="1" x14ac:dyDescent="0.2">
      <c r="A7" s="262" t="s">
        <v>5</v>
      </c>
      <c r="B7" s="277">
        <v>0</v>
      </c>
      <c r="C7" s="278">
        <v>0</v>
      </c>
      <c r="D7" s="279">
        <v>0</v>
      </c>
      <c r="E7" s="280">
        <v>0</v>
      </c>
      <c r="F7" s="281">
        <v>4514</v>
      </c>
      <c r="G7" s="281">
        <v>9529</v>
      </c>
      <c r="H7" s="281">
        <v>6609</v>
      </c>
      <c r="I7" s="281">
        <v>9466</v>
      </c>
      <c r="J7" s="281">
        <v>9474</v>
      </c>
      <c r="K7" s="282">
        <v>39592</v>
      </c>
      <c r="L7" s="283">
        <v>39592</v>
      </c>
      <c r="M7" s="277">
        <v>1</v>
      </c>
      <c r="N7" s="281">
        <v>8</v>
      </c>
      <c r="O7" s="278">
        <v>9</v>
      </c>
      <c r="P7" s="280">
        <v>0</v>
      </c>
      <c r="Q7" s="281">
        <v>4</v>
      </c>
      <c r="R7" s="281">
        <v>64</v>
      </c>
      <c r="S7" s="281">
        <v>104</v>
      </c>
      <c r="T7" s="281">
        <v>316</v>
      </c>
      <c r="U7" s="281">
        <v>490</v>
      </c>
      <c r="V7" s="278">
        <v>978</v>
      </c>
      <c r="W7" s="283">
        <v>987</v>
      </c>
      <c r="X7" s="277">
        <v>517</v>
      </c>
      <c r="Y7" s="281">
        <v>1407</v>
      </c>
      <c r="Z7" s="278">
        <v>1924</v>
      </c>
      <c r="AA7" s="280">
        <v>0</v>
      </c>
      <c r="AB7" s="281">
        <v>3019</v>
      </c>
      <c r="AC7" s="281">
        <v>6881</v>
      </c>
      <c r="AD7" s="281">
        <v>3555</v>
      </c>
      <c r="AE7" s="281">
        <v>3368</v>
      </c>
      <c r="AF7" s="281">
        <v>2605</v>
      </c>
      <c r="AG7" s="278">
        <v>19428</v>
      </c>
      <c r="AH7" s="283">
        <v>21352</v>
      </c>
      <c r="AI7" s="277">
        <v>52</v>
      </c>
      <c r="AJ7" s="281">
        <v>331</v>
      </c>
      <c r="AK7" s="278">
        <v>383</v>
      </c>
      <c r="AL7" s="280">
        <v>0</v>
      </c>
      <c r="AM7" s="281">
        <v>321</v>
      </c>
      <c r="AN7" s="281">
        <v>942</v>
      </c>
      <c r="AO7" s="281">
        <v>422</v>
      </c>
      <c r="AP7" s="281">
        <v>551</v>
      </c>
      <c r="AQ7" s="281">
        <v>228</v>
      </c>
      <c r="AR7" s="278">
        <v>2464</v>
      </c>
      <c r="AS7" s="283">
        <v>2847</v>
      </c>
      <c r="AT7" s="277">
        <v>0</v>
      </c>
      <c r="AU7" s="281">
        <v>0</v>
      </c>
      <c r="AV7" s="278">
        <v>0</v>
      </c>
      <c r="AW7" s="280">
        <v>0</v>
      </c>
      <c r="AX7" s="281">
        <v>3459</v>
      </c>
      <c r="AY7" s="281">
        <v>4258</v>
      </c>
      <c r="AZ7" s="281">
        <v>2100</v>
      </c>
      <c r="BA7" s="281">
        <v>1272</v>
      </c>
      <c r="BB7" s="281">
        <v>565</v>
      </c>
      <c r="BC7" s="282">
        <v>11654</v>
      </c>
      <c r="BD7" s="283">
        <v>11654</v>
      </c>
      <c r="BE7" s="277">
        <v>0</v>
      </c>
      <c r="BF7" s="281">
        <v>0</v>
      </c>
      <c r="BG7" s="278">
        <v>0</v>
      </c>
      <c r="BH7" s="280">
        <v>0</v>
      </c>
      <c r="BI7" s="281">
        <v>728</v>
      </c>
      <c r="BJ7" s="281">
        <v>1582</v>
      </c>
      <c r="BK7" s="281">
        <v>980</v>
      </c>
      <c r="BL7" s="281">
        <v>577</v>
      </c>
      <c r="BM7" s="281">
        <v>263</v>
      </c>
      <c r="BN7" s="278">
        <v>4130</v>
      </c>
      <c r="BO7" s="283">
        <v>4130</v>
      </c>
      <c r="BP7" s="277">
        <v>2</v>
      </c>
      <c r="BQ7" s="281">
        <v>85</v>
      </c>
      <c r="BR7" s="278">
        <v>87</v>
      </c>
      <c r="BS7" s="280">
        <v>0</v>
      </c>
      <c r="BT7" s="281">
        <v>413</v>
      </c>
      <c r="BU7" s="281">
        <v>847</v>
      </c>
      <c r="BV7" s="281">
        <v>987</v>
      </c>
      <c r="BW7" s="281">
        <v>1042</v>
      </c>
      <c r="BX7" s="281">
        <v>418</v>
      </c>
      <c r="BY7" s="278">
        <v>3707</v>
      </c>
      <c r="BZ7" s="283">
        <v>3794</v>
      </c>
      <c r="CA7" s="277">
        <v>0</v>
      </c>
      <c r="CB7" s="281">
        <v>17</v>
      </c>
      <c r="CC7" s="278">
        <v>17</v>
      </c>
      <c r="CD7" s="280">
        <v>0</v>
      </c>
      <c r="CE7" s="281">
        <v>57</v>
      </c>
      <c r="CF7" s="281">
        <v>126</v>
      </c>
      <c r="CG7" s="281">
        <v>143</v>
      </c>
      <c r="CH7" s="281">
        <v>175</v>
      </c>
      <c r="CI7" s="281">
        <v>201</v>
      </c>
      <c r="CJ7" s="278">
        <v>702</v>
      </c>
      <c r="CK7" s="283">
        <v>719</v>
      </c>
      <c r="CL7" s="277">
        <v>0</v>
      </c>
      <c r="CM7" s="281">
        <v>0</v>
      </c>
      <c r="CN7" s="278">
        <v>0</v>
      </c>
      <c r="CO7" s="280">
        <v>0</v>
      </c>
      <c r="CP7" s="281">
        <v>0</v>
      </c>
      <c r="CQ7" s="281">
        <v>0</v>
      </c>
      <c r="CR7" s="281">
        <v>0</v>
      </c>
      <c r="CS7" s="281">
        <v>0</v>
      </c>
      <c r="CT7" s="281">
        <v>0</v>
      </c>
      <c r="CU7" s="278">
        <v>0</v>
      </c>
      <c r="CV7" s="283">
        <v>0</v>
      </c>
      <c r="CW7" s="277">
        <v>0</v>
      </c>
      <c r="CX7" s="281">
        <v>0</v>
      </c>
      <c r="CY7" s="278">
        <v>0</v>
      </c>
      <c r="CZ7" s="280">
        <v>0</v>
      </c>
      <c r="DA7" s="281">
        <v>0</v>
      </c>
      <c r="DB7" s="281">
        <v>0</v>
      </c>
      <c r="DC7" s="281">
        <v>0</v>
      </c>
      <c r="DD7" s="281">
        <v>0</v>
      </c>
      <c r="DE7" s="281">
        <v>0</v>
      </c>
      <c r="DF7" s="278">
        <v>0</v>
      </c>
      <c r="DG7" s="283">
        <v>0</v>
      </c>
    </row>
    <row r="8" spans="1:111" ht="18.75" customHeight="1" x14ac:dyDescent="0.2">
      <c r="A8" s="262" t="s">
        <v>6</v>
      </c>
      <c r="B8" s="277">
        <v>0</v>
      </c>
      <c r="C8" s="278">
        <v>0</v>
      </c>
      <c r="D8" s="279">
        <v>0</v>
      </c>
      <c r="E8" s="280">
        <v>0</v>
      </c>
      <c r="F8" s="281">
        <v>2056</v>
      </c>
      <c r="G8" s="281">
        <v>3065</v>
      </c>
      <c r="H8" s="281">
        <v>2879</v>
      </c>
      <c r="I8" s="281">
        <v>4502</v>
      </c>
      <c r="J8" s="281">
        <v>3242</v>
      </c>
      <c r="K8" s="282">
        <v>15744</v>
      </c>
      <c r="L8" s="283">
        <v>15744</v>
      </c>
      <c r="M8" s="277">
        <v>0</v>
      </c>
      <c r="N8" s="281">
        <v>7</v>
      </c>
      <c r="O8" s="278">
        <v>7</v>
      </c>
      <c r="P8" s="280">
        <v>0</v>
      </c>
      <c r="Q8" s="281">
        <v>0</v>
      </c>
      <c r="R8" s="281">
        <v>26</v>
      </c>
      <c r="S8" s="281">
        <v>50</v>
      </c>
      <c r="T8" s="281">
        <v>112</v>
      </c>
      <c r="U8" s="281">
        <v>159</v>
      </c>
      <c r="V8" s="278">
        <v>347</v>
      </c>
      <c r="W8" s="283">
        <v>354</v>
      </c>
      <c r="X8" s="277">
        <v>173</v>
      </c>
      <c r="Y8" s="281">
        <v>566</v>
      </c>
      <c r="Z8" s="278">
        <v>739</v>
      </c>
      <c r="AA8" s="280">
        <v>0</v>
      </c>
      <c r="AB8" s="281">
        <v>2103</v>
      </c>
      <c r="AC8" s="281">
        <v>2041</v>
      </c>
      <c r="AD8" s="281">
        <v>1516</v>
      </c>
      <c r="AE8" s="281">
        <v>1306</v>
      </c>
      <c r="AF8" s="281">
        <v>892</v>
      </c>
      <c r="AG8" s="278">
        <v>7858</v>
      </c>
      <c r="AH8" s="283">
        <v>8597</v>
      </c>
      <c r="AI8" s="277">
        <v>20</v>
      </c>
      <c r="AJ8" s="281">
        <v>35</v>
      </c>
      <c r="AK8" s="278">
        <v>55</v>
      </c>
      <c r="AL8" s="280">
        <v>0</v>
      </c>
      <c r="AM8" s="281">
        <v>230</v>
      </c>
      <c r="AN8" s="281">
        <v>220</v>
      </c>
      <c r="AO8" s="281">
        <v>163</v>
      </c>
      <c r="AP8" s="281">
        <v>188</v>
      </c>
      <c r="AQ8" s="281">
        <v>50</v>
      </c>
      <c r="AR8" s="278">
        <v>851</v>
      </c>
      <c r="AS8" s="283">
        <v>906</v>
      </c>
      <c r="AT8" s="277">
        <v>0</v>
      </c>
      <c r="AU8" s="281">
        <v>0</v>
      </c>
      <c r="AV8" s="278">
        <v>0</v>
      </c>
      <c r="AW8" s="280">
        <v>0</v>
      </c>
      <c r="AX8" s="281">
        <v>2003</v>
      </c>
      <c r="AY8" s="281">
        <v>1397</v>
      </c>
      <c r="AZ8" s="281">
        <v>811</v>
      </c>
      <c r="BA8" s="281">
        <v>664</v>
      </c>
      <c r="BB8" s="281">
        <v>247</v>
      </c>
      <c r="BC8" s="282">
        <v>5122</v>
      </c>
      <c r="BD8" s="283">
        <v>5122</v>
      </c>
      <c r="BE8" s="277">
        <v>0</v>
      </c>
      <c r="BF8" s="281">
        <v>0</v>
      </c>
      <c r="BG8" s="278">
        <v>0</v>
      </c>
      <c r="BH8" s="280">
        <v>0</v>
      </c>
      <c r="BI8" s="281">
        <v>336</v>
      </c>
      <c r="BJ8" s="281">
        <v>394</v>
      </c>
      <c r="BK8" s="281">
        <v>211</v>
      </c>
      <c r="BL8" s="281">
        <v>264</v>
      </c>
      <c r="BM8" s="281">
        <v>40</v>
      </c>
      <c r="BN8" s="278">
        <v>1245</v>
      </c>
      <c r="BO8" s="283">
        <v>1245</v>
      </c>
      <c r="BP8" s="277">
        <v>0</v>
      </c>
      <c r="BQ8" s="281">
        <v>1</v>
      </c>
      <c r="BR8" s="278">
        <v>1</v>
      </c>
      <c r="BS8" s="280">
        <v>0</v>
      </c>
      <c r="BT8" s="281">
        <v>123</v>
      </c>
      <c r="BU8" s="281">
        <v>130</v>
      </c>
      <c r="BV8" s="281">
        <v>261</v>
      </c>
      <c r="BW8" s="281">
        <v>337</v>
      </c>
      <c r="BX8" s="281">
        <v>103</v>
      </c>
      <c r="BY8" s="278">
        <v>954</v>
      </c>
      <c r="BZ8" s="283">
        <v>955</v>
      </c>
      <c r="CA8" s="277">
        <v>0</v>
      </c>
      <c r="CB8" s="281">
        <v>0</v>
      </c>
      <c r="CC8" s="278">
        <v>0</v>
      </c>
      <c r="CD8" s="280">
        <v>0</v>
      </c>
      <c r="CE8" s="281">
        <v>7</v>
      </c>
      <c r="CF8" s="281">
        <v>55</v>
      </c>
      <c r="CG8" s="281">
        <v>44</v>
      </c>
      <c r="CH8" s="281">
        <v>50</v>
      </c>
      <c r="CI8" s="281">
        <v>17</v>
      </c>
      <c r="CJ8" s="278">
        <v>173</v>
      </c>
      <c r="CK8" s="283">
        <v>173</v>
      </c>
      <c r="CL8" s="277">
        <v>0</v>
      </c>
      <c r="CM8" s="281">
        <v>0</v>
      </c>
      <c r="CN8" s="278">
        <v>0</v>
      </c>
      <c r="CO8" s="280">
        <v>0</v>
      </c>
      <c r="CP8" s="281">
        <v>0</v>
      </c>
      <c r="CQ8" s="281">
        <v>0</v>
      </c>
      <c r="CR8" s="281">
        <v>0</v>
      </c>
      <c r="CS8" s="281">
        <v>0</v>
      </c>
      <c r="CT8" s="281">
        <v>0</v>
      </c>
      <c r="CU8" s="278">
        <v>0</v>
      </c>
      <c r="CV8" s="283">
        <v>0</v>
      </c>
      <c r="CW8" s="277">
        <v>0</v>
      </c>
      <c r="CX8" s="281">
        <v>0</v>
      </c>
      <c r="CY8" s="278">
        <v>0</v>
      </c>
      <c r="CZ8" s="280">
        <v>0</v>
      </c>
      <c r="DA8" s="281">
        <v>0</v>
      </c>
      <c r="DB8" s="281">
        <v>0</v>
      </c>
      <c r="DC8" s="281">
        <v>0</v>
      </c>
      <c r="DD8" s="281">
        <v>0</v>
      </c>
      <c r="DE8" s="281">
        <v>0</v>
      </c>
      <c r="DF8" s="278">
        <v>0</v>
      </c>
      <c r="DG8" s="283">
        <v>0</v>
      </c>
    </row>
    <row r="9" spans="1:111" ht="18.75" customHeight="1" x14ac:dyDescent="0.2">
      <c r="A9" s="262" t="s">
        <v>14</v>
      </c>
      <c r="B9" s="277">
        <v>0</v>
      </c>
      <c r="C9" s="278">
        <v>0</v>
      </c>
      <c r="D9" s="279">
        <v>0</v>
      </c>
      <c r="E9" s="280">
        <v>0</v>
      </c>
      <c r="F9" s="281">
        <v>802</v>
      </c>
      <c r="G9" s="281">
        <v>694</v>
      </c>
      <c r="H9" s="281">
        <v>1284</v>
      </c>
      <c r="I9" s="281">
        <v>1644</v>
      </c>
      <c r="J9" s="281">
        <v>1406</v>
      </c>
      <c r="K9" s="282">
        <v>5830</v>
      </c>
      <c r="L9" s="283">
        <v>5830</v>
      </c>
      <c r="M9" s="277">
        <v>0</v>
      </c>
      <c r="N9" s="281">
        <v>0</v>
      </c>
      <c r="O9" s="278">
        <v>0</v>
      </c>
      <c r="P9" s="280">
        <v>0</v>
      </c>
      <c r="Q9" s="281">
        <v>0</v>
      </c>
      <c r="R9" s="281">
        <v>4</v>
      </c>
      <c r="S9" s="281">
        <v>6</v>
      </c>
      <c r="T9" s="281">
        <v>66</v>
      </c>
      <c r="U9" s="281">
        <v>115</v>
      </c>
      <c r="V9" s="278">
        <v>191</v>
      </c>
      <c r="W9" s="283">
        <v>191</v>
      </c>
      <c r="X9" s="277">
        <v>36</v>
      </c>
      <c r="Y9" s="281">
        <v>155</v>
      </c>
      <c r="Z9" s="278">
        <v>191</v>
      </c>
      <c r="AA9" s="280">
        <v>0</v>
      </c>
      <c r="AB9" s="281">
        <v>329</v>
      </c>
      <c r="AC9" s="281">
        <v>655</v>
      </c>
      <c r="AD9" s="281">
        <v>455</v>
      </c>
      <c r="AE9" s="281">
        <v>541</v>
      </c>
      <c r="AF9" s="281">
        <v>531</v>
      </c>
      <c r="AG9" s="278">
        <v>2511</v>
      </c>
      <c r="AH9" s="283">
        <v>2702</v>
      </c>
      <c r="AI9" s="277">
        <v>0</v>
      </c>
      <c r="AJ9" s="281">
        <v>17</v>
      </c>
      <c r="AK9" s="278">
        <v>17</v>
      </c>
      <c r="AL9" s="280">
        <v>0</v>
      </c>
      <c r="AM9" s="281">
        <v>6</v>
      </c>
      <c r="AN9" s="281">
        <v>44</v>
      </c>
      <c r="AO9" s="281">
        <v>44</v>
      </c>
      <c r="AP9" s="281">
        <v>57</v>
      </c>
      <c r="AQ9" s="281">
        <v>0</v>
      </c>
      <c r="AR9" s="278">
        <v>151</v>
      </c>
      <c r="AS9" s="283">
        <v>168</v>
      </c>
      <c r="AT9" s="277">
        <v>0</v>
      </c>
      <c r="AU9" s="281">
        <v>0</v>
      </c>
      <c r="AV9" s="278">
        <v>0</v>
      </c>
      <c r="AW9" s="280">
        <v>0</v>
      </c>
      <c r="AX9" s="281">
        <v>748</v>
      </c>
      <c r="AY9" s="281">
        <v>606</v>
      </c>
      <c r="AZ9" s="281">
        <v>451</v>
      </c>
      <c r="BA9" s="281">
        <v>248</v>
      </c>
      <c r="BB9" s="281">
        <v>148</v>
      </c>
      <c r="BC9" s="282">
        <v>2201</v>
      </c>
      <c r="BD9" s="283">
        <v>2201</v>
      </c>
      <c r="BE9" s="277">
        <v>0</v>
      </c>
      <c r="BF9" s="281">
        <v>0</v>
      </c>
      <c r="BG9" s="278">
        <v>0</v>
      </c>
      <c r="BH9" s="280">
        <v>0</v>
      </c>
      <c r="BI9" s="281">
        <v>54</v>
      </c>
      <c r="BJ9" s="281">
        <v>103</v>
      </c>
      <c r="BK9" s="281">
        <v>80</v>
      </c>
      <c r="BL9" s="281">
        <v>83</v>
      </c>
      <c r="BM9" s="281">
        <v>15</v>
      </c>
      <c r="BN9" s="278">
        <v>335</v>
      </c>
      <c r="BO9" s="283">
        <v>335</v>
      </c>
      <c r="BP9" s="277">
        <v>3</v>
      </c>
      <c r="BQ9" s="281">
        <v>0</v>
      </c>
      <c r="BR9" s="278">
        <v>3</v>
      </c>
      <c r="BS9" s="280">
        <v>0</v>
      </c>
      <c r="BT9" s="281">
        <v>117</v>
      </c>
      <c r="BU9" s="281">
        <v>98</v>
      </c>
      <c r="BV9" s="281">
        <v>123</v>
      </c>
      <c r="BW9" s="281">
        <v>153</v>
      </c>
      <c r="BX9" s="281">
        <v>144</v>
      </c>
      <c r="BY9" s="278">
        <v>635</v>
      </c>
      <c r="BZ9" s="283">
        <v>638</v>
      </c>
      <c r="CA9" s="277">
        <v>0</v>
      </c>
      <c r="CB9" s="281">
        <v>0</v>
      </c>
      <c r="CC9" s="278">
        <v>0</v>
      </c>
      <c r="CD9" s="280">
        <v>0</v>
      </c>
      <c r="CE9" s="281">
        <v>0</v>
      </c>
      <c r="CF9" s="281">
        <v>8</v>
      </c>
      <c r="CG9" s="281">
        <v>0</v>
      </c>
      <c r="CH9" s="281">
        <v>17</v>
      </c>
      <c r="CI9" s="281">
        <v>0</v>
      </c>
      <c r="CJ9" s="278">
        <v>25</v>
      </c>
      <c r="CK9" s="283">
        <v>25</v>
      </c>
      <c r="CL9" s="277">
        <v>0</v>
      </c>
      <c r="CM9" s="281">
        <v>0</v>
      </c>
      <c r="CN9" s="278">
        <v>0</v>
      </c>
      <c r="CO9" s="280">
        <v>0</v>
      </c>
      <c r="CP9" s="281">
        <v>0</v>
      </c>
      <c r="CQ9" s="281">
        <v>0</v>
      </c>
      <c r="CR9" s="281">
        <v>0</v>
      </c>
      <c r="CS9" s="281">
        <v>0</v>
      </c>
      <c r="CT9" s="281">
        <v>0</v>
      </c>
      <c r="CU9" s="278">
        <v>0</v>
      </c>
      <c r="CV9" s="283">
        <v>0</v>
      </c>
      <c r="CW9" s="277">
        <v>0</v>
      </c>
      <c r="CX9" s="281">
        <v>0</v>
      </c>
      <c r="CY9" s="278">
        <v>0</v>
      </c>
      <c r="CZ9" s="280">
        <v>0</v>
      </c>
      <c r="DA9" s="281">
        <v>0</v>
      </c>
      <c r="DB9" s="281">
        <v>0</v>
      </c>
      <c r="DC9" s="281">
        <v>0</v>
      </c>
      <c r="DD9" s="281">
        <v>0</v>
      </c>
      <c r="DE9" s="281">
        <v>0</v>
      </c>
      <c r="DF9" s="278">
        <v>0</v>
      </c>
      <c r="DG9" s="283">
        <v>0</v>
      </c>
    </row>
    <row r="10" spans="1:111" ht="18.75" customHeight="1" x14ac:dyDescent="0.2">
      <c r="A10" s="262" t="s">
        <v>7</v>
      </c>
      <c r="B10" s="277">
        <v>0</v>
      </c>
      <c r="C10" s="278">
        <v>0</v>
      </c>
      <c r="D10" s="279">
        <v>0</v>
      </c>
      <c r="E10" s="280">
        <v>0</v>
      </c>
      <c r="F10" s="281">
        <v>583</v>
      </c>
      <c r="G10" s="281">
        <v>914</v>
      </c>
      <c r="H10" s="281">
        <v>637</v>
      </c>
      <c r="I10" s="281">
        <v>487</v>
      </c>
      <c r="J10" s="281">
        <v>1049</v>
      </c>
      <c r="K10" s="282">
        <v>3670</v>
      </c>
      <c r="L10" s="283">
        <v>3670</v>
      </c>
      <c r="M10" s="277">
        <v>0</v>
      </c>
      <c r="N10" s="281">
        <v>0</v>
      </c>
      <c r="O10" s="278">
        <v>0</v>
      </c>
      <c r="P10" s="280">
        <v>0</v>
      </c>
      <c r="Q10" s="281">
        <v>8</v>
      </c>
      <c r="R10" s="281">
        <v>8</v>
      </c>
      <c r="S10" s="281">
        <v>0</v>
      </c>
      <c r="T10" s="281">
        <v>8</v>
      </c>
      <c r="U10" s="281">
        <v>46</v>
      </c>
      <c r="V10" s="278">
        <v>70</v>
      </c>
      <c r="W10" s="283">
        <v>70</v>
      </c>
      <c r="X10" s="277">
        <v>0</v>
      </c>
      <c r="Y10" s="281">
        <v>32</v>
      </c>
      <c r="Z10" s="278">
        <v>32</v>
      </c>
      <c r="AA10" s="280">
        <v>0</v>
      </c>
      <c r="AB10" s="281">
        <v>231</v>
      </c>
      <c r="AC10" s="281">
        <v>269</v>
      </c>
      <c r="AD10" s="281">
        <v>114</v>
      </c>
      <c r="AE10" s="281">
        <v>108</v>
      </c>
      <c r="AF10" s="281">
        <v>204</v>
      </c>
      <c r="AG10" s="278">
        <v>926</v>
      </c>
      <c r="AH10" s="283">
        <v>958</v>
      </c>
      <c r="AI10" s="277">
        <v>0</v>
      </c>
      <c r="AJ10" s="281">
        <v>0</v>
      </c>
      <c r="AK10" s="278">
        <v>0</v>
      </c>
      <c r="AL10" s="280">
        <v>0</v>
      </c>
      <c r="AM10" s="281">
        <v>42</v>
      </c>
      <c r="AN10" s="281">
        <v>40</v>
      </c>
      <c r="AO10" s="281">
        <v>86</v>
      </c>
      <c r="AP10" s="281">
        <v>10</v>
      </c>
      <c r="AQ10" s="281">
        <v>0</v>
      </c>
      <c r="AR10" s="278">
        <v>178</v>
      </c>
      <c r="AS10" s="283">
        <v>178</v>
      </c>
      <c r="AT10" s="277">
        <v>0</v>
      </c>
      <c r="AU10" s="281">
        <v>0</v>
      </c>
      <c r="AV10" s="278">
        <v>0</v>
      </c>
      <c r="AW10" s="280">
        <v>0</v>
      </c>
      <c r="AX10" s="281">
        <v>495</v>
      </c>
      <c r="AY10" s="281">
        <v>292</v>
      </c>
      <c r="AZ10" s="281">
        <v>74</v>
      </c>
      <c r="BA10" s="281">
        <v>53</v>
      </c>
      <c r="BB10" s="281">
        <v>64</v>
      </c>
      <c r="BC10" s="282">
        <v>978</v>
      </c>
      <c r="BD10" s="283">
        <v>978</v>
      </c>
      <c r="BE10" s="277">
        <v>0</v>
      </c>
      <c r="BF10" s="281">
        <v>0</v>
      </c>
      <c r="BG10" s="278">
        <v>0</v>
      </c>
      <c r="BH10" s="280">
        <v>0</v>
      </c>
      <c r="BI10" s="281">
        <v>165</v>
      </c>
      <c r="BJ10" s="281">
        <v>86</v>
      </c>
      <c r="BK10" s="281">
        <v>77</v>
      </c>
      <c r="BL10" s="281">
        <v>8</v>
      </c>
      <c r="BM10" s="281">
        <v>20</v>
      </c>
      <c r="BN10" s="278">
        <v>356</v>
      </c>
      <c r="BO10" s="283">
        <v>356</v>
      </c>
      <c r="BP10" s="277">
        <v>0</v>
      </c>
      <c r="BQ10" s="281">
        <v>0</v>
      </c>
      <c r="BR10" s="278">
        <v>0</v>
      </c>
      <c r="BS10" s="280">
        <v>0</v>
      </c>
      <c r="BT10" s="281">
        <v>23</v>
      </c>
      <c r="BU10" s="281">
        <v>63</v>
      </c>
      <c r="BV10" s="281">
        <v>94</v>
      </c>
      <c r="BW10" s="281">
        <v>98</v>
      </c>
      <c r="BX10" s="281">
        <v>20</v>
      </c>
      <c r="BY10" s="278">
        <v>298</v>
      </c>
      <c r="BZ10" s="283">
        <v>298</v>
      </c>
      <c r="CA10" s="277">
        <v>0</v>
      </c>
      <c r="CB10" s="281">
        <v>0</v>
      </c>
      <c r="CC10" s="278">
        <v>0</v>
      </c>
      <c r="CD10" s="280">
        <v>0</v>
      </c>
      <c r="CE10" s="281">
        <v>0</v>
      </c>
      <c r="CF10" s="281">
        <v>0</v>
      </c>
      <c r="CG10" s="281">
        <v>0</v>
      </c>
      <c r="CH10" s="281">
        <v>0</v>
      </c>
      <c r="CI10" s="281">
        <v>10</v>
      </c>
      <c r="CJ10" s="278">
        <v>10</v>
      </c>
      <c r="CK10" s="283">
        <v>10</v>
      </c>
      <c r="CL10" s="277">
        <v>0</v>
      </c>
      <c r="CM10" s="281">
        <v>0</v>
      </c>
      <c r="CN10" s="278">
        <v>0</v>
      </c>
      <c r="CO10" s="280">
        <v>0</v>
      </c>
      <c r="CP10" s="281">
        <v>0</v>
      </c>
      <c r="CQ10" s="281">
        <v>0</v>
      </c>
      <c r="CR10" s="281">
        <v>0</v>
      </c>
      <c r="CS10" s="281">
        <v>0</v>
      </c>
      <c r="CT10" s="281">
        <v>0</v>
      </c>
      <c r="CU10" s="278">
        <v>0</v>
      </c>
      <c r="CV10" s="283">
        <v>0</v>
      </c>
      <c r="CW10" s="277">
        <v>0</v>
      </c>
      <c r="CX10" s="281">
        <v>0</v>
      </c>
      <c r="CY10" s="278">
        <v>0</v>
      </c>
      <c r="CZ10" s="280">
        <v>0</v>
      </c>
      <c r="DA10" s="281">
        <v>0</v>
      </c>
      <c r="DB10" s="281">
        <v>0</v>
      </c>
      <c r="DC10" s="281">
        <v>0</v>
      </c>
      <c r="DD10" s="281">
        <v>0</v>
      </c>
      <c r="DE10" s="281">
        <v>0</v>
      </c>
      <c r="DF10" s="278">
        <v>0</v>
      </c>
      <c r="DG10" s="283">
        <v>0</v>
      </c>
    </row>
    <row r="11" spans="1:111" ht="18.75" customHeight="1" x14ac:dyDescent="0.2">
      <c r="A11" s="262" t="s">
        <v>8</v>
      </c>
      <c r="B11" s="277">
        <v>0</v>
      </c>
      <c r="C11" s="278">
        <v>0</v>
      </c>
      <c r="D11" s="279">
        <v>0</v>
      </c>
      <c r="E11" s="280">
        <v>0</v>
      </c>
      <c r="F11" s="281">
        <v>213</v>
      </c>
      <c r="G11" s="281">
        <v>560</v>
      </c>
      <c r="H11" s="281">
        <v>143</v>
      </c>
      <c r="I11" s="281">
        <v>352</v>
      </c>
      <c r="J11" s="281">
        <v>385</v>
      </c>
      <c r="K11" s="282">
        <v>1653</v>
      </c>
      <c r="L11" s="283">
        <v>1653</v>
      </c>
      <c r="M11" s="277">
        <v>0</v>
      </c>
      <c r="N11" s="281">
        <v>0</v>
      </c>
      <c r="O11" s="278">
        <v>0</v>
      </c>
      <c r="P11" s="280">
        <v>0</v>
      </c>
      <c r="Q11" s="281">
        <v>0</v>
      </c>
      <c r="R11" s="281">
        <v>8</v>
      </c>
      <c r="S11" s="281">
        <v>0</v>
      </c>
      <c r="T11" s="281">
        <v>26</v>
      </c>
      <c r="U11" s="281">
        <v>9</v>
      </c>
      <c r="V11" s="278">
        <v>43</v>
      </c>
      <c r="W11" s="283">
        <v>43</v>
      </c>
      <c r="X11" s="277">
        <v>1</v>
      </c>
      <c r="Y11" s="281">
        <v>11</v>
      </c>
      <c r="Z11" s="278">
        <v>12</v>
      </c>
      <c r="AA11" s="280">
        <v>0</v>
      </c>
      <c r="AB11" s="281">
        <v>40</v>
      </c>
      <c r="AC11" s="281">
        <v>85</v>
      </c>
      <c r="AD11" s="281">
        <v>19</v>
      </c>
      <c r="AE11" s="281">
        <v>83</v>
      </c>
      <c r="AF11" s="281">
        <v>10</v>
      </c>
      <c r="AG11" s="278">
        <v>237</v>
      </c>
      <c r="AH11" s="283">
        <v>249</v>
      </c>
      <c r="AI11" s="277">
        <v>0</v>
      </c>
      <c r="AJ11" s="281">
        <v>8</v>
      </c>
      <c r="AK11" s="278">
        <v>8</v>
      </c>
      <c r="AL11" s="280">
        <v>0</v>
      </c>
      <c r="AM11" s="281">
        <v>22</v>
      </c>
      <c r="AN11" s="281">
        <v>75</v>
      </c>
      <c r="AO11" s="281">
        <v>93</v>
      </c>
      <c r="AP11" s="281">
        <v>44</v>
      </c>
      <c r="AQ11" s="281">
        <v>27</v>
      </c>
      <c r="AR11" s="278">
        <v>261</v>
      </c>
      <c r="AS11" s="283">
        <v>269</v>
      </c>
      <c r="AT11" s="277">
        <v>0</v>
      </c>
      <c r="AU11" s="281">
        <v>0</v>
      </c>
      <c r="AV11" s="278">
        <v>0</v>
      </c>
      <c r="AW11" s="280">
        <v>0</v>
      </c>
      <c r="AX11" s="281">
        <v>206</v>
      </c>
      <c r="AY11" s="281">
        <v>257</v>
      </c>
      <c r="AZ11" s="281">
        <v>48</v>
      </c>
      <c r="BA11" s="281">
        <v>112</v>
      </c>
      <c r="BB11" s="281">
        <v>13</v>
      </c>
      <c r="BC11" s="282">
        <v>636</v>
      </c>
      <c r="BD11" s="283">
        <v>636</v>
      </c>
      <c r="BE11" s="277">
        <v>0</v>
      </c>
      <c r="BF11" s="281">
        <v>0</v>
      </c>
      <c r="BG11" s="278">
        <v>0</v>
      </c>
      <c r="BH11" s="280">
        <v>0</v>
      </c>
      <c r="BI11" s="281">
        <v>115</v>
      </c>
      <c r="BJ11" s="281">
        <v>57</v>
      </c>
      <c r="BK11" s="281">
        <v>45</v>
      </c>
      <c r="BL11" s="281">
        <v>63</v>
      </c>
      <c r="BM11" s="281">
        <v>4</v>
      </c>
      <c r="BN11" s="278">
        <v>284</v>
      </c>
      <c r="BO11" s="283">
        <v>284</v>
      </c>
      <c r="BP11" s="277">
        <v>0</v>
      </c>
      <c r="BQ11" s="281">
        <v>0</v>
      </c>
      <c r="BR11" s="278">
        <v>0</v>
      </c>
      <c r="BS11" s="280">
        <v>0</v>
      </c>
      <c r="BT11" s="281">
        <v>33</v>
      </c>
      <c r="BU11" s="281">
        <v>56</v>
      </c>
      <c r="BV11" s="281">
        <v>12</v>
      </c>
      <c r="BW11" s="281">
        <v>37</v>
      </c>
      <c r="BX11" s="281">
        <v>10</v>
      </c>
      <c r="BY11" s="278">
        <v>148</v>
      </c>
      <c r="BZ11" s="283">
        <v>148</v>
      </c>
      <c r="CA11" s="277">
        <v>0</v>
      </c>
      <c r="CB11" s="281">
        <v>0</v>
      </c>
      <c r="CC11" s="278">
        <v>0</v>
      </c>
      <c r="CD11" s="280">
        <v>0</v>
      </c>
      <c r="CE11" s="281">
        <v>0</v>
      </c>
      <c r="CF11" s="281">
        <v>0</v>
      </c>
      <c r="CG11" s="281">
        <v>0</v>
      </c>
      <c r="CH11" s="281">
        <v>0</v>
      </c>
      <c r="CI11" s="281">
        <v>0</v>
      </c>
      <c r="CJ11" s="278">
        <v>0</v>
      </c>
      <c r="CK11" s="283">
        <v>0</v>
      </c>
      <c r="CL11" s="277">
        <v>0</v>
      </c>
      <c r="CM11" s="281">
        <v>0</v>
      </c>
      <c r="CN11" s="278">
        <v>0</v>
      </c>
      <c r="CO11" s="280">
        <v>0</v>
      </c>
      <c r="CP11" s="281">
        <v>0</v>
      </c>
      <c r="CQ11" s="281">
        <v>0</v>
      </c>
      <c r="CR11" s="281">
        <v>0</v>
      </c>
      <c r="CS11" s="281">
        <v>0</v>
      </c>
      <c r="CT11" s="281">
        <v>0</v>
      </c>
      <c r="CU11" s="278">
        <v>0</v>
      </c>
      <c r="CV11" s="283">
        <v>0</v>
      </c>
      <c r="CW11" s="277">
        <v>0</v>
      </c>
      <c r="CX11" s="281">
        <v>0</v>
      </c>
      <c r="CY11" s="278">
        <v>0</v>
      </c>
      <c r="CZ11" s="280">
        <v>0</v>
      </c>
      <c r="DA11" s="281">
        <v>0</v>
      </c>
      <c r="DB11" s="281">
        <v>0</v>
      </c>
      <c r="DC11" s="281">
        <v>0</v>
      </c>
      <c r="DD11" s="281">
        <v>0</v>
      </c>
      <c r="DE11" s="281">
        <v>0</v>
      </c>
      <c r="DF11" s="278">
        <v>0</v>
      </c>
      <c r="DG11" s="283">
        <v>0</v>
      </c>
    </row>
    <row r="12" spans="1:111" ht="18.75" customHeight="1" x14ac:dyDescent="0.2">
      <c r="A12" s="262" t="s">
        <v>9</v>
      </c>
      <c r="B12" s="277">
        <v>0</v>
      </c>
      <c r="C12" s="278">
        <v>0</v>
      </c>
      <c r="D12" s="279">
        <v>0</v>
      </c>
      <c r="E12" s="280">
        <v>0</v>
      </c>
      <c r="F12" s="281">
        <v>670</v>
      </c>
      <c r="G12" s="281">
        <v>639</v>
      </c>
      <c r="H12" s="281">
        <v>968</v>
      </c>
      <c r="I12" s="281">
        <v>1417</v>
      </c>
      <c r="J12" s="281">
        <v>1788</v>
      </c>
      <c r="K12" s="282">
        <v>5482</v>
      </c>
      <c r="L12" s="283">
        <v>5482</v>
      </c>
      <c r="M12" s="277">
        <v>0</v>
      </c>
      <c r="N12" s="281">
        <v>0</v>
      </c>
      <c r="O12" s="278">
        <v>0</v>
      </c>
      <c r="P12" s="280">
        <v>0</v>
      </c>
      <c r="Q12" s="281">
        <v>17</v>
      </c>
      <c r="R12" s="281">
        <v>0</v>
      </c>
      <c r="S12" s="281">
        <v>16</v>
      </c>
      <c r="T12" s="281">
        <v>30</v>
      </c>
      <c r="U12" s="281">
        <v>83</v>
      </c>
      <c r="V12" s="278">
        <v>146</v>
      </c>
      <c r="W12" s="283">
        <v>146</v>
      </c>
      <c r="X12" s="277">
        <v>29</v>
      </c>
      <c r="Y12" s="281">
        <v>86</v>
      </c>
      <c r="Z12" s="278">
        <v>115</v>
      </c>
      <c r="AA12" s="280">
        <v>0</v>
      </c>
      <c r="AB12" s="281">
        <v>552</v>
      </c>
      <c r="AC12" s="281">
        <v>346</v>
      </c>
      <c r="AD12" s="281">
        <v>297</v>
      </c>
      <c r="AE12" s="281">
        <v>358</v>
      </c>
      <c r="AF12" s="281">
        <v>153</v>
      </c>
      <c r="AG12" s="278">
        <v>1706</v>
      </c>
      <c r="AH12" s="283">
        <v>1821</v>
      </c>
      <c r="AI12" s="277">
        <v>24</v>
      </c>
      <c r="AJ12" s="281">
        <v>12</v>
      </c>
      <c r="AK12" s="278">
        <v>36</v>
      </c>
      <c r="AL12" s="280">
        <v>0</v>
      </c>
      <c r="AM12" s="281">
        <v>105</v>
      </c>
      <c r="AN12" s="281">
        <v>129</v>
      </c>
      <c r="AO12" s="281">
        <v>113</v>
      </c>
      <c r="AP12" s="281">
        <v>95</v>
      </c>
      <c r="AQ12" s="281">
        <v>77</v>
      </c>
      <c r="AR12" s="278">
        <v>519</v>
      </c>
      <c r="AS12" s="283">
        <v>555</v>
      </c>
      <c r="AT12" s="277">
        <v>0</v>
      </c>
      <c r="AU12" s="281">
        <v>0</v>
      </c>
      <c r="AV12" s="278">
        <v>0</v>
      </c>
      <c r="AW12" s="280">
        <v>0</v>
      </c>
      <c r="AX12" s="281">
        <v>382</v>
      </c>
      <c r="AY12" s="281">
        <v>315</v>
      </c>
      <c r="AZ12" s="281">
        <v>227</v>
      </c>
      <c r="BA12" s="281">
        <v>111</v>
      </c>
      <c r="BB12" s="281">
        <v>56</v>
      </c>
      <c r="BC12" s="282">
        <v>1091</v>
      </c>
      <c r="BD12" s="283">
        <v>1091</v>
      </c>
      <c r="BE12" s="277">
        <v>0</v>
      </c>
      <c r="BF12" s="281">
        <v>0</v>
      </c>
      <c r="BG12" s="278">
        <v>0</v>
      </c>
      <c r="BH12" s="280">
        <v>0</v>
      </c>
      <c r="BI12" s="281">
        <v>70</v>
      </c>
      <c r="BJ12" s="281">
        <v>72</v>
      </c>
      <c r="BK12" s="281">
        <v>32</v>
      </c>
      <c r="BL12" s="281">
        <v>42</v>
      </c>
      <c r="BM12" s="281">
        <v>7</v>
      </c>
      <c r="BN12" s="278">
        <v>223</v>
      </c>
      <c r="BO12" s="283">
        <v>223</v>
      </c>
      <c r="BP12" s="277">
        <v>0</v>
      </c>
      <c r="BQ12" s="281">
        <v>0</v>
      </c>
      <c r="BR12" s="278">
        <v>0</v>
      </c>
      <c r="BS12" s="280">
        <v>0</v>
      </c>
      <c r="BT12" s="281">
        <v>78</v>
      </c>
      <c r="BU12" s="281">
        <v>63</v>
      </c>
      <c r="BV12" s="281">
        <v>49</v>
      </c>
      <c r="BW12" s="281">
        <v>169</v>
      </c>
      <c r="BX12" s="281">
        <v>45</v>
      </c>
      <c r="BY12" s="278">
        <v>404</v>
      </c>
      <c r="BZ12" s="283">
        <v>404</v>
      </c>
      <c r="CA12" s="277">
        <v>0</v>
      </c>
      <c r="CB12" s="281">
        <v>0</v>
      </c>
      <c r="CC12" s="278">
        <v>0</v>
      </c>
      <c r="CD12" s="280">
        <v>0</v>
      </c>
      <c r="CE12" s="281">
        <v>0</v>
      </c>
      <c r="CF12" s="281">
        <v>3</v>
      </c>
      <c r="CG12" s="281">
        <v>28</v>
      </c>
      <c r="CH12" s="281">
        <v>0</v>
      </c>
      <c r="CI12" s="281">
        <v>9</v>
      </c>
      <c r="CJ12" s="278">
        <v>40</v>
      </c>
      <c r="CK12" s="283">
        <v>40</v>
      </c>
      <c r="CL12" s="277">
        <v>0</v>
      </c>
      <c r="CM12" s="281">
        <v>0</v>
      </c>
      <c r="CN12" s="278">
        <v>0</v>
      </c>
      <c r="CO12" s="280">
        <v>0</v>
      </c>
      <c r="CP12" s="281">
        <v>0</v>
      </c>
      <c r="CQ12" s="281">
        <v>0</v>
      </c>
      <c r="CR12" s="281">
        <v>0</v>
      </c>
      <c r="CS12" s="281">
        <v>0</v>
      </c>
      <c r="CT12" s="281">
        <v>0</v>
      </c>
      <c r="CU12" s="278">
        <v>0</v>
      </c>
      <c r="CV12" s="283">
        <v>0</v>
      </c>
      <c r="CW12" s="277">
        <v>0</v>
      </c>
      <c r="CX12" s="281">
        <v>0</v>
      </c>
      <c r="CY12" s="278">
        <v>0</v>
      </c>
      <c r="CZ12" s="280">
        <v>0</v>
      </c>
      <c r="DA12" s="281">
        <v>0</v>
      </c>
      <c r="DB12" s="281">
        <v>0</v>
      </c>
      <c r="DC12" s="281">
        <v>0</v>
      </c>
      <c r="DD12" s="281">
        <v>0</v>
      </c>
      <c r="DE12" s="281">
        <v>0</v>
      </c>
      <c r="DF12" s="278">
        <v>0</v>
      </c>
      <c r="DG12" s="283">
        <v>0</v>
      </c>
    </row>
    <row r="13" spans="1:111" ht="18.75" customHeight="1" x14ac:dyDescent="0.2">
      <c r="A13" s="262" t="s">
        <v>10</v>
      </c>
      <c r="B13" s="277">
        <v>1</v>
      </c>
      <c r="C13" s="278">
        <v>0</v>
      </c>
      <c r="D13" s="279">
        <v>1</v>
      </c>
      <c r="E13" s="280">
        <v>0</v>
      </c>
      <c r="F13" s="281">
        <v>1290</v>
      </c>
      <c r="G13" s="281">
        <v>1179</v>
      </c>
      <c r="H13" s="281">
        <v>1024</v>
      </c>
      <c r="I13" s="281">
        <v>1830</v>
      </c>
      <c r="J13" s="281">
        <v>1702</v>
      </c>
      <c r="K13" s="282">
        <v>7025</v>
      </c>
      <c r="L13" s="283">
        <v>7026</v>
      </c>
      <c r="M13" s="277">
        <v>0</v>
      </c>
      <c r="N13" s="281">
        <v>0</v>
      </c>
      <c r="O13" s="278">
        <v>0</v>
      </c>
      <c r="P13" s="280">
        <v>0</v>
      </c>
      <c r="Q13" s="281">
        <v>8</v>
      </c>
      <c r="R13" s="281">
        <v>0</v>
      </c>
      <c r="S13" s="281">
        <v>0</v>
      </c>
      <c r="T13" s="281">
        <v>19</v>
      </c>
      <c r="U13" s="281">
        <v>55</v>
      </c>
      <c r="V13" s="278">
        <v>82</v>
      </c>
      <c r="W13" s="283">
        <v>82</v>
      </c>
      <c r="X13" s="277">
        <v>52</v>
      </c>
      <c r="Y13" s="281">
        <v>207</v>
      </c>
      <c r="Z13" s="278">
        <v>259</v>
      </c>
      <c r="AA13" s="280">
        <v>0</v>
      </c>
      <c r="AB13" s="281">
        <v>507</v>
      </c>
      <c r="AC13" s="281">
        <v>394</v>
      </c>
      <c r="AD13" s="281">
        <v>280</v>
      </c>
      <c r="AE13" s="281">
        <v>254</v>
      </c>
      <c r="AF13" s="281">
        <v>222</v>
      </c>
      <c r="AG13" s="278">
        <v>1657</v>
      </c>
      <c r="AH13" s="283">
        <v>1916</v>
      </c>
      <c r="AI13" s="277">
        <v>24</v>
      </c>
      <c r="AJ13" s="281">
        <v>57</v>
      </c>
      <c r="AK13" s="278">
        <v>81</v>
      </c>
      <c r="AL13" s="280">
        <v>0</v>
      </c>
      <c r="AM13" s="281">
        <v>59</v>
      </c>
      <c r="AN13" s="281">
        <v>179</v>
      </c>
      <c r="AO13" s="281">
        <v>72</v>
      </c>
      <c r="AP13" s="281">
        <v>70</v>
      </c>
      <c r="AQ13" s="281">
        <v>22</v>
      </c>
      <c r="AR13" s="278">
        <v>402</v>
      </c>
      <c r="AS13" s="283">
        <v>483</v>
      </c>
      <c r="AT13" s="277">
        <v>0</v>
      </c>
      <c r="AU13" s="281">
        <v>0</v>
      </c>
      <c r="AV13" s="278">
        <v>0</v>
      </c>
      <c r="AW13" s="280">
        <v>0</v>
      </c>
      <c r="AX13" s="281">
        <v>1048</v>
      </c>
      <c r="AY13" s="281">
        <v>612</v>
      </c>
      <c r="AZ13" s="281">
        <v>287</v>
      </c>
      <c r="BA13" s="281">
        <v>129</v>
      </c>
      <c r="BB13" s="281">
        <v>22</v>
      </c>
      <c r="BC13" s="282">
        <v>2098</v>
      </c>
      <c r="BD13" s="283">
        <v>2098</v>
      </c>
      <c r="BE13" s="277">
        <v>0</v>
      </c>
      <c r="BF13" s="281">
        <v>0</v>
      </c>
      <c r="BG13" s="278">
        <v>0</v>
      </c>
      <c r="BH13" s="280">
        <v>0</v>
      </c>
      <c r="BI13" s="281">
        <v>118</v>
      </c>
      <c r="BJ13" s="281">
        <v>64</v>
      </c>
      <c r="BK13" s="281">
        <v>66</v>
      </c>
      <c r="BL13" s="281">
        <v>40</v>
      </c>
      <c r="BM13" s="281">
        <v>4</v>
      </c>
      <c r="BN13" s="278">
        <v>292</v>
      </c>
      <c r="BO13" s="283">
        <v>292</v>
      </c>
      <c r="BP13" s="277">
        <v>3</v>
      </c>
      <c r="BQ13" s="281">
        <v>12</v>
      </c>
      <c r="BR13" s="278">
        <v>15</v>
      </c>
      <c r="BS13" s="280">
        <v>0</v>
      </c>
      <c r="BT13" s="281">
        <v>68</v>
      </c>
      <c r="BU13" s="281">
        <v>32</v>
      </c>
      <c r="BV13" s="281">
        <v>127</v>
      </c>
      <c r="BW13" s="281">
        <v>123</v>
      </c>
      <c r="BX13" s="281">
        <v>69</v>
      </c>
      <c r="BY13" s="278">
        <v>419</v>
      </c>
      <c r="BZ13" s="283">
        <v>434</v>
      </c>
      <c r="CA13" s="277">
        <v>0</v>
      </c>
      <c r="CB13" s="281">
        <v>0</v>
      </c>
      <c r="CC13" s="278">
        <v>0</v>
      </c>
      <c r="CD13" s="280">
        <v>0</v>
      </c>
      <c r="CE13" s="281">
        <v>0</v>
      </c>
      <c r="CF13" s="281">
        <v>26</v>
      </c>
      <c r="CG13" s="281">
        <v>8</v>
      </c>
      <c r="CH13" s="281">
        <v>3</v>
      </c>
      <c r="CI13" s="281">
        <v>0</v>
      </c>
      <c r="CJ13" s="278">
        <v>37</v>
      </c>
      <c r="CK13" s="283">
        <v>37</v>
      </c>
      <c r="CL13" s="277">
        <v>0</v>
      </c>
      <c r="CM13" s="281">
        <v>0</v>
      </c>
      <c r="CN13" s="278">
        <v>0</v>
      </c>
      <c r="CO13" s="280">
        <v>0</v>
      </c>
      <c r="CP13" s="281">
        <v>0</v>
      </c>
      <c r="CQ13" s="281">
        <v>0</v>
      </c>
      <c r="CR13" s="281">
        <v>0</v>
      </c>
      <c r="CS13" s="281">
        <v>0</v>
      </c>
      <c r="CT13" s="281">
        <v>0</v>
      </c>
      <c r="CU13" s="278">
        <v>0</v>
      </c>
      <c r="CV13" s="283">
        <v>0</v>
      </c>
      <c r="CW13" s="277">
        <v>0</v>
      </c>
      <c r="CX13" s="281">
        <v>0</v>
      </c>
      <c r="CY13" s="278">
        <v>0</v>
      </c>
      <c r="CZ13" s="280">
        <v>0</v>
      </c>
      <c r="DA13" s="281">
        <v>0</v>
      </c>
      <c r="DB13" s="281">
        <v>0</v>
      </c>
      <c r="DC13" s="281">
        <v>0</v>
      </c>
      <c r="DD13" s="281">
        <v>0</v>
      </c>
      <c r="DE13" s="281">
        <v>0</v>
      </c>
      <c r="DF13" s="278">
        <v>0</v>
      </c>
      <c r="DG13" s="283">
        <v>0</v>
      </c>
    </row>
    <row r="14" spans="1:111" ht="18.75" customHeight="1" x14ac:dyDescent="0.2">
      <c r="A14" s="262" t="s">
        <v>11</v>
      </c>
      <c r="B14" s="277">
        <v>0</v>
      </c>
      <c r="C14" s="278">
        <v>0</v>
      </c>
      <c r="D14" s="279">
        <v>0</v>
      </c>
      <c r="E14" s="280">
        <v>0</v>
      </c>
      <c r="F14" s="281">
        <v>127</v>
      </c>
      <c r="G14" s="281">
        <v>105</v>
      </c>
      <c r="H14" s="281">
        <v>179</v>
      </c>
      <c r="I14" s="281">
        <v>379</v>
      </c>
      <c r="J14" s="281">
        <v>483</v>
      </c>
      <c r="K14" s="282">
        <v>1273</v>
      </c>
      <c r="L14" s="283">
        <v>1273</v>
      </c>
      <c r="M14" s="277">
        <v>0</v>
      </c>
      <c r="N14" s="281">
        <v>0</v>
      </c>
      <c r="O14" s="278">
        <v>0</v>
      </c>
      <c r="P14" s="280">
        <v>0</v>
      </c>
      <c r="Q14" s="281">
        <v>0</v>
      </c>
      <c r="R14" s="281">
        <v>0</v>
      </c>
      <c r="S14" s="281">
        <v>0</v>
      </c>
      <c r="T14" s="281">
        <v>25</v>
      </c>
      <c r="U14" s="281">
        <v>19</v>
      </c>
      <c r="V14" s="278">
        <v>44</v>
      </c>
      <c r="W14" s="283">
        <v>44</v>
      </c>
      <c r="X14" s="277">
        <v>16</v>
      </c>
      <c r="Y14" s="281">
        <v>23</v>
      </c>
      <c r="Z14" s="278">
        <v>39</v>
      </c>
      <c r="AA14" s="280">
        <v>0</v>
      </c>
      <c r="AB14" s="281">
        <v>190</v>
      </c>
      <c r="AC14" s="281">
        <v>79</v>
      </c>
      <c r="AD14" s="281">
        <v>89</v>
      </c>
      <c r="AE14" s="281">
        <v>122</v>
      </c>
      <c r="AF14" s="281">
        <v>99</v>
      </c>
      <c r="AG14" s="278">
        <v>579</v>
      </c>
      <c r="AH14" s="283">
        <v>618</v>
      </c>
      <c r="AI14" s="277">
        <v>0</v>
      </c>
      <c r="AJ14" s="281">
        <v>14</v>
      </c>
      <c r="AK14" s="278">
        <v>14</v>
      </c>
      <c r="AL14" s="280">
        <v>0</v>
      </c>
      <c r="AM14" s="281">
        <v>69</v>
      </c>
      <c r="AN14" s="281">
        <v>18</v>
      </c>
      <c r="AO14" s="281">
        <v>0</v>
      </c>
      <c r="AP14" s="281">
        <v>9</v>
      </c>
      <c r="AQ14" s="281">
        <v>24</v>
      </c>
      <c r="AR14" s="278">
        <v>120</v>
      </c>
      <c r="AS14" s="283">
        <v>134</v>
      </c>
      <c r="AT14" s="277">
        <v>0</v>
      </c>
      <c r="AU14" s="281">
        <v>0</v>
      </c>
      <c r="AV14" s="278">
        <v>0</v>
      </c>
      <c r="AW14" s="280">
        <v>0</v>
      </c>
      <c r="AX14" s="281">
        <v>172</v>
      </c>
      <c r="AY14" s="281">
        <v>146</v>
      </c>
      <c r="AZ14" s="281">
        <v>121</v>
      </c>
      <c r="BA14" s="281">
        <v>123</v>
      </c>
      <c r="BB14" s="281">
        <v>33</v>
      </c>
      <c r="BC14" s="282">
        <v>595</v>
      </c>
      <c r="BD14" s="283">
        <v>595</v>
      </c>
      <c r="BE14" s="277">
        <v>0</v>
      </c>
      <c r="BF14" s="281">
        <v>0</v>
      </c>
      <c r="BG14" s="278">
        <v>0</v>
      </c>
      <c r="BH14" s="280">
        <v>0</v>
      </c>
      <c r="BI14" s="281">
        <v>58</v>
      </c>
      <c r="BJ14" s="281">
        <v>23</v>
      </c>
      <c r="BK14" s="281">
        <v>51</v>
      </c>
      <c r="BL14" s="281">
        <v>27</v>
      </c>
      <c r="BM14" s="281">
        <v>2</v>
      </c>
      <c r="BN14" s="278">
        <v>161</v>
      </c>
      <c r="BO14" s="283">
        <v>161</v>
      </c>
      <c r="BP14" s="277">
        <v>0</v>
      </c>
      <c r="BQ14" s="281">
        <v>0</v>
      </c>
      <c r="BR14" s="278">
        <v>0</v>
      </c>
      <c r="BS14" s="280">
        <v>0</v>
      </c>
      <c r="BT14" s="281">
        <v>9</v>
      </c>
      <c r="BU14" s="281">
        <v>27</v>
      </c>
      <c r="BV14" s="281">
        <v>23</v>
      </c>
      <c r="BW14" s="281">
        <v>58</v>
      </c>
      <c r="BX14" s="281">
        <v>32</v>
      </c>
      <c r="BY14" s="278">
        <v>149</v>
      </c>
      <c r="BZ14" s="283">
        <v>149</v>
      </c>
      <c r="CA14" s="277">
        <v>0</v>
      </c>
      <c r="CB14" s="281">
        <v>0</v>
      </c>
      <c r="CC14" s="278">
        <v>0</v>
      </c>
      <c r="CD14" s="280">
        <v>0</v>
      </c>
      <c r="CE14" s="281">
        <v>0</v>
      </c>
      <c r="CF14" s="281">
        <v>0</v>
      </c>
      <c r="CG14" s="281">
        <v>10</v>
      </c>
      <c r="CH14" s="281">
        <v>24</v>
      </c>
      <c r="CI14" s="281">
        <v>0</v>
      </c>
      <c r="CJ14" s="278">
        <v>34</v>
      </c>
      <c r="CK14" s="283">
        <v>34</v>
      </c>
      <c r="CL14" s="277">
        <v>0</v>
      </c>
      <c r="CM14" s="281">
        <v>0</v>
      </c>
      <c r="CN14" s="278">
        <v>0</v>
      </c>
      <c r="CO14" s="280">
        <v>0</v>
      </c>
      <c r="CP14" s="281">
        <v>0</v>
      </c>
      <c r="CQ14" s="281">
        <v>0</v>
      </c>
      <c r="CR14" s="281">
        <v>0</v>
      </c>
      <c r="CS14" s="281">
        <v>0</v>
      </c>
      <c r="CT14" s="281">
        <v>0</v>
      </c>
      <c r="CU14" s="278">
        <v>0</v>
      </c>
      <c r="CV14" s="283">
        <v>0</v>
      </c>
      <c r="CW14" s="277">
        <v>0</v>
      </c>
      <c r="CX14" s="281">
        <v>0</v>
      </c>
      <c r="CY14" s="278">
        <v>0</v>
      </c>
      <c r="CZ14" s="280">
        <v>0</v>
      </c>
      <c r="DA14" s="281">
        <v>0</v>
      </c>
      <c r="DB14" s="281">
        <v>0</v>
      </c>
      <c r="DC14" s="281">
        <v>0</v>
      </c>
      <c r="DD14" s="281">
        <v>0</v>
      </c>
      <c r="DE14" s="281">
        <v>0</v>
      </c>
      <c r="DF14" s="278">
        <v>0</v>
      </c>
      <c r="DG14" s="283">
        <v>0</v>
      </c>
    </row>
    <row r="15" spans="1:111" ht="18.75" customHeight="1" x14ac:dyDescent="0.2">
      <c r="A15" s="262" t="s">
        <v>12</v>
      </c>
      <c r="B15" s="277">
        <v>0</v>
      </c>
      <c r="C15" s="278">
        <v>0</v>
      </c>
      <c r="D15" s="279">
        <v>0</v>
      </c>
      <c r="E15" s="280">
        <v>0</v>
      </c>
      <c r="F15" s="281">
        <v>505</v>
      </c>
      <c r="G15" s="281">
        <v>475</v>
      </c>
      <c r="H15" s="281">
        <v>661</v>
      </c>
      <c r="I15" s="281">
        <v>608</v>
      </c>
      <c r="J15" s="281">
        <v>534</v>
      </c>
      <c r="K15" s="282">
        <v>2783</v>
      </c>
      <c r="L15" s="283">
        <v>2783</v>
      </c>
      <c r="M15" s="277">
        <v>0</v>
      </c>
      <c r="N15" s="281">
        <v>0</v>
      </c>
      <c r="O15" s="278">
        <v>0</v>
      </c>
      <c r="P15" s="280">
        <v>0</v>
      </c>
      <c r="Q15" s="281">
        <v>0</v>
      </c>
      <c r="R15" s="281">
        <v>5</v>
      </c>
      <c r="S15" s="281">
        <v>0</v>
      </c>
      <c r="T15" s="281">
        <v>8</v>
      </c>
      <c r="U15" s="281">
        <v>43</v>
      </c>
      <c r="V15" s="278">
        <v>56</v>
      </c>
      <c r="W15" s="283">
        <v>56</v>
      </c>
      <c r="X15" s="277">
        <v>32</v>
      </c>
      <c r="Y15" s="281">
        <v>60</v>
      </c>
      <c r="Z15" s="278">
        <v>92</v>
      </c>
      <c r="AA15" s="280">
        <v>0</v>
      </c>
      <c r="AB15" s="281">
        <v>143</v>
      </c>
      <c r="AC15" s="281">
        <v>149</v>
      </c>
      <c r="AD15" s="281">
        <v>183</v>
      </c>
      <c r="AE15" s="281">
        <v>52</v>
      </c>
      <c r="AF15" s="281">
        <v>129</v>
      </c>
      <c r="AG15" s="278">
        <v>656</v>
      </c>
      <c r="AH15" s="283">
        <v>748</v>
      </c>
      <c r="AI15" s="277">
        <v>0</v>
      </c>
      <c r="AJ15" s="281">
        <v>0</v>
      </c>
      <c r="AK15" s="278">
        <v>0</v>
      </c>
      <c r="AL15" s="280">
        <v>0</v>
      </c>
      <c r="AM15" s="281">
        <v>2</v>
      </c>
      <c r="AN15" s="281">
        <v>24</v>
      </c>
      <c r="AO15" s="281">
        <v>2</v>
      </c>
      <c r="AP15" s="281">
        <v>0</v>
      </c>
      <c r="AQ15" s="281">
        <v>8</v>
      </c>
      <c r="AR15" s="278">
        <v>36</v>
      </c>
      <c r="AS15" s="283">
        <v>36</v>
      </c>
      <c r="AT15" s="277">
        <v>0</v>
      </c>
      <c r="AU15" s="281">
        <v>0</v>
      </c>
      <c r="AV15" s="278">
        <v>0</v>
      </c>
      <c r="AW15" s="280">
        <v>0</v>
      </c>
      <c r="AX15" s="281">
        <v>344</v>
      </c>
      <c r="AY15" s="281">
        <v>190</v>
      </c>
      <c r="AZ15" s="281">
        <v>78</v>
      </c>
      <c r="BA15" s="281">
        <v>137</v>
      </c>
      <c r="BB15" s="281">
        <v>38</v>
      </c>
      <c r="BC15" s="282">
        <v>787</v>
      </c>
      <c r="BD15" s="283">
        <v>787</v>
      </c>
      <c r="BE15" s="277">
        <v>0</v>
      </c>
      <c r="BF15" s="281">
        <v>0</v>
      </c>
      <c r="BG15" s="278">
        <v>0</v>
      </c>
      <c r="BH15" s="280">
        <v>0</v>
      </c>
      <c r="BI15" s="281">
        <v>59</v>
      </c>
      <c r="BJ15" s="281">
        <v>91</v>
      </c>
      <c r="BK15" s="281">
        <v>59</v>
      </c>
      <c r="BL15" s="281">
        <v>62</v>
      </c>
      <c r="BM15" s="281">
        <v>26</v>
      </c>
      <c r="BN15" s="278">
        <v>297</v>
      </c>
      <c r="BO15" s="283">
        <v>297</v>
      </c>
      <c r="BP15" s="277">
        <v>0</v>
      </c>
      <c r="BQ15" s="281">
        <v>0</v>
      </c>
      <c r="BR15" s="278">
        <v>0</v>
      </c>
      <c r="BS15" s="280">
        <v>0</v>
      </c>
      <c r="BT15" s="281">
        <v>37</v>
      </c>
      <c r="BU15" s="281">
        <v>5</v>
      </c>
      <c r="BV15" s="281">
        <v>115</v>
      </c>
      <c r="BW15" s="281">
        <v>65</v>
      </c>
      <c r="BX15" s="281">
        <v>29</v>
      </c>
      <c r="BY15" s="278">
        <v>251</v>
      </c>
      <c r="BZ15" s="283">
        <v>251</v>
      </c>
      <c r="CA15" s="277">
        <v>0</v>
      </c>
      <c r="CB15" s="281">
        <v>0</v>
      </c>
      <c r="CC15" s="278">
        <v>0</v>
      </c>
      <c r="CD15" s="280">
        <v>0</v>
      </c>
      <c r="CE15" s="281">
        <v>0</v>
      </c>
      <c r="CF15" s="281">
        <v>0</v>
      </c>
      <c r="CG15" s="281">
        <v>0</v>
      </c>
      <c r="CH15" s="281">
        <v>0</v>
      </c>
      <c r="CI15" s="281">
        <v>11</v>
      </c>
      <c r="CJ15" s="278">
        <v>11</v>
      </c>
      <c r="CK15" s="283">
        <v>11</v>
      </c>
      <c r="CL15" s="277">
        <v>0</v>
      </c>
      <c r="CM15" s="281">
        <v>0</v>
      </c>
      <c r="CN15" s="278">
        <v>0</v>
      </c>
      <c r="CO15" s="280">
        <v>0</v>
      </c>
      <c r="CP15" s="281">
        <v>0</v>
      </c>
      <c r="CQ15" s="281">
        <v>0</v>
      </c>
      <c r="CR15" s="281">
        <v>0</v>
      </c>
      <c r="CS15" s="281">
        <v>0</v>
      </c>
      <c r="CT15" s="281">
        <v>0</v>
      </c>
      <c r="CU15" s="278">
        <v>0</v>
      </c>
      <c r="CV15" s="283">
        <v>0</v>
      </c>
      <c r="CW15" s="277">
        <v>0</v>
      </c>
      <c r="CX15" s="281">
        <v>0</v>
      </c>
      <c r="CY15" s="278">
        <v>0</v>
      </c>
      <c r="CZ15" s="280">
        <v>0</v>
      </c>
      <c r="DA15" s="281">
        <v>0</v>
      </c>
      <c r="DB15" s="281">
        <v>0</v>
      </c>
      <c r="DC15" s="281">
        <v>0</v>
      </c>
      <c r="DD15" s="281">
        <v>0</v>
      </c>
      <c r="DE15" s="281">
        <v>0</v>
      </c>
      <c r="DF15" s="278">
        <v>0</v>
      </c>
      <c r="DG15" s="283">
        <v>0</v>
      </c>
    </row>
    <row r="16" spans="1:111" ht="18.75" customHeight="1" x14ac:dyDescent="0.2">
      <c r="A16" s="262" t="s">
        <v>13</v>
      </c>
      <c r="B16" s="277">
        <v>0</v>
      </c>
      <c r="C16" s="278">
        <v>0</v>
      </c>
      <c r="D16" s="279">
        <v>0</v>
      </c>
      <c r="E16" s="280">
        <v>0</v>
      </c>
      <c r="F16" s="281">
        <v>105</v>
      </c>
      <c r="G16" s="281">
        <v>364</v>
      </c>
      <c r="H16" s="281">
        <v>611</v>
      </c>
      <c r="I16" s="281">
        <v>576</v>
      </c>
      <c r="J16" s="281">
        <v>560</v>
      </c>
      <c r="K16" s="282">
        <v>2216</v>
      </c>
      <c r="L16" s="283">
        <v>2216</v>
      </c>
      <c r="M16" s="277">
        <v>0</v>
      </c>
      <c r="N16" s="281">
        <v>0</v>
      </c>
      <c r="O16" s="278">
        <v>0</v>
      </c>
      <c r="P16" s="280">
        <v>0</v>
      </c>
      <c r="Q16" s="281">
        <v>0</v>
      </c>
      <c r="R16" s="281">
        <v>0</v>
      </c>
      <c r="S16" s="281">
        <v>10</v>
      </c>
      <c r="T16" s="281">
        <v>7</v>
      </c>
      <c r="U16" s="281">
        <v>0</v>
      </c>
      <c r="V16" s="278">
        <v>17</v>
      </c>
      <c r="W16" s="283">
        <v>17</v>
      </c>
      <c r="X16" s="277">
        <v>10</v>
      </c>
      <c r="Y16" s="281">
        <v>21</v>
      </c>
      <c r="Z16" s="278">
        <v>31</v>
      </c>
      <c r="AA16" s="280">
        <v>0</v>
      </c>
      <c r="AB16" s="281">
        <v>101</v>
      </c>
      <c r="AC16" s="281">
        <v>89</v>
      </c>
      <c r="AD16" s="281">
        <v>178</v>
      </c>
      <c r="AE16" s="281">
        <v>113</v>
      </c>
      <c r="AF16" s="281">
        <v>98</v>
      </c>
      <c r="AG16" s="278">
        <v>579</v>
      </c>
      <c r="AH16" s="283">
        <v>610</v>
      </c>
      <c r="AI16" s="277">
        <v>0</v>
      </c>
      <c r="AJ16" s="281">
        <v>0</v>
      </c>
      <c r="AK16" s="278">
        <v>0</v>
      </c>
      <c r="AL16" s="280">
        <v>0</v>
      </c>
      <c r="AM16" s="281">
        <v>0</v>
      </c>
      <c r="AN16" s="281">
        <v>60</v>
      </c>
      <c r="AO16" s="281">
        <v>16</v>
      </c>
      <c r="AP16" s="281">
        <v>0</v>
      </c>
      <c r="AQ16" s="281">
        <v>32</v>
      </c>
      <c r="AR16" s="278">
        <v>108</v>
      </c>
      <c r="AS16" s="283">
        <v>108</v>
      </c>
      <c r="AT16" s="277">
        <v>0</v>
      </c>
      <c r="AU16" s="281">
        <v>0</v>
      </c>
      <c r="AV16" s="278">
        <v>0</v>
      </c>
      <c r="AW16" s="280">
        <v>0</v>
      </c>
      <c r="AX16" s="281">
        <v>119</v>
      </c>
      <c r="AY16" s="281">
        <v>162</v>
      </c>
      <c r="AZ16" s="281">
        <v>138</v>
      </c>
      <c r="BA16" s="281">
        <v>53</v>
      </c>
      <c r="BB16" s="281">
        <v>8</v>
      </c>
      <c r="BC16" s="282">
        <v>480</v>
      </c>
      <c r="BD16" s="283">
        <v>480</v>
      </c>
      <c r="BE16" s="277">
        <v>0</v>
      </c>
      <c r="BF16" s="281">
        <v>0</v>
      </c>
      <c r="BG16" s="278">
        <v>0</v>
      </c>
      <c r="BH16" s="280">
        <v>0</v>
      </c>
      <c r="BI16" s="281">
        <v>10</v>
      </c>
      <c r="BJ16" s="281">
        <v>19</v>
      </c>
      <c r="BK16" s="281">
        <v>28</v>
      </c>
      <c r="BL16" s="281">
        <v>9</v>
      </c>
      <c r="BM16" s="281">
        <v>1</v>
      </c>
      <c r="BN16" s="278">
        <v>67</v>
      </c>
      <c r="BO16" s="283">
        <v>67</v>
      </c>
      <c r="BP16" s="277">
        <v>0</v>
      </c>
      <c r="BQ16" s="281">
        <v>0</v>
      </c>
      <c r="BR16" s="278">
        <v>0</v>
      </c>
      <c r="BS16" s="280">
        <v>0</v>
      </c>
      <c r="BT16" s="281">
        <v>15</v>
      </c>
      <c r="BU16" s="281">
        <v>4</v>
      </c>
      <c r="BV16" s="281">
        <v>53</v>
      </c>
      <c r="BW16" s="281">
        <v>15</v>
      </c>
      <c r="BX16" s="281">
        <v>34</v>
      </c>
      <c r="BY16" s="278">
        <v>121</v>
      </c>
      <c r="BZ16" s="283">
        <v>121</v>
      </c>
      <c r="CA16" s="277">
        <v>0</v>
      </c>
      <c r="CB16" s="281">
        <v>0</v>
      </c>
      <c r="CC16" s="278">
        <v>0</v>
      </c>
      <c r="CD16" s="280">
        <v>0</v>
      </c>
      <c r="CE16" s="281">
        <v>0</v>
      </c>
      <c r="CF16" s="281">
        <v>0</v>
      </c>
      <c r="CG16" s="281">
        <v>0</v>
      </c>
      <c r="CH16" s="281">
        <v>0</v>
      </c>
      <c r="CI16" s="281">
        <v>0</v>
      </c>
      <c r="CJ16" s="278">
        <v>0</v>
      </c>
      <c r="CK16" s="283">
        <v>0</v>
      </c>
      <c r="CL16" s="277">
        <v>0</v>
      </c>
      <c r="CM16" s="281">
        <v>0</v>
      </c>
      <c r="CN16" s="278">
        <v>0</v>
      </c>
      <c r="CO16" s="280">
        <v>0</v>
      </c>
      <c r="CP16" s="281">
        <v>0</v>
      </c>
      <c r="CQ16" s="281">
        <v>0</v>
      </c>
      <c r="CR16" s="281">
        <v>0</v>
      </c>
      <c r="CS16" s="281">
        <v>0</v>
      </c>
      <c r="CT16" s="281">
        <v>0</v>
      </c>
      <c r="CU16" s="278">
        <v>0</v>
      </c>
      <c r="CV16" s="283">
        <v>0</v>
      </c>
      <c r="CW16" s="277">
        <v>0</v>
      </c>
      <c r="CX16" s="281">
        <v>0</v>
      </c>
      <c r="CY16" s="278">
        <v>0</v>
      </c>
      <c r="CZ16" s="280">
        <v>0</v>
      </c>
      <c r="DA16" s="281">
        <v>0</v>
      </c>
      <c r="DB16" s="281">
        <v>0</v>
      </c>
      <c r="DC16" s="281">
        <v>0</v>
      </c>
      <c r="DD16" s="281">
        <v>0</v>
      </c>
      <c r="DE16" s="281">
        <v>0</v>
      </c>
      <c r="DF16" s="278">
        <v>0</v>
      </c>
      <c r="DG16" s="283">
        <v>0</v>
      </c>
    </row>
    <row r="17" spans="1:111" ht="18.75" customHeight="1" x14ac:dyDescent="0.2">
      <c r="A17" s="262" t="s">
        <v>15</v>
      </c>
      <c r="B17" s="277">
        <v>0</v>
      </c>
      <c r="C17" s="278">
        <v>0</v>
      </c>
      <c r="D17" s="279">
        <v>0</v>
      </c>
      <c r="E17" s="280">
        <v>0</v>
      </c>
      <c r="F17" s="281">
        <v>30</v>
      </c>
      <c r="G17" s="281">
        <v>41</v>
      </c>
      <c r="H17" s="281">
        <v>30</v>
      </c>
      <c r="I17" s="281">
        <v>0</v>
      </c>
      <c r="J17" s="281">
        <v>136</v>
      </c>
      <c r="K17" s="282">
        <v>237</v>
      </c>
      <c r="L17" s="283">
        <v>237</v>
      </c>
      <c r="M17" s="277">
        <v>0</v>
      </c>
      <c r="N17" s="281">
        <v>0</v>
      </c>
      <c r="O17" s="278">
        <v>0</v>
      </c>
      <c r="P17" s="280">
        <v>0</v>
      </c>
      <c r="Q17" s="281">
        <v>0</v>
      </c>
      <c r="R17" s="281">
        <v>0</v>
      </c>
      <c r="S17" s="281">
        <v>0</v>
      </c>
      <c r="T17" s="281">
        <v>0</v>
      </c>
      <c r="U17" s="281">
        <v>23</v>
      </c>
      <c r="V17" s="278">
        <v>23</v>
      </c>
      <c r="W17" s="283">
        <v>23</v>
      </c>
      <c r="X17" s="277">
        <v>0</v>
      </c>
      <c r="Y17" s="281">
        <v>0</v>
      </c>
      <c r="Z17" s="278">
        <v>0</v>
      </c>
      <c r="AA17" s="280">
        <v>0</v>
      </c>
      <c r="AB17" s="281">
        <v>2</v>
      </c>
      <c r="AC17" s="281">
        <v>35</v>
      </c>
      <c r="AD17" s="281">
        <v>29</v>
      </c>
      <c r="AE17" s="281">
        <v>7</v>
      </c>
      <c r="AF17" s="281">
        <v>61</v>
      </c>
      <c r="AG17" s="278">
        <v>134</v>
      </c>
      <c r="AH17" s="283">
        <v>134</v>
      </c>
      <c r="AI17" s="277">
        <v>0</v>
      </c>
      <c r="AJ17" s="281">
        <v>0</v>
      </c>
      <c r="AK17" s="278">
        <v>0</v>
      </c>
      <c r="AL17" s="280">
        <v>0</v>
      </c>
      <c r="AM17" s="281">
        <v>0</v>
      </c>
      <c r="AN17" s="281">
        <v>0</v>
      </c>
      <c r="AO17" s="281">
        <v>0</v>
      </c>
      <c r="AP17" s="281">
        <v>0</v>
      </c>
      <c r="AQ17" s="281">
        <v>0</v>
      </c>
      <c r="AR17" s="278">
        <v>0</v>
      </c>
      <c r="AS17" s="283">
        <v>0</v>
      </c>
      <c r="AT17" s="277">
        <v>0</v>
      </c>
      <c r="AU17" s="281">
        <v>0</v>
      </c>
      <c r="AV17" s="278">
        <v>0</v>
      </c>
      <c r="AW17" s="280">
        <v>0</v>
      </c>
      <c r="AX17" s="281">
        <v>32</v>
      </c>
      <c r="AY17" s="281">
        <v>14</v>
      </c>
      <c r="AZ17" s="281">
        <v>40</v>
      </c>
      <c r="BA17" s="281">
        <v>15</v>
      </c>
      <c r="BB17" s="281">
        <v>0</v>
      </c>
      <c r="BC17" s="282">
        <v>101</v>
      </c>
      <c r="BD17" s="283">
        <v>101</v>
      </c>
      <c r="BE17" s="277">
        <v>0</v>
      </c>
      <c r="BF17" s="281">
        <v>0</v>
      </c>
      <c r="BG17" s="278">
        <v>0</v>
      </c>
      <c r="BH17" s="280">
        <v>0</v>
      </c>
      <c r="BI17" s="281">
        <v>13</v>
      </c>
      <c r="BJ17" s="281">
        <v>15</v>
      </c>
      <c r="BK17" s="281">
        <v>17</v>
      </c>
      <c r="BL17" s="281">
        <v>16</v>
      </c>
      <c r="BM17" s="281">
        <v>13</v>
      </c>
      <c r="BN17" s="278">
        <v>74</v>
      </c>
      <c r="BO17" s="283">
        <v>74</v>
      </c>
      <c r="BP17" s="277">
        <v>0</v>
      </c>
      <c r="BQ17" s="281">
        <v>0</v>
      </c>
      <c r="BR17" s="278">
        <v>0</v>
      </c>
      <c r="BS17" s="280">
        <v>0</v>
      </c>
      <c r="BT17" s="281">
        <v>0</v>
      </c>
      <c r="BU17" s="281">
        <v>6</v>
      </c>
      <c r="BV17" s="281">
        <v>7</v>
      </c>
      <c r="BW17" s="281">
        <v>67</v>
      </c>
      <c r="BX17" s="281">
        <v>1</v>
      </c>
      <c r="BY17" s="278">
        <v>81</v>
      </c>
      <c r="BZ17" s="283">
        <v>81</v>
      </c>
      <c r="CA17" s="277">
        <v>0</v>
      </c>
      <c r="CB17" s="281">
        <v>0</v>
      </c>
      <c r="CC17" s="278">
        <v>0</v>
      </c>
      <c r="CD17" s="280">
        <v>0</v>
      </c>
      <c r="CE17" s="281">
        <v>0</v>
      </c>
      <c r="CF17" s="281">
        <v>3</v>
      </c>
      <c r="CG17" s="281">
        <v>0</v>
      </c>
      <c r="CH17" s="281">
        <v>0</v>
      </c>
      <c r="CI17" s="281">
        <v>0</v>
      </c>
      <c r="CJ17" s="278">
        <v>3</v>
      </c>
      <c r="CK17" s="283">
        <v>3</v>
      </c>
      <c r="CL17" s="277">
        <v>0</v>
      </c>
      <c r="CM17" s="281">
        <v>0</v>
      </c>
      <c r="CN17" s="278">
        <v>0</v>
      </c>
      <c r="CO17" s="280">
        <v>0</v>
      </c>
      <c r="CP17" s="281">
        <v>0</v>
      </c>
      <c r="CQ17" s="281">
        <v>0</v>
      </c>
      <c r="CR17" s="281">
        <v>0</v>
      </c>
      <c r="CS17" s="281">
        <v>0</v>
      </c>
      <c r="CT17" s="281">
        <v>0</v>
      </c>
      <c r="CU17" s="278">
        <v>0</v>
      </c>
      <c r="CV17" s="283">
        <v>0</v>
      </c>
      <c r="CW17" s="277">
        <v>0</v>
      </c>
      <c r="CX17" s="281">
        <v>0</v>
      </c>
      <c r="CY17" s="278">
        <v>0</v>
      </c>
      <c r="CZ17" s="280">
        <v>0</v>
      </c>
      <c r="DA17" s="281">
        <v>0</v>
      </c>
      <c r="DB17" s="281">
        <v>0</v>
      </c>
      <c r="DC17" s="281">
        <v>0</v>
      </c>
      <c r="DD17" s="281">
        <v>0</v>
      </c>
      <c r="DE17" s="281">
        <v>0</v>
      </c>
      <c r="DF17" s="278">
        <v>0</v>
      </c>
      <c r="DG17" s="283">
        <v>0</v>
      </c>
    </row>
    <row r="18" spans="1:111" ht="18.75" customHeight="1" x14ac:dyDescent="0.2">
      <c r="A18" s="262" t="s">
        <v>16</v>
      </c>
      <c r="B18" s="277">
        <v>0</v>
      </c>
      <c r="C18" s="278">
        <v>0</v>
      </c>
      <c r="D18" s="279">
        <v>0</v>
      </c>
      <c r="E18" s="280">
        <v>0</v>
      </c>
      <c r="F18" s="281">
        <v>63</v>
      </c>
      <c r="G18" s="281">
        <v>177</v>
      </c>
      <c r="H18" s="281">
        <v>200</v>
      </c>
      <c r="I18" s="281">
        <v>132</v>
      </c>
      <c r="J18" s="281">
        <v>93</v>
      </c>
      <c r="K18" s="282">
        <v>665</v>
      </c>
      <c r="L18" s="283">
        <v>665</v>
      </c>
      <c r="M18" s="277">
        <v>0</v>
      </c>
      <c r="N18" s="281">
        <v>0</v>
      </c>
      <c r="O18" s="278">
        <v>0</v>
      </c>
      <c r="P18" s="280">
        <v>0</v>
      </c>
      <c r="Q18" s="281">
        <v>0</v>
      </c>
      <c r="R18" s="281">
        <v>4</v>
      </c>
      <c r="S18" s="281">
        <v>6</v>
      </c>
      <c r="T18" s="281">
        <v>0</v>
      </c>
      <c r="U18" s="281">
        <v>13</v>
      </c>
      <c r="V18" s="278">
        <v>23</v>
      </c>
      <c r="W18" s="283">
        <v>23</v>
      </c>
      <c r="X18" s="277">
        <v>3</v>
      </c>
      <c r="Y18" s="281">
        <v>6</v>
      </c>
      <c r="Z18" s="278">
        <v>9</v>
      </c>
      <c r="AA18" s="280">
        <v>0</v>
      </c>
      <c r="AB18" s="281">
        <v>32</v>
      </c>
      <c r="AC18" s="281">
        <v>176</v>
      </c>
      <c r="AD18" s="281">
        <v>64</v>
      </c>
      <c r="AE18" s="281">
        <v>27</v>
      </c>
      <c r="AF18" s="281">
        <v>16</v>
      </c>
      <c r="AG18" s="278">
        <v>315</v>
      </c>
      <c r="AH18" s="283">
        <v>324</v>
      </c>
      <c r="AI18" s="277">
        <v>0</v>
      </c>
      <c r="AJ18" s="281">
        <v>0</v>
      </c>
      <c r="AK18" s="278">
        <v>0</v>
      </c>
      <c r="AL18" s="280">
        <v>0</v>
      </c>
      <c r="AM18" s="281">
        <v>0</v>
      </c>
      <c r="AN18" s="281">
        <v>0</v>
      </c>
      <c r="AO18" s="281">
        <v>24</v>
      </c>
      <c r="AP18" s="281">
        <v>0</v>
      </c>
      <c r="AQ18" s="281">
        <v>12</v>
      </c>
      <c r="AR18" s="278">
        <v>36</v>
      </c>
      <c r="AS18" s="283">
        <v>36</v>
      </c>
      <c r="AT18" s="277">
        <v>0</v>
      </c>
      <c r="AU18" s="281">
        <v>0</v>
      </c>
      <c r="AV18" s="278">
        <v>0</v>
      </c>
      <c r="AW18" s="280">
        <v>0</v>
      </c>
      <c r="AX18" s="281">
        <v>149</v>
      </c>
      <c r="AY18" s="281">
        <v>191</v>
      </c>
      <c r="AZ18" s="281">
        <v>89</v>
      </c>
      <c r="BA18" s="281">
        <v>22</v>
      </c>
      <c r="BB18" s="281">
        <v>14</v>
      </c>
      <c r="BC18" s="282">
        <v>465</v>
      </c>
      <c r="BD18" s="283">
        <v>465</v>
      </c>
      <c r="BE18" s="277">
        <v>0</v>
      </c>
      <c r="BF18" s="281">
        <v>0</v>
      </c>
      <c r="BG18" s="278">
        <v>0</v>
      </c>
      <c r="BH18" s="280">
        <v>0</v>
      </c>
      <c r="BI18" s="281">
        <v>69</v>
      </c>
      <c r="BJ18" s="281">
        <v>156</v>
      </c>
      <c r="BK18" s="281">
        <v>53</v>
      </c>
      <c r="BL18" s="281">
        <v>0</v>
      </c>
      <c r="BM18" s="281">
        <v>0</v>
      </c>
      <c r="BN18" s="278">
        <v>278</v>
      </c>
      <c r="BO18" s="283">
        <v>278</v>
      </c>
      <c r="BP18" s="277">
        <v>0</v>
      </c>
      <c r="BQ18" s="281">
        <v>0</v>
      </c>
      <c r="BR18" s="278">
        <v>0</v>
      </c>
      <c r="BS18" s="280">
        <v>0</v>
      </c>
      <c r="BT18" s="281">
        <v>21</v>
      </c>
      <c r="BU18" s="281">
        <v>19</v>
      </c>
      <c r="BV18" s="281">
        <v>8</v>
      </c>
      <c r="BW18" s="281">
        <v>3</v>
      </c>
      <c r="BX18" s="281">
        <v>11</v>
      </c>
      <c r="BY18" s="278">
        <v>62</v>
      </c>
      <c r="BZ18" s="283">
        <v>62</v>
      </c>
      <c r="CA18" s="277">
        <v>0</v>
      </c>
      <c r="CB18" s="281">
        <v>0</v>
      </c>
      <c r="CC18" s="278">
        <v>0</v>
      </c>
      <c r="CD18" s="280">
        <v>0</v>
      </c>
      <c r="CE18" s="281">
        <v>12</v>
      </c>
      <c r="CF18" s="281">
        <v>0</v>
      </c>
      <c r="CG18" s="281">
        <v>0</v>
      </c>
      <c r="CH18" s="281">
        <v>0</v>
      </c>
      <c r="CI18" s="281">
        <v>0</v>
      </c>
      <c r="CJ18" s="278">
        <v>12</v>
      </c>
      <c r="CK18" s="283">
        <v>12</v>
      </c>
      <c r="CL18" s="277">
        <v>0</v>
      </c>
      <c r="CM18" s="281">
        <v>0</v>
      </c>
      <c r="CN18" s="278">
        <v>0</v>
      </c>
      <c r="CO18" s="280">
        <v>0</v>
      </c>
      <c r="CP18" s="281">
        <v>0</v>
      </c>
      <c r="CQ18" s="281">
        <v>0</v>
      </c>
      <c r="CR18" s="281">
        <v>0</v>
      </c>
      <c r="CS18" s="281">
        <v>0</v>
      </c>
      <c r="CT18" s="281">
        <v>0</v>
      </c>
      <c r="CU18" s="278">
        <v>0</v>
      </c>
      <c r="CV18" s="283">
        <v>0</v>
      </c>
      <c r="CW18" s="277">
        <v>0</v>
      </c>
      <c r="CX18" s="281">
        <v>0</v>
      </c>
      <c r="CY18" s="278">
        <v>0</v>
      </c>
      <c r="CZ18" s="280">
        <v>0</v>
      </c>
      <c r="DA18" s="281">
        <v>0</v>
      </c>
      <c r="DB18" s="281">
        <v>0</v>
      </c>
      <c r="DC18" s="281">
        <v>0</v>
      </c>
      <c r="DD18" s="281">
        <v>0</v>
      </c>
      <c r="DE18" s="281">
        <v>0</v>
      </c>
      <c r="DF18" s="278">
        <v>0</v>
      </c>
      <c r="DG18" s="283">
        <v>0</v>
      </c>
    </row>
    <row r="19" spans="1:111" ht="18.75" customHeight="1" x14ac:dyDescent="0.2">
      <c r="A19" s="262" t="s">
        <v>17</v>
      </c>
      <c r="B19" s="277">
        <v>0</v>
      </c>
      <c r="C19" s="278">
        <v>0</v>
      </c>
      <c r="D19" s="279">
        <v>0</v>
      </c>
      <c r="E19" s="280">
        <v>0</v>
      </c>
      <c r="F19" s="281">
        <v>50</v>
      </c>
      <c r="G19" s="281">
        <v>324</v>
      </c>
      <c r="H19" s="281">
        <v>491</v>
      </c>
      <c r="I19" s="281">
        <v>175</v>
      </c>
      <c r="J19" s="281">
        <v>424</v>
      </c>
      <c r="K19" s="282">
        <v>1464</v>
      </c>
      <c r="L19" s="283">
        <v>1464</v>
      </c>
      <c r="M19" s="277">
        <v>0</v>
      </c>
      <c r="N19" s="281">
        <v>0</v>
      </c>
      <c r="O19" s="278">
        <v>0</v>
      </c>
      <c r="P19" s="280">
        <v>0</v>
      </c>
      <c r="Q19" s="281">
        <v>0</v>
      </c>
      <c r="R19" s="281">
        <v>14</v>
      </c>
      <c r="S19" s="281">
        <v>3</v>
      </c>
      <c r="T19" s="281">
        <v>15</v>
      </c>
      <c r="U19" s="281">
        <v>22</v>
      </c>
      <c r="V19" s="278">
        <v>54</v>
      </c>
      <c r="W19" s="283">
        <v>54</v>
      </c>
      <c r="X19" s="277">
        <v>29</v>
      </c>
      <c r="Y19" s="281">
        <v>67</v>
      </c>
      <c r="Z19" s="278">
        <v>96</v>
      </c>
      <c r="AA19" s="280">
        <v>0</v>
      </c>
      <c r="AB19" s="281">
        <v>81</v>
      </c>
      <c r="AC19" s="281">
        <v>188</v>
      </c>
      <c r="AD19" s="281">
        <v>129</v>
      </c>
      <c r="AE19" s="281">
        <v>45</v>
      </c>
      <c r="AF19" s="281">
        <v>115</v>
      </c>
      <c r="AG19" s="278">
        <v>558</v>
      </c>
      <c r="AH19" s="283">
        <v>654</v>
      </c>
      <c r="AI19" s="277">
        <v>0</v>
      </c>
      <c r="AJ19" s="281">
        <v>0</v>
      </c>
      <c r="AK19" s="278">
        <v>0</v>
      </c>
      <c r="AL19" s="280">
        <v>0</v>
      </c>
      <c r="AM19" s="281">
        <v>0</v>
      </c>
      <c r="AN19" s="281">
        <v>18</v>
      </c>
      <c r="AO19" s="281">
        <v>30</v>
      </c>
      <c r="AP19" s="281">
        <v>8</v>
      </c>
      <c r="AQ19" s="281">
        <v>0</v>
      </c>
      <c r="AR19" s="278">
        <v>56</v>
      </c>
      <c r="AS19" s="283">
        <v>56</v>
      </c>
      <c r="AT19" s="277">
        <v>0</v>
      </c>
      <c r="AU19" s="281">
        <v>0</v>
      </c>
      <c r="AV19" s="278">
        <v>0</v>
      </c>
      <c r="AW19" s="280">
        <v>0</v>
      </c>
      <c r="AX19" s="281">
        <v>245</v>
      </c>
      <c r="AY19" s="281">
        <v>310</v>
      </c>
      <c r="AZ19" s="281">
        <v>169</v>
      </c>
      <c r="BA19" s="281">
        <v>47</v>
      </c>
      <c r="BB19" s="281">
        <v>41</v>
      </c>
      <c r="BC19" s="282">
        <v>812</v>
      </c>
      <c r="BD19" s="283">
        <v>812</v>
      </c>
      <c r="BE19" s="277">
        <v>0</v>
      </c>
      <c r="BF19" s="281">
        <v>0</v>
      </c>
      <c r="BG19" s="278">
        <v>0</v>
      </c>
      <c r="BH19" s="280">
        <v>0</v>
      </c>
      <c r="BI19" s="281">
        <v>54</v>
      </c>
      <c r="BJ19" s="281">
        <v>21</v>
      </c>
      <c r="BK19" s="281">
        <v>23</v>
      </c>
      <c r="BL19" s="281">
        <v>20</v>
      </c>
      <c r="BM19" s="281">
        <v>16</v>
      </c>
      <c r="BN19" s="278">
        <v>134</v>
      </c>
      <c r="BO19" s="283">
        <v>134</v>
      </c>
      <c r="BP19" s="277">
        <v>0</v>
      </c>
      <c r="BQ19" s="281">
        <v>0</v>
      </c>
      <c r="BR19" s="278">
        <v>0</v>
      </c>
      <c r="BS19" s="280">
        <v>0</v>
      </c>
      <c r="BT19" s="281">
        <v>44</v>
      </c>
      <c r="BU19" s="281">
        <v>64</v>
      </c>
      <c r="BV19" s="281">
        <v>53</v>
      </c>
      <c r="BW19" s="281">
        <v>55</v>
      </c>
      <c r="BX19" s="281">
        <v>9</v>
      </c>
      <c r="BY19" s="278">
        <v>225</v>
      </c>
      <c r="BZ19" s="283">
        <v>225</v>
      </c>
      <c r="CA19" s="277">
        <v>0</v>
      </c>
      <c r="CB19" s="281">
        <v>0</v>
      </c>
      <c r="CC19" s="278">
        <v>0</v>
      </c>
      <c r="CD19" s="280">
        <v>0</v>
      </c>
      <c r="CE19" s="281">
        <v>4</v>
      </c>
      <c r="CF19" s="281">
        <v>0</v>
      </c>
      <c r="CG19" s="281">
        <v>0</v>
      </c>
      <c r="CH19" s="281">
        <v>0</v>
      </c>
      <c r="CI19" s="281">
        <v>0</v>
      </c>
      <c r="CJ19" s="278">
        <v>4</v>
      </c>
      <c r="CK19" s="283">
        <v>4</v>
      </c>
      <c r="CL19" s="277">
        <v>0</v>
      </c>
      <c r="CM19" s="281">
        <v>0</v>
      </c>
      <c r="CN19" s="278">
        <v>0</v>
      </c>
      <c r="CO19" s="280">
        <v>0</v>
      </c>
      <c r="CP19" s="281">
        <v>0</v>
      </c>
      <c r="CQ19" s="281">
        <v>0</v>
      </c>
      <c r="CR19" s="281">
        <v>0</v>
      </c>
      <c r="CS19" s="281">
        <v>0</v>
      </c>
      <c r="CT19" s="281">
        <v>0</v>
      </c>
      <c r="CU19" s="278">
        <v>0</v>
      </c>
      <c r="CV19" s="283">
        <v>0</v>
      </c>
      <c r="CW19" s="277">
        <v>0</v>
      </c>
      <c r="CX19" s="281">
        <v>0</v>
      </c>
      <c r="CY19" s="278">
        <v>0</v>
      </c>
      <c r="CZ19" s="280">
        <v>0</v>
      </c>
      <c r="DA19" s="281">
        <v>0</v>
      </c>
      <c r="DB19" s="281">
        <v>0</v>
      </c>
      <c r="DC19" s="281">
        <v>0</v>
      </c>
      <c r="DD19" s="281">
        <v>0</v>
      </c>
      <c r="DE19" s="281">
        <v>0</v>
      </c>
      <c r="DF19" s="278">
        <v>0</v>
      </c>
      <c r="DG19" s="283">
        <v>0</v>
      </c>
    </row>
    <row r="20" spans="1:111" ht="18.75" customHeight="1" x14ac:dyDescent="0.2">
      <c r="A20" s="262" t="s">
        <v>18</v>
      </c>
      <c r="B20" s="277">
        <v>0</v>
      </c>
      <c r="C20" s="278">
        <v>0</v>
      </c>
      <c r="D20" s="279">
        <v>0</v>
      </c>
      <c r="E20" s="280">
        <v>0</v>
      </c>
      <c r="F20" s="281">
        <v>225</v>
      </c>
      <c r="G20" s="281">
        <v>376</v>
      </c>
      <c r="H20" s="281">
        <v>664</v>
      </c>
      <c r="I20" s="281">
        <v>885</v>
      </c>
      <c r="J20" s="281">
        <v>446</v>
      </c>
      <c r="K20" s="282">
        <v>2596</v>
      </c>
      <c r="L20" s="283">
        <v>2596</v>
      </c>
      <c r="M20" s="277">
        <v>0</v>
      </c>
      <c r="N20" s="281">
        <v>0</v>
      </c>
      <c r="O20" s="278">
        <v>0</v>
      </c>
      <c r="P20" s="280">
        <v>0</v>
      </c>
      <c r="Q20" s="281">
        <v>0</v>
      </c>
      <c r="R20" s="281">
        <v>4</v>
      </c>
      <c r="S20" s="281">
        <v>6</v>
      </c>
      <c r="T20" s="281">
        <v>17</v>
      </c>
      <c r="U20" s="281">
        <v>21</v>
      </c>
      <c r="V20" s="278">
        <v>48</v>
      </c>
      <c r="W20" s="283">
        <v>48</v>
      </c>
      <c r="X20" s="277">
        <v>33</v>
      </c>
      <c r="Y20" s="281">
        <v>54</v>
      </c>
      <c r="Z20" s="278">
        <v>87</v>
      </c>
      <c r="AA20" s="280">
        <v>0</v>
      </c>
      <c r="AB20" s="281">
        <v>128</v>
      </c>
      <c r="AC20" s="281">
        <v>239</v>
      </c>
      <c r="AD20" s="281">
        <v>147</v>
      </c>
      <c r="AE20" s="281">
        <v>270</v>
      </c>
      <c r="AF20" s="281">
        <v>103</v>
      </c>
      <c r="AG20" s="278">
        <v>887</v>
      </c>
      <c r="AH20" s="283">
        <v>974</v>
      </c>
      <c r="AI20" s="277">
        <v>12</v>
      </c>
      <c r="AJ20" s="281">
        <v>0</v>
      </c>
      <c r="AK20" s="278">
        <v>12</v>
      </c>
      <c r="AL20" s="280">
        <v>0</v>
      </c>
      <c r="AM20" s="281">
        <v>23</v>
      </c>
      <c r="AN20" s="281">
        <v>48</v>
      </c>
      <c r="AO20" s="281">
        <v>32</v>
      </c>
      <c r="AP20" s="281">
        <v>54</v>
      </c>
      <c r="AQ20" s="281">
        <v>16</v>
      </c>
      <c r="AR20" s="278">
        <v>173</v>
      </c>
      <c r="AS20" s="283">
        <v>185</v>
      </c>
      <c r="AT20" s="277">
        <v>0</v>
      </c>
      <c r="AU20" s="281">
        <v>0</v>
      </c>
      <c r="AV20" s="278">
        <v>0</v>
      </c>
      <c r="AW20" s="280">
        <v>0</v>
      </c>
      <c r="AX20" s="281">
        <v>317</v>
      </c>
      <c r="AY20" s="281">
        <v>518</v>
      </c>
      <c r="AZ20" s="281">
        <v>142</v>
      </c>
      <c r="BA20" s="281">
        <v>166</v>
      </c>
      <c r="BB20" s="281">
        <v>43</v>
      </c>
      <c r="BC20" s="282">
        <v>1186</v>
      </c>
      <c r="BD20" s="283">
        <v>1186</v>
      </c>
      <c r="BE20" s="277">
        <v>0</v>
      </c>
      <c r="BF20" s="281">
        <v>0</v>
      </c>
      <c r="BG20" s="278">
        <v>0</v>
      </c>
      <c r="BH20" s="280">
        <v>0</v>
      </c>
      <c r="BI20" s="281">
        <v>79</v>
      </c>
      <c r="BJ20" s="281">
        <v>137</v>
      </c>
      <c r="BK20" s="281">
        <v>44</v>
      </c>
      <c r="BL20" s="281">
        <v>60</v>
      </c>
      <c r="BM20" s="281">
        <v>2</v>
      </c>
      <c r="BN20" s="278">
        <v>322</v>
      </c>
      <c r="BO20" s="283">
        <v>322</v>
      </c>
      <c r="BP20" s="277">
        <v>0</v>
      </c>
      <c r="BQ20" s="281">
        <v>0</v>
      </c>
      <c r="BR20" s="278">
        <v>0</v>
      </c>
      <c r="BS20" s="280">
        <v>0</v>
      </c>
      <c r="BT20" s="281">
        <v>4</v>
      </c>
      <c r="BU20" s="281">
        <v>121</v>
      </c>
      <c r="BV20" s="281">
        <v>133</v>
      </c>
      <c r="BW20" s="281">
        <v>64</v>
      </c>
      <c r="BX20" s="281">
        <v>27</v>
      </c>
      <c r="BY20" s="278">
        <v>349</v>
      </c>
      <c r="BZ20" s="283">
        <v>349</v>
      </c>
      <c r="CA20" s="277">
        <v>0</v>
      </c>
      <c r="CB20" s="281">
        <v>0</v>
      </c>
      <c r="CC20" s="278">
        <v>0</v>
      </c>
      <c r="CD20" s="280">
        <v>0</v>
      </c>
      <c r="CE20" s="281">
        <v>0</v>
      </c>
      <c r="CF20" s="281">
        <v>0</v>
      </c>
      <c r="CG20" s="281">
        <v>0</v>
      </c>
      <c r="CH20" s="281">
        <v>0</v>
      </c>
      <c r="CI20" s="281">
        <v>5</v>
      </c>
      <c r="CJ20" s="278">
        <v>5</v>
      </c>
      <c r="CK20" s="283">
        <v>5</v>
      </c>
      <c r="CL20" s="277">
        <v>0</v>
      </c>
      <c r="CM20" s="281">
        <v>0</v>
      </c>
      <c r="CN20" s="278">
        <v>0</v>
      </c>
      <c r="CO20" s="280">
        <v>0</v>
      </c>
      <c r="CP20" s="281">
        <v>0</v>
      </c>
      <c r="CQ20" s="281">
        <v>0</v>
      </c>
      <c r="CR20" s="281">
        <v>0</v>
      </c>
      <c r="CS20" s="281">
        <v>0</v>
      </c>
      <c r="CT20" s="281">
        <v>0</v>
      </c>
      <c r="CU20" s="278">
        <v>0</v>
      </c>
      <c r="CV20" s="283">
        <v>0</v>
      </c>
      <c r="CW20" s="277">
        <v>0</v>
      </c>
      <c r="CX20" s="281">
        <v>0</v>
      </c>
      <c r="CY20" s="278">
        <v>0</v>
      </c>
      <c r="CZ20" s="280">
        <v>0</v>
      </c>
      <c r="DA20" s="281">
        <v>0</v>
      </c>
      <c r="DB20" s="281">
        <v>0</v>
      </c>
      <c r="DC20" s="281">
        <v>0</v>
      </c>
      <c r="DD20" s="281">
        <v>0</v>
      </c>
      <c r="DE20" s="281">
        <v>0</v>
      </c>
      <c r="DF20" s="278">
        <v>0</v>
      </c>
      <c r="DG20" s="283">
        <v>0</v>
      </c>
    </row>
    <row r="21" spans="1:111" ht="18.75" customHeight="1" x14ac:dyDescent="0.2">
      <c r="A21" s="262" t="s">
        <v>19</v>
      </c>
      <c r="B21" s="277">
        <v>0</v>
      </c>
      <c r="C21" s="278">
        <v>0</v>
      </c>
      <c r="D21" s="279">
        <v>0</v>
      </c>
      <c r="E21" s="280">
        <v>0</v>
      </c>
      <c r="F21" s="281">
        <v>52</v>
      </c>
      <c r="G21" s="281">
        <v>170</v>
      </c>
      <c r="H21" s="281">
        <v>238</v>
      </c>
      <c r="I21" s="281">
        <v>114</v>
      </c>
      <c r="J21" s="281">
        <v>20</v>
      </c>
      <c r="K21" s="282">
        <v>594</v>
      </c>
      <c r="L21" s="283">
        <v>594</v>
      </c>
      <c r="M21" s="277">
        <v>0</v>
      </c>
      <c r="N21" s="281">
        <v>0</v>
      </c>
      <c r="O21" s="278">
        <v>0</v>
      </c>
      <c r="P21" s="280">
        <v>0</v>
      </c>
      <c r="Q21" s="281">
        <v>0</v>
      </c>
      <c r="R21" s="281">
        <v>0</v>
      </c>
      <c r="S21" s="281">
        <v>9</v>
      </c>
      <c r="T21" s="281">
        <v>3</v>
      </c>
      <c r="U21" s="281">
        <v>13</v>
      </c>
      <c r="V21" s="278">
        <v>25</v>
      </c>
      <c r="W21" s="283">
        <v>25</v>
      </c>
      <c r="X21" s="277">
        <v>15</v>
      </c>
      <c r="Y21" s="281">
        <v>17</v>
      </c>
      <c r="Z21" s="278">
        <v>32</v>
      </c>
      <c r="AA21" s="280">
        <v>0</v>
      </c>
      <c r="AB21" s="281">
        <v>49</v>
      </c>
      <c r="AC21" s="281">
        <v>117</v>
      </c>
      <c r="AD21" s="281">
        <v>33</v>
      </c>
      <c r="AE21" s="281">
        <v>81</v>
      </c>
      <c r="AF21" s="281">
        <v>66</v>
      </c>
      <c r="AG21" s="278">
        <v>346</v>
      </c>
      <c r="AH21" s="283">
        <v>378</v>
      </c>
      <c r="AI21" s="277">
        <v>0</v>
      </c>
      <c r="AJ21" s="281">
        <v>0</v>
      </c>
      <c r="AK21" s="278">
        <v>0</v>
      </c>
      <c r="AL21" s="280">
        <v>0</v>
      </c>
      <c r="AM21" s="281">
        <v>33</v>
      </c>
      <c r="AN21" s="281">
        <v>12</v>
      </c>
      <c r="AO21" s="281">
        <v>0</v>
      </c>
      <c r="AP21" s="281">
        <v>0</v>
      </c>
      <c r="AQ21" s="281">
        <v>0</v>
      </c>
      <c r="AR21" s="278">
        <v>45</v>
      </c>
      <c r="AS21" s="283">
        <v>45</v>
      </c>
      <c r="AT21" s="277">
        <v>0</v>
      </c>
      <c r="AU21" s="281">
        <v>0</v>
      </c>
      <c r="AV21" s="278">
        <v>0</v>
      </c>
      <c r="AW21" s="280">
        <v>0</v>
      </c>
      <c r="AX21" s="281">
        <v>172</v>
      </c>
      <c r="AY21" s="281">
        <v>98</v>
      </c>
      <c r="AZ21" s="281">
        <v>45</v>
      </c>
      <c r="BA21" s="281">
        <v>9</v>
      </c>
      <c r="BB21" s="281">
        <v>34</v>
      </c>
      <c r="BC21" s="282">
        <v>358</v>
      </c>
      <c r="BD21" s="283">
        <v>358</v>
      </c>
      <c r="BE21" s="277">
        <v>0</v>
      </c>
      <c r="BF21" s="281">
        <v>0</v>
      </c>
      <c r="BG21" s="278">
        <v>0</v>
      </c>
      <c r="BH21" s="280">
        <v>0</v>
      </c>
      <c r="BI21" s="281">
        <v>28</v>
      </c>
      <c r="BJ21" s="281">
        <v>25</v>
      </c>
      <c r="BK21" s="281">
        <v>21</v>
      </c>
      <c r="BL21" s="281">
        <v>49</v>
      </c>
      <c r="BM21" s="281">
        <v>13</v>
      </c>
      <c r="BN21" s="278">
        <v>136</v>
      </c>
      <c r="BO21" s="283">
        <v>136</v>
      </c>
      <c r="BP21" s="277">
        <v>0</v>
      </c>
      <c r="BQ21" s="281">
        <v>0</v>
      </c>
      <c r="BR21" s="278">
        <v>0</v>
      </c>
      <c r="BS21" s="280">
        <v>0</v>
      </c>
      <c r="BT21" s="281">
        <v>0</v>
      </c>
      <c r="BU21" s="281">
        <v>14</v>
      </c>
      <c r="BV21" s="281">
        <v>7</v>
      </c>
      <c r="BW21" s="281">
        <v>0</v>
      </c>
      <c r="BX21" s="281">
        <v>17</v>
      </c>
      <c r="BY21" s="278">
        <v>38</v>
      </c>
      <c r="BZ21" s="283">
        <v>38</v>
      </c>
      <c r="CA21" s="277">
        <v>0</v>
      </c>
      <c r="CB21" s="281">
        <v>0</v>
      </c>
      <c r="CC21" s="278">
        <v>0</v>
      </c>
      <c r="CD21" s="280">
        <v>0</v>
      </c>
      <c r="CE21" s="281">
        <v>4</v>
      </c>
      <c r="CF21" s="281">
        <v>4</v>
      </c>
      <c r="CG21" s="281">
        <v>9</v>
      </c>
      <c r="CH21" s="281">
        <v>3</v>
      </c>
      <c r="CI21" s="281">
        <v>0</v>
      </c>
      <c r="CJ21" s="278">
        <v>20</v>
      </c>
      <c r="CK21" s="283">
        <v>20</v>
      </c>
      <c r="CL21" s="277">
        <v>0</v>
      </c>
      <c r="CM21" s="281">
        <v>0</v>
      </c>
      <c r="CN21" s="278">
        <v>0</v>
      </c>
      <c r="CO21" s="280">
        <v>0</v>
      </c>
      <c r="CP21" s="281">
        <v>0</v>
      </c>
      <c r="CQ21" s="281">
        <v>0</v>
      </c>
      <c r="CR21" s="281">
        <v>0</v>
      </c>
      <c r="CS21" s="281">
        <v>0</v>
      </c>
      <c r="CT21" s="281">
        <v>0</v>
      </c>
      <c r="CU21" s="278">
        <v>0</v>
      </c>
      <c r="CV21" s="283">
        <v>0</v>
      </c>
      <c r="CW21" s="277">
        <v>0</v>
      </c>
      <c r="CX21" s="281">
        <v>0</v>
      </c>
      <c r="CY21" s="278">
        <v>0</v>
      </c>
      <c r="CZ21" s="280">
        <v>0</v>
      </c>
      <c r="DA21" s="281">
        <v>0</v>
      </c>
      <c r="DB21" s="281">
        <v>0</v>
      </c>
      <c r="DC21" s="281">
        <v>0</v>
      </c>
      <c r="DD21" s="281">
        <v>0</v>
      </c>
      <c r="DE21" s="281">
        <v>0</v>
      </c>
      <c r="DF21" s="278">
        <v>0</v>
      </c>
      <c r="DG21" s="283">
        <v>0</v>
      </c>
    </row>
    <row r="22" spans="1:111" ht="18.75" customHeight="1" x14ac:dyDescent="0.2">
      <c r="A22" s="262" t="s">
        <v>20</v>
      </c>
      <c r="B22" s="277">
        <v>0</v>
      </c>
      <c r="C22" s="278">
        <v>0</v>
      </c>
      <c r="D22" s="279">
        <v>0</v>
      </c>
      <c r="E22" s="280">
        <v>0</v>
      </c>
      <c r="F22" s="281">
        <v>157</v>
      </c>
      <c r="G22" s="281">
        <v>118</v>
      </c>
      <c r="H22" s="281">
        <v>133</v>
      </c>
      <c r="I22" s="281">
        <v>171</v>
      </c>
      <c r="J22" s="281">
        <v>267</v>
      </c>
      <c r="K22" s="282">
        <v>846</v>
      </c>
      <c r="L22" s="283">
        <v>846</v>
      </c>
      <c r="M22" s="277">
        <v>0</v>
      </c>
      <c r="N22" s="281">
        <v>0</v>
      </c>
      <c r="O22" s="278">
        <v>0</v>
      </c>
      <c r="P22" s="280">
        <v>0</v>
      </c>
      <c r="Q22" s="281">
        <v>0</v>
      </c>
      <c r="R22" s="281">
        <v>0</v>
      </c>
      <c r="S22" s="281">
        <v>0</v>
      </c>
      <c r="T22" s="281">
        <v>0</v>
      </c>
      <c r="U22" s="281">
        <v>22</v>
      </c>
      <c r="V22" s="278">
        <v>22</v>
      </c>
      <c r="W22" s="283">
        <v>22</v>
      </c>
      <c r="X22" s="277">
        <v>3</v>
      </c>
      <c r="Y22" s="281">
        <v>26</v>
      </c>
      <c r="Z22" s="278">
        <v>29</v>
      </c>
      <c r="AA22" s="280">
        <v>0</v>
      </c>
      <c r="AB22" s="281">
        <v>127</v>
      </c>
      <c r="AC22" s="281">
        <v>104</v>
      </c>
      <c r="AD22" s="281">
        <v>82</v>
      </c>
      <c r="AE22" s="281">
        <v>83</v>
      </c>
      <c r="AF22" s="281">
        <v>19</v>
      </c>
      <c r="AG22" s="278">
        <v>415</v>
      </c>
      <c r="AH22" s="283">
        <v>444</v>
      </c>
      <c r="AI22" s="277">
        <v>14</v>
      </c>
      <c r="AJ22" s="281">
        <v>16</v>
      </c>
      <c r="AK22" s="278">
        <v>30</v>
      </c>
      <c r="AL22" s="280">
        <v>0</v>
      </c>
      <c r="AM22" s="281">
        <v>16</v>
      </c>
      <c r="AN22" s="281">
        <v>62</v>
      </c>
      <c r="AO22" s="281">
        <v>36</v>
      </c>
      <c r="AP22" s="281">
        <v>0</v>
      </c>
      <c r="AQ22" s="281">
        <v>8</v>
      </c>
      <c r="AR22" s="278">
        <v>122</v>
      </c>
      <c r="AS22" s="283">
        <v>152</v>
      </c>
      <c r="AT22" s="277">
        <v>0</v>
      </c>
      <c r="AU22" s="281">
        <v>0</v>
      </c>
      <c r="AV22" s="278">
        <v>0</v>
      </c>
      <c r="AW22" s="280">
        <v>0</v>
      </c>
      <c r="AX22" s="281">
        <v>58</v>
      </c>
      <c r="AY22" s="281">
        <v>96</v>
      </c>
      <c r="AZ22" s="281">
        <v>68</v>
      </c>
      <c r="BA22" s="281">
        <v>35</v>
      </c>
      <c r="BB22" s="281">
        <v>41</v>
      </c>
      <c r="BC22" s="282">
        <v>298</v>
      </c>
      <c r="BD22" s="283">
        <v>298</v>
      </c>
      <c r="BE22" s="277">
        <v>0</v>
      </c>
      <c r="BF22" s="281">
        <v>0</v>
      </c>
      <c r="BG22" s="278">
        <v>0</v>
      </c>
      <c r="BH22" s="280">
        <v>0</v>
      </c>
      <c r="BI22" s="281">
        <v>60</v>
      </c>
      <c r="BJ22" s="281">
        <v>112</v>
      </c>
      <c r="BK22" s="281">
        <v>26</v>
      </c>
      <c r="BL22" s="281">
        <v>10</v>
      </c>
      <c r="BM22" s="281">
        <v>12</v>
      </c>
      <c r="BN22" s="278">
        <v>220</v>
      </c>
      <c r="BO22" s="283">
        <v>220</v>
      </c>
      <c r="BP22" s="277">
        <v>0</v>
      </c>
      <c r="BQ22" s="281">
        <v>0</v>
      </c>
      <c r="BR22" s="278">
        <v>0</v>
      </c>
      <c r="BS22" s="280">
        <v>0</v>
      </c>
      <c r="BT22" s="281">
        <v>7</v>
      </c>
      <c r="BU22" s="281">
        <v>2</v>
      </c>
      <c r="BV22" s="281">
        <v>63</v>
      </c>
      <c r="BW22" s="281">
        <v>50</v>
      </c>
      <c r="BX22" s="281">
        <v>41</v>
      </c>
      <c r="BY22" s="278">
        <v>163</v>
      </c>
      <c r="BZ22" s="283">
        <v>163</v>
      </c>
      <c r="CA22" s="277">
        <v>0</v>
      </c>
      <c r="CB22" s="281">
        <v>0</v>
      </c>
      <c r="CC22" s="278">
        <v>0</v>
      </c>
      <c r="CD22" s="280">
        <v>0</v>
      </c>
      <c r="CE22" s="281">
        <v>0</v>
      </c>
      <c r="CF22" s="281">
        <v>8</v>
      </c>
      <c r="CG22" s="281">
        <v>10</v>
      </c>
      <c r="CH22" s="281">
        <v>0</v>
      </c>
      <c r="CI22" s="281">
        <v>0</v>
      </c>
      <c r="CJ22" s="278">
        <v>18</v>
      </c>
      <c r="CK22" s="283">
        <v>18</v>
      </c>
      <c r="CL22" s="277">
        <v>0</v>
      </c>
      <c r="CM22" s="281">
        <v>0</v>
      </c>
      <c r="CN22" s="278">
        <v>0</v>
      </c>
      <c r="CO22" s="280">
        <v>0</v>
      </c>
      <c r="CP22" s="281">
        <v>0</v>
      </c>
      <c r="CQ22" s="281">
        <v>0</v>
      </c>
      <c r="CR22" s="281">
        <v>0</v>
      </c>
      <c r="CS22" s="281">
        <v>0</v>
      </c>
      <c r="CT22" s="281">
        <v>0</v>
      </c>
      <c r="CU22" s="278">
        <v>0</v>
      </c>
      <c r="CV22" s="283">
        <v>0</v>
      </c>
      <c r="CW22" s="277">
        <v>0</v>
      </c>
      <c r="CX22" s="281">
        <v>0</v>
      </c>
      <c r="CY22" s="278">
        <v>0</v>
      </c>
      <c r="CZ22" s="280">
        <v>0</v>
      </c>
      <c r="DA22" s="281">
        <v>0</v>
      </c>
      <c r="DB22" s="281">
        <v>0</v>
      </c>
      <c r="DC22" s="281">
        <v>0</v>
      </c>
      <c r="DD22" s="281">
        <v>0</v>
      </c>
      <c r="DE22" s="281">
        <v>0</v>
      </c>
      <c r="DF22" s="278">
        <v>0</v>
      </c>
      <c r="DG22" s="283">
        <v>0</v>
      </c>
    </row>
    <row r="23" spans="1:111" ht="18.75" customHeight="1" x14ac:dyDescent="0.2">
      <c r="A23" s="262" t="s">
        <v>21</v>
      </c>
      <c r="B23" s="277">
        <v>0</v>
      </c>
      <c r="C23" s="278">
        <v>0</v>
      </c>
      <c r="D23" s="279">
        <v>0</v>
      </c>
      <c r="E23" s="280">
        <v>0</v>
      </c>
      <c r="F23" s="281">
        <v>121</v>
      </c>
      <c r="G23" s="281">
        <v>139</v>
      </c>
      <c r="H23" s="281">
        <v>132</v>
      </c>
      <c r="I23" s="281">
        <v>108</v>
      </c>
      <c r="J23" s="281">
        <v>85</v>
      </c>
      <c r="K23" s="282">
        <v>585</v>
      </c>
      <c r="L23" s="283">
        <v>585</v>
      </c>
      <c r="M23" s="277">
        <v>0</v>
      </c>
      <c r="N23" s="281">
        <v>0</v>
      </c>
      <c r="O23" s="278">
        <v>0</v>
      </c>
      <c r="P23" s="280">
        <v>0</v>
      </c>
      <c r="Q23" s="281">
        <v>0</v>
      </c>
      <c r="R23" s="281">
        <v>1</v>
      </c>
      <c r="S23" s="281">
        <v>8</v>
      </c>
      <c r="T23" s="281">
        <v>11</v>
      </c>
      <c r="U23" s="281">
        <v>9</v>
      </c>
      <c r="V23" s="278">
        <v>29</v>
      </c>
      <c r="W23" s="283">
        <v>29</v>
      </c>
      <c r="X23" s="277">
        <v>0</v>
      </c>
      <c r="Y23" s="281">
        <v>17</v>
      </c>
      <c r="Z23" s="278">
        <v>17</v>
      </c>
      <c r="AA23" s="280">
        <v>0</v>
      </c>
      <c r="AB23" s="281">
        <v>120</v>
      </c>
      <c r="AC23" s="281">
        <v>127</v>
      </c>
      <c r="AD23" s="281">
        <v>51</v>
      </c>
      <c r="AE23" s="281">
        <v>29</v>
      </c>
      <c r="AF23" s="281">
        <v>47</v>
      </c>
      <c r="AG23" s="278">
        <v>374</v>
      </c>
      <c r="AH23" s="283">
        <v>391</v>
      </c>
      <c r="AI23" s="277">
        <v>8</v>
      </c>
      <c r="AJ23" s="281">
        <v>0</v>
      </c>
      <c r="AK23" s="278">
        <v>8</v>
      </c>
      <c r="AL23" s="280">
        <v>0</v>
      </c>
      <c r="AM23" s="281">
        <v>0</v>
      </c>
      <c r="AN23" s="281">
        <v>20</v>
      </c>
      <c r="AO23" s="281">
        <v>0</v>
      </c>
      <c r="AP23" s="281">
        <v>0</v>
      </c>
      <c r="AQ23" s="281">
        <v>12</v>
      </c>
      <c r="AR23" s="278">
        <v>32</v>
      </c>
      <c r="AS23" s="283">
        <v>40</v>
      </c>
      <c r="AT23" s="277">
        <v>0</v>
      </c>
      <c r="AU23" s="281">
        <v>0</v>
      </c>
      <c r="AV23" s="278">
        <v>0</v>
      </c>
      <c r="AW23" s="280">
        <v>0</v>
      </c>
      <c r="AX23" s="281">
        <v>148</v>
      </c>
      <c r="AY23" s="281">
        <v>129</v>
      </c>
      <c r="AZ23" s="281">
        <v>30</v>
      </c>
      <c r="BA23" s="281">
        <v>57</v>
      </c>
      <c r="BB23" s="281">
        <v>0</v>
      </c>
      <c r="BC23" s="282">
        <v>364</v>
      </c>
      <c r="BD23" s="283">
        <v>364</v>
      </c>
      <c r="BE23" s="277">
        <v>0</v>
      </c>
      <c r="BF23" s="281">
        <v>0</v>
      </c>
      <c r="BG23" s="278">
        <v>0</v>
      </c>
      <c r="BH23" s="280">
        <v>0</v>
      </c>
      <c r="BI23" s="281">
        <v>4</v>
      </c>
      <c r="BJ23" s="281">
        <v>21</v>
      </c>
      <c r="BK23" s="281">
        <v>7</v>
      </c>
      <c r="BL23" s="281">
        <v>7</v>
      </c>
      <c r="BM23" s="281">
        <v>12</v>
      </c>
      <c r="BN23" s="278">
        <v>51</v>
      </c>
      <c r="BO23" s="283">
        <v>51</v>
      </c>
      <c r="BP23" s="277">
        <v>6</v>
      </c>
      <c r="BQ23" s="281">
        <v>0</v>
      </c>
      <c r="BR23" s="278">
        <v>6</v>
      </c>
      <c r="BS23" s="280">
        <v>0</v>
      </c>
      <c r="BT23" s="281">
        <v>13</v>
      </c>
      <c r="BU23" s="281">
        <v>17</v>
      </c>
      <c r="BV23" s="281">
        <v>0</v>
      </c>
      <c r="BW23" s="281">
        <v>7</v>
      </c>
      <c r="BX23" s="281">
        <v>27</v>
      </c>
      <c r="BY23" s="278">
        <v>64</v>
      </c>
      <c r="BZ23" s="283">
        <v>70</v>
      </c>
      <c r="CA23" s="277">
        <v>0</v>
      </c>
      <c r="CB23" s="281">
        <v>0</v>
      </c>
      <c r="CC23" s="278">
        <v>0</v>
      </c>
      <c r="CD23" s="280">
        <v>0</v>
      </c>
      <c r="CE23" s="281">
        <v>0</v>
      </c>
      <c r="CF23" s="281">
        <v>6</v>
      </c>
      <c r="CG23" s="281">
        <v>0</v>
      </c>
      <c r="CH23" s="281">
        <v>0</v>
      </c>
      <c r="CI23" s="281">
        <v>17</v>
      </c>
      <c r="CJ23" s="278">
        <v>23</v>
      </c>
      <c r="CK23" s="283">
        <v>23</v>
      </c>
      <c r="CL23" s="277">
        <v>0</v>
      </c>
      <c r="CM23" s="281">
        <v>0</v>
      </c>
      <c r="CN23" s="278">
        <v>0</v>
      </c>
      <c r="CO23" s="280">
        <v>0</v>
      </c>
      <c r="CP23" s="281">
        <v>0</v>
      </c>
      <c r="CQ23" s="281">
        <v>0</v>
      </c>
      <c r="CR23" s="281">
        <v>0</v>
      </c>
      <c r="CS23" s="281">
        <v>0</v>
      </c>
      <c r="CT23" s="281">
        <v>0</v>
      </c>
      <c r="CU23" s="278">
        <v>0</v>
      </c>
      <c r="CV23" s="283">
        <v>0</v>
      </c>
      <c r="CW23" s="277">
        <v>0</v>
      </c>
      <c r="CX23" s="281">
        <v>0</v>
      </c>
      <c r="CY23" s="278">
        <v>0</v>
      </c>
      <c r="CZ23" s="280">
        <v>0</v>
      </c>
      <c r="DA23" s="281">
        <v>0</v>
      </c>
      <c r="DB23" s="281">
        <v>0</v>
      </c>
      <c r="DC23" s="281">
        <v>0</v>
      </c>
      <c r="DD23" s="281">
        <v>0</v>
      </c>
      <c r="DE23" s="281">
        <v>0</v>
      </c>
      <c r="DF23" s="278">
        <v>0</v>
      </c>
      <c r="DG23" s="283">
        <v>0</v>
      </c>
    </row>
    <row r="24" spans="1:111" ht="18.75" customHeight="1" x14ac:dyDescent="0.2">
      <c r="A24" s="262" t="s">
        <v>22</v>
      </c>
      <c r="B24" s="277">
        <v>0</v>
      </c>
      <c r="C24" s="278">
        <v>0</v>
      </c>
      <c r="D24" s="279">
        <v>0</v>
      </c>
      <c r="E24" s="280">
        <v>0</v>
      </c>
      <c r="F24" s="281">
        <v>25</v>
      </c>
      <c r="G24" s="281">
        <v>8</v>
      </c>
      <c r="H24" s="281">
        <v>128</v>
      </c>
      <c r="I24" s="281">
        <v>122</v>
      </c>
      <c r="J24" s="281">
        <v>138</v>
      </c>
      <c r="K24" s="282">
        <v>421</v>
      </c>
      <c r="L24" s="283">
        <v>421</v>
      </c>
      <c r="M24" s="277">
        <v>0</v>
      </c>
      <c r="N24" s="281">
        <v>0</v>
      </c>
      <c r="O24" s="278">
        <v>0</v>
      </c>
      <c r="P24" s="280">
        <v>0</v>
      </c>
      <c r="Q24" s="281">
        <v>0</v>
      </c>
      <c r="R24" s="281">
        <v>0</v>
      </c>
      <c r="S24" s="281">
        <v>0</v>
      </c>
      <c r="T24" s="281">
        <v>16</v>
      </c>
      <c r="U24" s="281">
        <v>31</v>
      </c>
      <c r="V24" s="278">
        <v>47</v>
      </c>
      <c r="W24" s="283">
        <v>47</v>
      </c>
      <c r="X24" s="277">
        <v>5</v>
      </c>
      <c r="Y24" s="281">
        <v>4</v>
      </c>
      <c r="Z24" s="278">
        <v>9</v>
      </c>
      <c r="AA24" s="280">
        <v>0</v>
      </c>
      <c r="AB24" s="281">
        <v>4</v>
      </c>
      <c r="AC24" s="281">
        <v>36</v>
      </c>
      <c r="AD24" s="281">
        <v>0</v>
      </c>
      <c r="AE24" s="281">
        <v>21</v>
      </c>
      <c r="AF24" s="281">
        <v>76</v>
      </c>
      <c r="AG24" s="278">
        <v>137</v>
      </c>
      <c r="AH24" s="283">
        <v>146</v>
      </c>
      <c r="AI24" s="277">
        <v>0</v>
      </c>
      <c r="AJ24" s="281">
        <v>0</v>
      </c>
      <c r="AK24" s="278">
        <v>0</v>
      </c>
      <c r="AL24" s="280">
        <v>0</v>
      </c>
      <c r="AM24" s="281">
        <v>18</v>
      </c>
      <c r="AN24" s="281">
        <v>0</v>
      </c>
      <c r="AO24" s="281">
        <v>0</v>
      </c>
      <c r="AP24" s="281">
        <v>0</v>
      </c>
      <c r="AQ24" s="281">
        <v>0</v>
      </c>
      <c r="AR24" s="278">
        <v>18</v>
      </c>
      <c r="AS24" s="283">
        <v>18</v>
      </c>
      <c r="AT24" s="277">
        <v>0</v>
      </c>
      <c r="AU24" s="281">
        <v>0</v>
      </c>
      <c r="AV24" s="278">
        <v>0</v>
      </c>
      <c r="AW24" s="280">
        <v>0</v>
      </c>
      <c r="AX24" s="281">
        <v>72</v>
      </c>
      <c r="AY24" s="281">
        <v>24</v>
      </c>
      <c r="AZ24" s="281">
        <v>25</v>
      </c>
      <c r="BA24" s="281">
        <v>52</v>
      </c>
      <c r="BB24" s="281">
        <v>25</v>
      </c>
      <c r="BC24" s="282">
        <v>198</v>
      </c>
      <c r="BD24" s="283">
        <v>198</v>
      </c>
      <c r="BE24" s="277">
        <v>0</v>
      </c>
      <c r="BF24" s="281">
        <v>0</v>
      </c>
      <c r="BG24" s="278">
        <v>0</v>
      </c>
      <c r="BH24" s="280">
        <v>0</v>
      </c>
      <c r="BI24" s="281">
        <v>0</v>
      </c>
      <c r="BJ24" s="281">
        <v>4</v>
      </c>
      <c r="BK24" s="281">
        <v>4</v>
      </c>
      <c r="BL24" s="281">
        <v>0</v>
      </c>
      <c r="BM24" s="281">
        <v>0</v>
      </c>
      <c r="BN24" s="278">
        <v>8</v>
      </c>
      <c r="BO24" s="283">
        <v>8</v>
      </c>
      <c r="BP24" s="277">
        <v>0</v>
      </c>
      <c r="BQ24" s="281">
        <v>0</v>
      </c>
      <c r="BR24" s="278">
        <v>0</v>
      </c>
      <c r="BS24" s="280">
        <v>0</v>
      </c>
      <c r="BT24" s="281">
        <v>5</v>
      </c>
      <c r="BU24" s="281">
        <v>0</v>
      </c>
      <c r="BV24" s="281">
        <v>0</v>
      </c>
      <c r="BW24" s="281">
        <v>0</v>
      </c>
      <c r="BX24" s="281">
        <v>0</v>
      </c>
      <c r="BY24" s="278">
        <v>5</v>
      </c>
      <c r="BZ24" s="283">
        <v>5</v>
      </c>
      <c r="CA24" s="277">
        <v>0</v>
      </c>
      <c r="CB24" s="281">
        <v>0</v>
      </c>
      <c r="CC24" s="278">
        <v>0</v>
      </c>
      <c r="CD24" s="280">
        <v>0</v>
      </c>
      <c r="CE24" s="281">
        <v>0</v>
      </c>
      <c r="CF24" s="281">
        <v>0</v>
      </c>
      <c r="CG24" s="281">
        <v>0</v>
      </c>
      <c r="CH24" s="281">
        <v>0</v>
      </c>
      <c r="CI24" s="281">
        <v>0</v>
      </c>
      <c r="CJ24" s="278">
        <v>0</v>
      </c>
      <c r="CK24" s="283">
        <v>0</v>
      </c>
      <c r="CL24" s="277">
        <v>0</v>
      </c>
      <c r="CM24" s="281">
        <v>0</v>
      </c>
      <c r="CN24" s="278">
        <v>0</v>
      </c>
      <c r="CO24" s="280">
        <v>0</v>
      </c>
      <c r="CP24" s="281">
        <v>0</v>
      </c>
      <c r="CQ24" s="281">
        <v>0</v>
      </c>
      <c r="CR24" s="281">
        <v>0</v>
      </c>
      <c r="CS24" s="281">
        <v>0</v>
      </c>
      <c r="CT24" s="281">
        <v>0</v>
      </c>
      <c r="CU24" s="278">
        <v>0</v>
      </c>
      <c r="CV24" s="283">
        <v>0</v>
      </c>
      <c r="CW24" s="277">
        <v>0</v>
      </c>
      <c r="CX24" s="281">
        <v>0</v>
      </c>
      <c r="CY24" s="278">
        <v>0</v>
      </c>
      <c r="CZ24" s="280">
        <v>0</v>
      </c>
      <c r="DA24" s="281">
        <v>0</v>
      </c>
      <c r="DB24" s="281">
        <v>0</v>
      </c>
      <c r="DC24" s="281">
        <v>0</v>
      </c>
      <c r="DD24" s="281">
        <v>0</v>
      </c>
      <c r="DE24" s="281">
        <v>0</v>
      </c>
      <c r="DF24" s="278">
        <v>0</v>
      </c>
      <c r="DG24" s="283">
        <v>0</v>
      </c>
    </row>
    <row r="25" spans="1:111" ht="18.75" customHeight="1" x14ac:dyDescent="0.2">
      <c r="A25" s="262" t="s">
        <v>23</v>
      </c>
      <c r="B25" s="277">
        <v>0</v>
      </c>
      <c r="C25" s="278">
        <v>0</v>
      </c>
      <c r="D25" s="279">
        <v>0</v>
      </c>
      <c r="E25" s="280">
        <v>0</v>
      </c>
      <c r="F25" s="281">
        <v>40</v>
      </c>
      <c r="G25" s="281">
        <v>84</v>
      </c>
      <c r="H25" s="281">
        <v>87</v>
      </c>
      <c r="I25" s="281">
        <v>34</v>
      </c>
      <c r="J25" s="281">
        <v>0</v>
      </c>
      <c r="K25" s="282">
        <v>245</v>
      </c>
      <c r="L25" s="283">
        <v>245</v>
      </c>
      <c r="M25" s="277">
        <v>0</v>
      </c>
      <c r="N25" s="281">
        <v>0</v>
      </c>
      <c r="O25" s="278">
        <v>0</v>
      </c>
      <c r="P25" s="280">
        <v>0</v>
      </c>
      <c r="Q25" s="281">
        <v>0</v>
      </c>
      <c r="R25" s="281">
        <v>6</v>
      </c>
      <c r="S25" s="281">
        <v>9</v>
      </c>
      <c r="T25" s="281">
        <v>6</v>
      </c>
      <c r="U25" s="281">
        <v>0</v>
      </c>
      <c r="V25" s="278">
        <v>21</v>
      </c>
      <c r="W25" s="283">
        <v>21</v>
      </c>
      <c r="X25" s="277">
        <v>15</v>
      </c>
      <c r="Y25" s="281">
        <v>11</v>
      </c>
      <c r="Z25" s="278">
        <v>26</v>
      </c>
      <c r="AA25" s="280">
        <v>0</v>
      </c>
      <c r="AB25" s="281">
        <v>23</v>
      </c>
      <c r="AC25" s="281">
        <v>62</v>
      </c>
      <c r="AD25" s="281">
        <v>80</v>
      </c>
      <c r="AE25" s="281">
        <v>56</v>
      </c>
      <c r="AF25" s="281">
        <v>17</v>
      </c>
      <c r="AG25" s="278">
        <v>238</v>
      </c>
      <c r="AH25" s="283">
        <v>264</v>
      </c>
      <c r="AI25" s="277">
        <v>0</v>
      </c>
      <c r="AJ25" s="281">
        <v>12</v>
      </c>
      <c r="AK25" s="278">
        <v>12</v>
      </c>
      <c r="AL25" s="280">
        <v>0</v>
      </c>
      <c r="AM25" s="281">
        <v>0</v>
      </c>
      <c r="AN25" s="281">
        <v>40</v>
      </c>
      <c r="AO25" s="281">
        <v>0</v>
      </c>
      <c r="AP25" s="281">
        <v>0</v>
      </c>
      <c r="AQ25" s="281">
        <v>0</v>
      </c>
      <c r="AR25" s="278">
        <v>40</v>
      </c>
      <c r="AS25" s="283">
        <v>52</v>
      </c>
      <c r="AT25" s="277">
        <v>0</v>
      </c>
      <c r="AU25" s="281">
        <v>0</v>
      </c>
      <c r="AV25" s="278">
        <v>0</v>
      </c>
      <c r="AW25" s="280">
        <v>0</v>
      </c>
      <c r="AX25" s="281">
        <v>80</v>
      </c>
      <c r="AY25" s="281">
        <v>106</v>
      </c>
      <c r="AZ25" s="281">
        <v>57</v>
      </c>
      <c r="BA25" s="281">
        <v>51</v>
      </c>
      <c r="BB25" s="281">
        <v>0</v>
      </c>
      <c r="BC25" s="282">
        <v>294</v>
      </c>
      <c r="BD25" s="283">
        <v>294</v>
      </c>
      <c r="BE25" s="277">
        <v>0</v>
      </c>
      <c r="BF25" s="281">
        <v>0</v>
      </c>
      <c r="BG25" s="278">
        <v>0</v>
      </c>
      <c r="BH25" s="280">
        <v>0</v>
      </c>
      <c r="BI25" s="281">
        <v>0</v>
      </c>
      <c r="BJ25" s="281">
        <v>47</v>
      </c>
      <c r="BK25" s="281">
        <v>47</v>
      </c>
      <c r="BL25" s="281">
        <v>20</v>
      </c>
      <c r="BM25" s="281">
        <v>0</v>
      </c>
      <c r="BN25" s="278">
        <v>114</v>
      </c>
      <c r="BO25" s="283">
        <v>114</v>
      </c>
      <c r="BP25" s="277">
        <v>0</v>
      </c>
      <c r="BQ25" s="281">
        <v>0</v>
      </c>
      <c r="BR25" s="278">
        <v>0</v>
      </c>
      <c r="BS25" s="280">
        <v>0</v>
      </c>
      <c r="BT25" s="281">
        <v>5</v>
      </c>
      <c r="BU25" s="281">
        <v>0</v>
      </c>
      <c r="BV25" s="281">
        <v>11</v>
      </c>
      <c r="BW25" s="281">
        <v>26</v>
      </c>
      <c r="BX25" s="281">
        <v>0</v>
      </c>
      <c r="BY25" s="278">
        <v>42</v>
      </c>
      <c r="BZ25" s="283">
        <v>42</v>
      </c>
      <c r="CA25" s="277">
        <v>0</v>
      </c>
      <c r="CB25" s="281">
        <v>0</v>
      </c>
      <c r="CC25" s="278">
        <v>0</v>
      </c>
      <c r="CD25" s="280">
        <v>0</v>
      </c>
      <c r="CE25" s="281">
        <v>0</v>
      </c>
      <c r="CF25" s="281">
        <v>0</v>
      </c>
      <c r="CG25" s="281">
        <v>0</v>
      </c>
      <c r="CH25" s="281">
        <v>0</v>
      </c>
      <c r="CI25" s="281">
        <v>0</v>
      </c>
      <c r="CJ25" s="278">
        <v>0</v>
      </c>
      <c r="CK25" s="283">
        <v>0</v>
      </c>
      <c r="CL25" s="277">
        <v>0</v>
      </c>
      <c r="CM25" s="281">
        <v>0</v>
      </c>
      <c r="CN25" s="278">
        <v>0</v>
      </c>
      <c r="CO25" s="280">
        <v>0</v>
      </c>
      <c r="CP25" s="281">
        <v>0</v>
      </c>
      <c r="CQ25" s="281">
        <v>0</v>
      </c>
      <c r="CR25" s="281">
        <v>0</v>
      </c>
      <c r="CS25" s="281">
        <v>0</v>
      </c>
      <c r="CT25" s="281">
        <v>0</v>
      </c>
      <c r="CU25" s="278">
        <v>0</v>
      </c>
      <c r="CV25" s="283">
        <v>0</v>
      </c>
      <c r="CW25" s="277">
        <v>0</v>
      </c>
      <c r="CX25" s="281">
        <v>0</v>
      </c>
      <c r="CY25" s="278">
        <v>0</v>
      </c>
      <c r="CZ25" s="280">
        <v>0</v>
      </c>
      <c r="DA25" s="281">
        <v>0</v>
      </c>
      <c r="DB25" s="281">
        <v>0</v>
      </c>
      <c r="DC25" s="281">
        <v>0</v>
      </c>
      <c r="DD25" s="281">
        <v>0</v>
      </c>
      <c r="DE25" s="281">
        <v>0</v>
      </c>
      <c r="DF25" s="278">
        <v>0</v>
      </c>
      <c r="DG25" s="283">
        <v>0</v>
      </c>
    </row>
    <row r="26" spans="1:111" ht="18.75" customHeight="1" x14ac:dyDescent="0.2">
      <c r="A26" s="262" t="s">
        <v>24</v>
      </c>
      <c r="B26" s="277">
        <v>0</v>
      </c>
      <c r="C26" s="278">
        <v>0</v>
      </c>
      <c r="D26" s="279">
        <v>0</v>
      </c>
      <c r="E26" s="280">
        <v>0</v>
      </c>
      <c r="F26" s="281">
        <v>68</v>
      </c>
      <c r="G26" s="281">
        <v>76</v>
      </c>
      <c r="H26" s="281">
        <v>15</v>
      </c>
      <c r="I26" s="281">
        <v>293</v>
      </c>
      <c r="J26" s="281">
        <v>328</v>
      </c>
      <c r="K26" s="282">
        <v>780</v>
      </c>
      <c r="L26" s="283">
        <v>780</v>
      </c>
      <c r="M26" s="277">
        <v>0</v>
      </c>
      <c r="N26" s="281">
        <v>0</v>
      </c>
      <c r="O26" s="278">
        <v>0</v>
      </c>
      <c r="P26" s="280">
        <v>0</v>
      </c>
      <c r="Q26" s="281">
        <v>0</v>
      </c>
      <c r="R26" s="281">
        <v>0</v>
      </c>
      <c r="S26" s="281">
        <v>0</v>
      </c>
      <c r="T26" s="281">
        <v>0</v>
      </c>
      <c r="U26" s="281">
        <v>18</v>
      </c>
      <c r="V26" s="278">
        <v>18</v>
      </c>
      <c r="W26" s="283">
        <v>18</v>
      </c>
      <c r="X26" s="277">
        <v>0</v>
      </c>
      <c r="Y26" s="281">
        <v>7</v>
      </c>
      <c r="Z26" s="278">
        <v>7</v>
      </c>
      <c r="AA26" s="280">
        <v>0</v>
      </c>
      <c r="AB26" s="281">
        <v>91</v>
      </c>
      <c r="AC26" s="281">
        <v>23</v>
      </c>
      <c r="AD26" s="281">
        <v>13</v>
      </c>
      <c r="AE26" s="281">
        <v>5</v>
      </c>
      <c r="AF26" s="281">
        <v>87</v>
      </c>
      <c r="AG26" s="278">
        <v>219</v>
      </c>
      <c r="AH26" s="283">
        <v>226</v>
      </c>
      <c r="AI26" s="277">
        <v>0</v>
      </c>
      <c r="AJ26" s="281">
        <v>0</v>
      </c>
      <c r="AK26" s="278">
        <v>0</v>
      </c>
      <c r="AL26" s="280">
        <v>0</v>
      </c>
      <c r="AM26" s="281">
        <v>0</v>
      </c>
      <c r="AN26" s="281">
        <v>3</v>
      </c>
      <c r="AO26" s="281">
        <v>0</v>
      </c>
      <c r="AP26" s="281">
        <v>0</v>
      </c>
      <c r="AQ26" s="281">
        <v>12</v>
      </c>
      <c r="AR26" s="278">
        <v>15</v>
      </c>
      <c r="AS26" s="283">
        <v>15</v>
      </c>
      <c r="AT26" s="277">
        <v>0</v>
      </c>
      <c r="AU26" s="281">
        <v>0</v>
      </c>
      <c r="AV26" s="278">
        <v>0</v>
      </c>
      <c r="AW26" s="280">
        <v>0</v>
      </c>
      <c r="AX26" s="281">
        <v>81</v>
      </c>
      <c r="AY26" s="281">
        <v>63</v>
      </c>
      <c r="AZ26" s="281">
        <v>0</v>
      </c>
      <c r="BA26" s="281">
        <v>0</v>
      </c>
      <c r="BB26" s="281">
        <v>0</v>
      </c>
      <c r="BC26" s="282">
        <v>144</v>
      </c>
      <c r="BD26" s="283">
        <v>144</v>
      </c>
      <c r="BE26" s="277">
        <v>0</v>
      </c>
      <c r="BF26" s="281">
        <v>0</v>
      </c>
      <c r="BG26" s="278">
        <v>0</v>
      </c>
      <c r="BH26" s="280">
        <v>0</v>
      </c>
      <c r="BI26" s="281">
        <v>46</v>
      </c>
      <c r="BJ26" s="281">
        <v>21</v>
      </c>
      <c r="BK26" s="281">
        <v>7</v>
      </c>
      <c r="BL26" s="281">
        <v>28</v>
      </c>
      <c r="BM26" s="281">
        <v>14</v>
      </c>
      <c r="BN26" s="278">
        <v>116</v>
      </c>
      <c r="BO26" s="283">
        <v>116</v>
      </c>
      <c r="BP26" s="277">
        <v>0</v>
      </c>
      <c r="BQ26" s="281">
        <v>0</v>
      </c>
      <c r="BR26" s="278">
        <v>0</v>
      </c>
      <c r="BS26" s="280">
        <v>0</v>
      </c>
      <c r="BT26" s="281">
        <v>0</v>
      </c>
      <c r="BU26" s="281">
        <v>16</v>
      </c>
      <c r="BV26" s="281">
        <v>0</v>
      </c>
      <c r="BW26" s="281">
        <v>19</v>
      </c>
      <c r="BX26" s="281">
        <v>7</v>
      </c>
      <c r="BY26" s="278">
        <v>42</v>
      </c>
      <c r="BZ26" s="283">
        <v>42</v>
      </c>
      <c r="CA26" s="277">
        <v>0</v>
      </c>
      <c r="CB26" s="281">
        <v>0</v>
      </c>
      <c r="CC26" s="278">
        <v>0</v>
      </c>
      <c r="CD26" s="280">
        <v>0</v>
      </c>
      <c r="CE26" s="281">
        <v>0</v>
      </c>
      <c r="CF26" s="281">
        <v>0</v>
      </c>
      <c r="CG26" s="281">
        <v>0</v>
      </c>
      <c r="CH26" s="281">
        <v>0</v>
      </c>
      <c r="CI26" s="281">
        <v>0</v>
      </c>
      <c r="CJ26" s="278">
        <v>0</v>
      </c>
      <c r="CK26" s="283">
        <v>0</v>
      </c>
      <c r="CL26" s="277">
        <v>0</v>
      </c>
      <c r="CM26" s="281">
        <v>0</v>
      </c>
      <c r="CN26" s="278">
        <v>0</v>
      </c>
      <c r="CO26" s="280">
        <v>0</v>
      </c>
      <c r="CP26" s="281">
        <v>0</v>
      </c>
      <c r="CQ26" s="281">
        <v>0</v>
      </c>
      <c r="CR26" s="281">
        <v>0</v>
      </c>
      <c r="CS26" s="281">
        <v>0</v>
      </c>
      <c r="CT26" s="281">
        <v>0</v>
      </c>
      <c r="CU26" s="278">
        <v>0</v>
      </c>
      <c r="CV26" s="283">
        <v>0</v>
      </c>
      <c r="CW26" s="277">
        <v>0</v>
      </c>
      <c r="CX26" s="281">
        <v>0</v>
      </c>
      <c r="CY26" s="278">
        <v>0</v>
      </c>
      <c r="CZ26" s="280">
        <v>0</v>
      </c>
      <c r="DA26" s="281">
        <v>0</v>
      </c>
      <c r="DB26" s="281">
        <v>0</v>
      </c>
      <c r="DC26" s="281">
        <v>0</v>
      </c>
      <c r="DD26" s="281">
        <v>0</v>
      </c>
      <c r="DE26" s="281">
        <v>0</v>
      </c>
      <c r="DF26" s="278">
        <v>0</v>
      </c>
      <c r="DG26" s="283">
        <v>0</v>
      </c>
    </row>
    <row r="27" spans="1:111" ht="18.75" customHeight="1" x14ac:dyDescent="0.2">
      <c r="A27" s="262" t="s">
        <v>25</v>
      </c>
      <c r="B27" s="277">
        <v>0</v>
      </c>
      <c r="C27" s="278">
        <v>0</v>
      </c>
      <c r="D27" s="279">
        <v>0</v>
      </c>
      <c r="E27" s="280">
        <v>0</v>
      </c>
      <c r="F27" s="281">
        <v>45</v>
      </c>
      <c r="G27" s="281">
        <v>13</v>
      </c>
      <c r="H27" s="281">
        <v>26</v>
      </c>
      <c r="I27" s="281">
        <v>111</v>
      </c>
      <c r="J27" s="281">
        <v>4</v>
      </c>
      <c r="K27" s="282">
        <v>199</v>
      </c>
      <c r="L27" s="283">
        <v>199</v>
      </c>
      <c r="M27" s="277">
        <v>0</v>
      </c>
      <c r="N27" s="281">
        <v>0</v>
      </c>
      <c r="O27" s="278">
        <v>0</v>
      </c>
      <c r="P27" s="280">
        <v>0</v>
      </c>
      <c r="Q27" s="281">
        <v>0</v>
      </c>
      <c r="R27" s="281">
        <v>5</v>
      </c>
      <c r="S27" s="281">
        <v>0</v>
      </c>
      <c r="T27" s="281">
        <v>0</v>
      </c>
      <c r="U27" s="281">
        <v>17</v>
      </c>
      <c r="V27" s="278">
        <v>22</v>
      </c>
      <c r="W27" s="283">
        <v>22</v>
      </c>
      <c r="X27" s="277">
        <v>4</v>
      </c>
      <c r="Y27" s="281">
        <v>19</v>
      </c>
      <c r="Z27" s="278">
        <v>23</v>
      </c>
      <c r="AA27" s="280">
        <v>0</v>
      </c>
      <c r="AB27" s="281">
        <v>24</v>
      </c>
      <c r="AC27" s="281">
        <v>9</v>
      </c>
      <c r="AD27" s="281">
        <v>9</v>
      </c>
      <c r="AE27" s="281">
        <v>2</v>
      </c>
      <c r="AF27" s="281">
        <v>28</v>
      </c>
      <c r="AG27" s="278">
        <v>72</v>
      </c>
      <c r="AH27" s="283">
        <v>95</v>
      </c>
      <c r="AI27" s="277">
        <v>0</v>
      </c>
      <c r="AJ27" s="281">
        <v>0</v>
      </c>
      <c r="AK27" s="278">
        <v>0</v>
      </c>
      <c r="AL27" s="280">
        <v>0</v>
      </c>
      <c r="AM27" s="281">
        <v>0</v>
      </c>
      <c r="AN27" s="281">
        <v>0</v>
      </c>
      <c r="AO27" s="281">
        <v>0</v>
      </c>
      <c r="AP27" s="281">
        <v>0</v>
      </c>
      <c r="AQ27" s="281">
        <v>0</v>
      </c>
      <c r="AR27" s="278">
        <v>0</v>
      </c>
      <c r="AS27" s="283">
        <v>0</v>
      </c>
      <c r="AT27" s="277">
        <v>0</v>
      </c>
      <c r="AU27" s="281">
        <v>0</v>
      </c>
      <c r="AV27" s="278">
        <v>0</v>
      </c>
      <c r="AW27" s="280">
        <v>0</v>
      </c>
      <c r="AX27" s="281">
        <v>80</v>
      </c>
      <c r="AY27" s="281">
        <v>20</v>
      </c>
      <c r="AZ27" s="281">
        <v>24</v>
      </c>
      <c r="BA27" s="281">
        <v>30</v>
      </c>
      <c r="BB27" s="281">
        <v>0</v>
      </c>
      <c r="BC27" s="282">
        <v>154</v>
      </c>
      <c r="BD27" s="283">
        <v>154</v>
      </c>
      <c r="BE27" s="277">
        <v>0</v>
      </c>
      <c r="BF27" s="281">
        <v>0</v>
      </c>
      <c r="BG27" s="278">
        <v>0</v>
      </c>
      <c r="BH27" s="280">
        <v>0</v>
      </c>
      <c r="BI27" s="281">
        <v>0</v>
      </c>
      <c r="BJ27" s="281">
        <v>52</v>
      </c>
      <c r="BK27" s="281">
        <v>24</v>
      </c>
      <c r="BL27" s="281">
        <v>8</v>
      </c>
      <c r="BM27" s="281">
        <v>0</v>
      </c>
      <c r="BN27" s="278">
        <v>84</v>
      </c>
      <c r="BO27" s="283">
        <v>84</v>
      </c>
      <c r="BP27" s="277">
        <v>0</v>
      </c>
      <c r="BQ27" s="281">
        <v>0</v>
      </c>
      <c r="BR27" s="278">
        <v>0</v>
      </c>
      <c r="BS27" s="280">
        <v>0</v>
      </c>
      <c r="BT27" s="281">
        <v>16</v>
      </c>
      <c r="BU27" s="281">
        <v>4</v>
      </c>
      <c r="BV27" s="281">
        <v>6</v>
      </c>
      <c r="BW27" s="281">
        <v>8</v>
      </c>
      <c r="BX27" s="281">
        <v>0</v>
      </c>
      <c r="BY27" s="278">
        <v>34</v>
      </c>
      <c r="BZ27" s="283">
        <v>34</v>
      </c>
      <c r="CA27" s="277">
        <v>0</v>
      </c>
      <c r="CB27" s="281">
        <v>0</v>
      </c>
      <c r="CC27" s="278">
        <v>0</v>
      </c>
      <c r="CD27" s="280">
        <v>0</v>
      </c>
      <c r="CE27" s="281">
        <v>0</v>
      </c>
      <c r="CF27" s="281">
        <v>0</v>
      </c>
      <c r="CG27" s="281">
        <v>0</v>
      </c>
      <c r="CH27" s="281">
        <v>0</v>
      </c>
      <c r="CI27" s="281">
        <v>0</v>
      </c>
      <c r="CJ27" s="278">
        <v>0</v>
      </c>
      <c r="CK27" s="283">
        <v>0</v>
      </c>
      <c r="CL27" s="277">
        <v>0</v>
      </c>
      <c r="CM27" s="281">
        <v>0</v>
      </c>
      <c r="CN27" s="278">
        <v>0</v>
      </c>
      <c r="CO27" s="280">
        <v>0</v>
      </c>
      <c r="CP27" s="281">
        <v>0</v>
      </c>
      <c r="CQ27" s="281">
        <v>0</v>
      </c>
      <c r="CR27" s="281">
        <v>0</v>
      </c>
      <c r="CS27" s="281">
        <v>0</v>
      </c>
      <c r="CT27" s="281">
        <v>0</v>
      </c>
      <c r="CU27" s="278">
        <v>0</v>
      </c>
      <c r="CV27" s="283">
        <v>0</v>
      </c>
      <c r="CW27" s="277">
        <v>0</v>
      </c>
      <c r="CX27" s="281">
        <v>0</v>
      </c>
      <c r="CY27" s="278">
        <v>0</v>
      </c>
      <c r="CZ27" s="280">
        <v>0</v>
      </c>
      <c r="DA27" s="281">
        <v>0</v>
      </c>
      <c r="DB27" s="281">
        <v>0</v>
      </c>
      <c r="DC27" s="281">
        <v>0</v>
      </c>
      <c r="DD27" s="281">
        <v>0</v>
      </c>
      <c r="DE27" s="281">
        <v>0</v>
      </c>
      <c r="DF27" s="278">
        <v>0</v>
      </c>
      <c r="DG27" s="283">
        <v>0</v>
      </c>
    </row>
    <row r="28" spans="1:111" ht="18.75" customHeight="1" x14ac:dyDescent="0.2">
      <c r="A28" s="262" t="s">
        <v>26</v>
      </c>
      <c r="B28" s="277">
        <v>0</v>
      </c>
      <c r="C28" s="278">
        <v>0</v>
      </c>
      <c r="D28" s="279">
        <v>0</v>
      </c>
      <c r="E28" s="280">
        <v>0</v>
      </c>
      <c r="F28" s="281">
        <v>66</v>
      </c>
      <c r="G28" s="281">
        <v>81</v>
      </c>
      <c r="H28" s="281">
        <v>97</v>
      </c>
      <c r="I28" s="281">
        <v>73</v>
      </c>
      <c r="J28" s="281">
        <v>143</v>
      </c>
      <c r="K28" s="282">
        <v>460</v>
      </c>
      <c r="L28" s="283">
        <v>460</v>
      </c>
      <c r="M28" s="277">
        <v>0</v>
      </c>
      <c r="N28" s="281">
        <v>0</v>
      </c>
      <c r="O28" s="278">
        <v>0</v>
      </c>
      <c r="P28" s="280">
        <v>0</v>
      </c>
      <c r="Q28" s="281">
        <v>0</v>
      </c>
      <c r="R28" s="281">
        <v>2</v>
      </c>
      <c r="S28" s="281">
        <v>0</v>
      </c>
      <c r="T28" s="281">
        <v>0</v>
      </c>
      <c r="U28" s="281">
        <v>13</v>
      </c>
      <c r="V28" s="278">
        <v>15</v>
      </c>
      <c r="W28" s="283">
        <v>15</v>
      </c>
      <c r="X28" s="277">
        <v>0</v>
      </c>
      <c r="Y28" s="281">
        <v>12</v>
      </c>
      <c r="Z28" s="278">
        <v>12</v>
      </c>
      <c r="AA28" s="280">
        <v>0</v>
      </c>
      <c r="AB28" s="281">
        <v>18</v>
      </c>
      <c r="AC28" s="281">
        <v>62</v>
      </c>
      <c r="AD28" s="281">
        <v>12</v>
      </c>
      <c r="AE28" s="281">
        <v>15</v>
      </c>
      <c r="AF28" s="281">
        <v>39</v>
      </c>
      <c r="AG28" s="278">
        <v>146</v>
      </c>
      <c r="AH28" s="283">
        <v>158</v>
      </c>
      <c r="AI28" s="277">
        <v>0</v>
      </c>
      <c r="AJ28" s="281">
        <v>0</v>
      </c>
      <c r="AK28" s="278">
        <v>0</v>
      </c>
      <c r="AL28" s="280">
        <v>0</v>
      </c>
      <c r="AM28" s="281">
        <v>0</v>
      </c>
      <c r="AN28" s="281">
        <v>0</v>
      </c>
      <c r="AO28" s="281">
        <v>0</v>
      </c>
      <c r="AP28" s="281">
        <v>0</v>
      </c>
      <c r="AQ28" s="281">
        <v>0</v>
      </c>
      <c r="AR28" s="278">
        <v>0</v>
      </c>
      <c r="AS28" s="283">
        <v>0</v>
      </c>
      <c r="AT28" s="277">
        <v>0</v>
      </c>
      <c r="AU28" s="281">
        <v>0</v>
      </c>
      <c r="AV28" s="278">
        <v>0</v>
      </c>
      <c r="AW28" s="280">
        <v>0</v>
      </c>
      <c r="AX28" s="281">
        <v>75</v>
      </c>
      <c r="AY28" s="281">
        <v>16</v>
      </c>
      <c r="AZ28" s="281">
        <v>11</v>
      </c>
      <c r="BA28" s="281">
        <v>0</v>
      </c>
      <c r="BB28" s="281">
        <v>0</v>
      </c>
      <c r="BC28" s="282">
        <v>102</v>
      </c>
      <c r="BD28" s="283">
        <v>102</v>
      </c>
      <c r="BE28" s="277">
        <v>0</v>
      </c>
      <c r="BF28" s="281">
        <v>0</v>
      </c>
      <c r="BG28" s="278">
        <v>0</v>
      </c>
      <c r="BH28" s="280">
        <v>0</v>
      </c>
      <c r="BI28" s="281">
        <v>17</v>
      </c>
      <c r="BJ28" s="281">
        <v>38</v>
      </c>
      <c r="BK28" s="281">
        <v>14</v>
      </c>
      <c r="BL28" s="281">
        <v>0</v>
      </c>
      <c r="BM28" s="281">
        <v>0</v>
      </c>
      <c r="BN28" s="278">
        <v>69</v>
      </c>
      <c r="BO28" s="283">
        <v>69</v>
      </c>
      <c r="BP28" s="277">
        <v>0</v>
      </c>
      <c r="BQ28" s="281">
        <v>0</v>
      </c>
      <c r="BR28" s="278">
        <v>0</v>
      </c>
      <c r="BS28" s="280">
        <v>0</v>
      </c>
      <c r="BT28" s="281">
        <v>0</v>
      </c>
      <c r="BU28" s="281">
        <v>0</v>
      </c>
      <c r="BV28" s="281">
        <v>13</v>
      </c>
      <c r="BW28" s="281">
        <v>0</v>
      </c>
      <c r="BX28" s="281">
        <v>0</v>
      </c>
      <c r="BY28" s="278">
        <v>13</v>
      </c>
      <c r="BZ28" s="283">
        <v>13</v>
      </c>
      <c r="CA28" s="277">
        <v>0</v>
      </c>
      <c r="CB28" s="281">
        <v>0</v>
      </c>
      <c r="CC28" s="278">
        <v>0</v>
      </c>
      <c r="CD28" s="280">
        <v>0</v>
      </c>
      <c r="CE28" s="281">
        <v>0</v>
      </c>
      <c r="CF28" s="281">
        <v>2</v>
      </c>
      <c r="CG28" s="281">
        <v>0</v>
      </c>
      <c r="CH28" s="281">
        <v>0</v>
      </c>
      <c r="CI28" s="281">
        <v>0</v>
      </c>
      <c r="CJ28" s="278">
        <v>2</v>
      </c>
      <c r="CK28" s="283">
        <v>2</v>
      </c>
      <c r="CL28" s="277">
        <v>0</v>
      </c>
      <c r="CM28" s="281">
        <v>0</v>
      </c>
      <c r="CN28" s="278">
        <v>0</v>
      </c>
      <c r="CO28" s="280">
        <v>0</v>
      </c>
      <c r="CP28" s="281">
        <v>0</v>
      </c>
      <c r="CQ28" s="281">
        <v>0</v>
      </c>
      <c r="CR28" s="281">
        <v>0</v>
      </c>
      <c r="CS28" s="281">
        <v>0</v>
      </c>
      <c r="CT28" s="281">
        <v>0</v>
      </c>
      <c r="CU28" s="278">
        <v>0</v>
      </c>
      <c r="CV28" s="283">
        <v>0</v>
      </c>
      <c r="CW28" s="277">
        <v>0</v>
      </c>
      <c r="CX28" s="281">
        <v>0</v>
      </c>
      <c r="CY28" s="278">
        <v>0</v>
      </c>
      <c r="CZ28" s="280">
        <v>0</v>
      </c>
      <c r="DA28" s="281">
        <v>0</v>
      </c>
      <c r="DB28" s="281">
        <v>0</v>
      </c>
      <c r="DC28" s="281">
        <v>0</v>
      </c>
      <c r="DD28" s="281">
        <v>0</v>
      </c>
      <c r="DE28" s="281">
        <v>0</v>
      </c>
      <c r="DF28" s="278">
        <v>0</v>
      </c>
      <c r="DG28" s="283">
        <v>0</v>
      </c>
    </row>
    <row r="29" spans="1:111" ht="18.75" customHeight="1" x14ac:dyDescent="0.2">
      <c r="A29" s="262" t="s">
        <v>27</v>
      </c>
      <c r="B29" s="277">
        <v>0</v>
      </c>
      <c r="C29" s="278">
        <v>0</v>
      </c>
      <c r="D29" s="279">
        <v>0</v>
      </c>
      <c r="E29" s="280">
        <v>0</v>
      </c>
      <c r="F29" s="281">
        <v>34</v>
      </c>
      <c r="G29" s="281">
        <v>44</v>
      </c>
      <c r="H29" s="281">
        <v>68</v>
      </c>
      <c r="I29" s="281">
        <v>0</v>
      </c>
      <c r="J29" s="281">
        <v>176</v>
      </c>
      <c r="K29" s="282">
        <v>322</v>
      </c>
      <c r="L29" s="283">
        <v>322</v>
      </c>
      <c r="M29" s="277">
        <v>0</v>
      </c>
      <c r="N29" s="281">
        <v>0</v>
      </c>
      <c r="O29" s="278">
        <v>0</v>
      </c>
      <c r="P29" s="280">
        <v>0</v>
      </c>
      <c r="Q29" s="281">
        <v>0</v>
      </c>
      <c r="R29" s="281">
        <v>0</v>
      </c>
      <c r="S29" s="281">
        <v>0</v>
      </c>
      <c r="T29" s="281">
        <v>0</v>
      </c>
      <c r="U29" s="281">
        <v>0</v>
      </c>
      <c r="V29" s="278">
        <v>0</v>
      </c>
      <c r="W29" s="283">
        <v>0</v>
      </c>
      <c r="X29" s="277">
        <v>38</v>
      </c>
      <c r="Y29" s="281">
        <v>13</v>
      </c>
      <c r="Z29" s="278">
        <v>51</v>
      </c>
      <c r="AA29" s="280">
        <v>0</v>
      </c>
      <c r="AB29" s="281">
        <v>31</v>
      </c>
      <c r="AC29" s="281">
        <v>13</v>
      </c>
      <c r="AD29" s="281">
        <v>12</v>
      </c>
      <c r="AE29" s="281">
        <v>4</v>
      </c>
      <c r="AF29" s="281">
        <v>8</v>
      </c>
      <c r="AG29" s="278">
        <v>68</v>
      </c>
      <c r="AH29" s="283">
        <v>119</v>
      </c>
      <c r="AI29" s="277">
        <v>0</v>
      </c>
      <c r="AJ29" s="281">
        <v>20</v>
      </c>
      <c r="AK29" s="278">
        <v>20</v>
      </c>
      <c r="AL29" s="280">
        <v>0</v>
      </c>
      <c r="AM29" s="281">
        <v>0</v>
      </c>
      <c r="AN29" s="281">
        <v>0</v>
      </c>
      <c r="AO29" s="281">
        <v>0</v>
      </c>
      <c r="AP29" s="281">
        <v>0</v>
      </c>
      <c r="AQ29" s="281">
        <v>0</v>
      </c>
      <c r="AR29" s="278">
        <v>0</v>
      </c>
      <c r="AS29" s="283">
        <v>20</v>
      </c>
      <c r="AT29" s="277">
        <v>0</v>
      </c>
      <c r="AU29" s="281">
        <v>0</v>
      </c>
      <c r="AV29" s="278">
        <v>0</v>
      </c>
      <c r="AW29" s="280">
        <v>0</v>
      </c>
      <c r="AX29" s="281">
        <v>4</v>
      </c>
      <c r="AY29" s="281">
        <v>0</v>
      </c>
      <c r="AZ29" s="281">
        <v>12</v>
      </c>
      <c r="BA29" s="281">
        <v>12</v>
      </c>
      <c r="BB29" s="281">
        <v>0</v>
      </c>
      <c r="BC29" s="282">
        <v>28</v>
      </c>
      <c r="BD29" s="283">
        <v>28</v>
      </c>
      <c r="BE29" s="277">
        <v>0</v>
      </c>
      <c r="BF29" s="281">
        <v>0</v>
      </c>
      <c r="BG29" s="278">
        <v>0</v>
      </c>
      <c r="BH29" s="280">
        <v>0</v>
      </c>
      <c r="BI29" s="281">
        <v>0</v>
      </c>
      <c r="BJ29" s="281">
        <v>8</v>
      </c>
      <c r="BK29" s="281">
        <v>8</v>
      </c>
      <c r="BL29" s="281">
        <v>0</v>
      </c>
      <c r="BM29" s="281">
        <v>0</v>
      </c>
      <c r="BN29" s="278">
        <v>16</v>
      </c>
      <c r="BO29" s="283">
        <v>16</v>
      </c>
      <c r="BP29" s="277">
        <v>0</v>
      </c>
      <c r="BQ29" s="281">
        <v>0</v>
      </c>
      <c r="BR29" s="278">
        <v>0</v>
      </c>
      <c r="BS29" s="280">
        <v>0</v>
      </c>
      <c r="BT29" s="281">
        <v>34</v>
      </c>
      <c r="BU29" s="281">
        <v>0</v>
      </c>
      <c r="BV29" s="281">
        <v>0</v>
      </c>
      <c r="BW29" s="281">
        <v>2</v>
      </c>
      <c r="BX29" s="281">
        <v>0</v>
      </c>
      <c r="BY29" s="278">
        <v>36</v>
      </c>
      <c r="BZ29" s="283">
        <v>36</v>
      </c>
      <c r="CA29" s="277">
        <v>0</v>
      </c>
      <c r="CB29" s="281">
        <v>0</v>
      </c>
      <c r="CC29" s="278">
        <v>0</v>
      </c>
      <c r="CD29" s="280">
        <v>0</v>
      </c>
      <c r="CE29" s="281">
        <v>0</v>
      </c>
      <c r="CF29" s="281">
        <v>0</v>
      </c>
      <c r="CG29" s="281">
        <v>0</v>
      </c>
      <c r="CH29" s="281">
        <v>0</v>
      </c>
      <c r="CI29" s="281">
        <v>0</v>
      </c>
      <c r="CJ29" s="278">
        <v>0</v>
      </c>
      <c r="CK29" s="283">
        <v>0</v>
      </c>
      <c r="CL29" s="277">
        <v>0</v>
      </c>
      <c r="CM29" s="281">
        <v>0</v>
      </c>
      <c r="CN29" s="278">
        <v>0</v>
      </c>
      <c r="CO29" s="280">
        <v>0</v>
      </c>
      <c r="CP29" s="281">
        <v>0</v>
      </c>
      <c r="CQ29" s="281">
        <v>0</v>
      </c>
      <c r="CR29" s="281">
        <v>0</v>
      </c>
      <c r="CS29" s="281">
        <v>0</v>
      </c>
      <c r="CT29" s="281">
        <v>0</v>
      </c>
      <c r="CU29" s="278">
        <v>0</v>
      </c>
      <c r="CV29" s="283">
        <v>0</v>
      </c>
      <c r="CW29" s="277">
        <v>0</v>
      </c>
      <c r="CX29" s="281">
        <v>0</v>
      </c>
      <c r="CY29" s="278">
        <v>0</v>
      </c>
      <c r="CZ29" s="280">
        <v>0</v>
      </c>
      <c r="DA29" s="281">
        <v>0</v>
      </c>
      <c r="DB29" s="281">
        <v>0</v>
      </c>
      <c r="DC29" s="281">
        <v>0</v>
      </c>
      <c r="DD29" s="281">
        <v>0</v>
      </c>
      <c r="DE29" s="281">
        <v>0</v>
      </c>
      <c r="DF29" s="278">
        <v>0</v>
      </c>
      <c r="DG29" s="283">
        <v>0</v>
      </c>
    </row>
    <row r="30" spans="1:111" ht="18.75" customHeight="1" x14ac:dyDescent="0.2">
      <c r="A30" s="262" t="s">
        <v>28</v>
      </c>
      <c r="B30" s="277">
        <v>0</v>
      </c>
      <c r="C30" s="278">
        <v>0</v>
      </c>
      <c r="D30" s="279">
        <v>0</v>
      </c>
      <c r="E30" s="280">
        <v>0</v>
      </c>
      <c r="F30" s="281">
        <v>8</v>
      </c>
      <c r="G30" s="281">
        <v>25</v>
      </c>
      <c r="H30" s="281">
        <v>0</v>
      </c>
      <c r="I30" s="281">
        <v>0</v>
      </c>
      <c r="J30" s="281">
        <v>7</v>
      </c>
      <c r="K30" s="282">
        <v>40</v>
      </c>
      <c r="L30" s="283">
        <v>40</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0</v>
      </c>
      <c r="AC30" s="281">
        <v>17</v>
      </c>
      <c r="AD30" s="281">
        <v>2</v>
      </c>
      <c r="AE30" s="281">
        <v>0</v>
      </c>
      <c r="AF30" s="281">
        <v>2</v>
      </c>
      <c r="AG30" s="278">
        <v>21</v>
      </c>
      <c r="AH30" s="283">
        <v>21</v>
      </c>
      <c r="AI30" s="277">
        <v>0</v>
      </c>
      <c r="AJ30" s="281">
        <v>0</v>
      </c>
      <c r="AK30" s="278">
        <v>0</v>
      </c>
      <c r="AL30" s="280">
        <v>0</v>
      </c>
      <c r="AM30" s="281">
        <v>24</v>
      </c>
      <c r="AN30" s="281">
        <v>0</v>
      </c>
      <c r="AO30" s="281">
        <v>0</v>
      </c>
      <c r="AP30" s="281">
        <v>0</v>
      </c>
      <c r="AQ30" s="281">
        <v>0</v>
      </c>
      <c r="AR30" s="278">
        <v>24</v>
      </c>
      <c r="AS30" s="283">
        <v>24</v>
      </c>
      <c r="AT30" s="277">
        <v>0</v>
      </c>
      <c r="AU30" s="281">
        <v>0</v>
      </c>
      <c r="AV30" s="278">
        <v>0</v>
      </c>
      <c r="AW30" s="280">
        <v>0</v>
      </c>
      <c r="AX30" s="281">
        <v>9</v>
      </c>
      <c r="AY30" s="281">
        <v>17</v>
      </c>
      <c r="AZ30" s="281">
        <v>0</v>
      </c>
      <c r="BA30" s="281">
        <v>0</v>
      </c>
      <c r="BB30" s="281">
        <v>0</v>
      </c>
      <c r="BC30" s="282">
        <v>26</v>
      </c>
      <c r="BD30" s="283">
        <v>26</v>
      </c>
      <c r="BE30" s="277">
        <v>0</v>
      </c>
      <c r="BF30" s="281">
        <v>0</v>
      </c>
      <c r="BG30" s="278">
        <v>0</v>
      </c>
      <c r="BH30" s="280">
        <v>0</v>
      </c>
      <c r="BI30" s="281">
        <v>0</v>
      </c>
      <c r="BJ30" s="281">
        <v>5</v>
      </c>
      <c r="BK30" s="281">
        <v>0</v>
      </c>
      <c r="BL30" s="281">
        <v>0</v>
      </c>
      <c r="BM30" s="281">
        <v>9</v>
      </c>
      <c r="BN30" s="278">
        <v>14</v>
      </c>
      <c r="BO30" s="283">
        <v>14</v>
      </c>
      <c r="BP30" s="277">
        <v>0</v>
      </c>
      <c r="BQ30" s="281">
        <v>0</v>
      </c>
      <c r="BR30" s="278">
        <v>0</v>
      </c>
      <c r="BS30" s="280">
        <v>0</v>
      </c>
      <c r="BT30" s="281">
        <v>0</v>
      </c>
      <c r="BU30" s="281">
        <v>2</v>
      </c>
      <c r="BV30" s="281">
        <v>0</v>
      </c>
      <c r="BW30" s="281">
        <v>0</v>
      </c>
      <c r="BX30" s="281">
        <v>0</v>
      </c>
      <c r="BY30" s="278">
        <v>2</v>
      </c>
      <c r="BZ30" s="283">
        <v>2</v>
      </c>
      <c r="CA30" s="277">
        <v>0</v>
      </c>
      <c r="CB30" s="281">
        <v>0</v>
      </c>
      <c r="CC30" s="278">
        <v>0</v>
      </c>
      <c r="CD30" s="280">
        <v>0</v>
      </c>
      <c r="CE30" s="281">
        <v>0</v>
      </c>
      <c r="CF30" s="281">
        <v>0</v>
      </c>
      <c r="CG30" s="281">
        <v>0</v>
      </c>
      <c r="CH30" s="281">
        <v>0</v>
      </c>
      <c r="CI30" s="281">
        <v>0</v>
      </c>
      <c r="CJ30" s="278">
        <v>0</v>
      </c>
      <c r="CK30" s="283">
        <v>0</v>
      </c>
      <c r="CL30" s="277">
        <v>0</v>
      </c>
      <c r="CM30" s="281">
        <v>0</v>
      </c>
      <c r="CN30" s="278">
        <v>0</v>
      </c>
      <c r="CO30" s="280">
        <v>0</v>
      </c>
      <c r="CP30" s="281">
        <v>0</v>
      </c>
      <c r="CQ30" s="281">
        <v>0</v>
      </c>
      <c r="CR30" s="281">
        <v>0</v>
      </c>
      <c r="CS30" s="281">
        <v>0</v>
      </c>
      <c r="CT30" s="281">
        <v>0</v>
      </c>
      <c r="CU30" s="278">
        <v>0</v>
      </c>
      <c r="CV30" s="283">
        <v>0</v>
      </c>
      <c r="CW30" s="277">
        <v>0</v>
      </c>
      <c r="CX30" s="281">
        <v>0</v>
      </c>
      <c r="CY30" s="278">
        <v>0</v>
      </c>
      <c r="CZ30" s="280">
        <v>0</v>
      </c>
      <c r="DA30" s="281">
        <v>0</v>
      </c>
      <c r="DB30" s="281">
        <v>0</v>
      </c>
      <c r="DC30" s="281">
        <v>0</v>
      </c>
      <c r="DD30" s="281">
        <v>0</v>
      </c>
      <c r="DE30" s="281">
        <v>0</v>
      </c>
      <c r="DF30" s="278">
        <v>0</v>
      </c>
      <c r="DG30" s="283">
        <v>0</v>
      </c>
    </row>
    <row r="31" spans="1:111" ht="18.75" customHeight="1" x14ac:dyDescent="0.2">
      <c r="A31" s="262" t="s">
        <v>29</v>
      </c>
      <c r="B31" s="277">
        <v>0</v>
      </c>
      <c r="C31" s="278">
        <v>0</v>
      </c>
      <c r="D31" s="279">
        <v>0</v>
      </c>
      <c r="E31" s="280">
        <v>0</v>
      </c>
      <c r="F31" s="281">
        <v>4</v>
      </c>
      <c r="G31" s="281">
        <v>23</v>
      </c>
      <c r="H31" s="281">
        <v>0</v>
      </c>
      <c r="I31" s="281">
        <v>0</v>
      </c>
      <c r="J31" s="281">
        <v>0</v>
      </c>
      <c r="K31" s="282">
        <v>27</v>
      </c>
      <c r="L31" s="283">
        <v>27</v>
      </c>
      <c r="M31" s="277">
        <v>0</v>
      </c>
      <c r="N31" s="281">
        <v>0</v>
      </c>
      <c r="O31" s="278">
        <v>0</v>
      </c>
      <c r="P31" s="280">
        <v>0</v>
      </c>
      <c r="Q31" s="281">
        <v>0</v>
      </c>
      <c r="R31" s="281">
        <v>0</v>
      </c>
      <c r="S31" s="281">
        <v>4</v>
      </c>
      <c r="T31" s="281">
        <v>0</v>
      </c>
      <c r="U31" s="281">
        <v>0</v>
      </c>
      <c r="V31" s="278">
        <v>4</v>
      </c>
      <c r="W31" s="283">
        <v>4</v>
      </c>
      <c r="X31" s="277">
        <v>0</v>
      </c>
      <c r="Y31" s="281">
        <v>0</v>
      </c>
      <c r="Z31" s="278">
        <v>0</v>
      </c>
      <c r="AA31" s="280">
        <v>0</v>
      </c>
      <c r="AB31" s="281">
        <v>5</v>
      </c>
      <c r="AC31" s="281">
        <v>19</v>
      </c>
      <c r="AD31" s="281">
        <v>42</v>
      </c>
      <c r="AE31" s="281">
        <v>0</v>
      </c>
      <c r="AF31" s="281">
        <v>0</v>
      </c>
      <c r="AG31" s="278">
        <v>66</v>
      </c>
      <c r="AH31" s="283">
        <v>66</v>
      </c>
      <c r="AI31" s="277">
        <v>0</v>
      </c>
      <c r="AJ31" s="281">
        <v>0</v>
      </c>
      <c r="AK31" s="278">
        <v>0</v>
      </c>
      <c r="AL31" s="280">
        <v>0</v>
      </c>
      <c r="AM31" s="281">
        <v>0</v>
      </c>
      <c r="AN31" s="281">
        <v>12</v>
      </c>
      <c r="AO31" s="281">
        <v>0</v>
      </c>
      <c r="AP31" s="281">
        <v>0</v>
      </c>
      <c r="AQ31" s="281">
        <v>0</v>
      </c>
      <c r="AR31" s="278">
        <v>12</v>
      </c>
      <c r="AS31" s="283">
        <v>12</v>
      </c>
      <c r="AT31" s="277">
        <v>0</v>
      </c>
      <c r="AU31" s="281">
        <v>0</v>
      </c>
      <c r="AV31" s="278">
        <v>0</v>
      </c>
      <c r="AW31" s="280">
        <v>0</v>
      </c>
      <c r="AX31" s="281">
        <v>2</v>
      </c>
      <c r="AY31" s="281">
        <v>0</v>
      </c>
      <c r="AZ31" s="281">
        <v>2</v>
      </c>
      <c r="BA31" s="281">
        <v>0</v>
      </c>
      <c r="BB31" s="281">
        <v>0</v>
      </c>
      <c r="BC31" s="282">
        <v>4</v>
      </c>
      <c r="BD31" s="283">
        <v>4</v>
      </c>
      <c r="BE31" s="277">
        <v>0</v>
      </c>
      <c r="BF31" s="281">
        <v>0</v>
      </c>
      <c r="BG31" s="278">
        <v>0</v>
      </c>
      <c r="BH31" s="280">
        <v>0</v>
      </c>
      <c r="BI31" s="281">
        <v>0</v>
      </c>
      <c r="BJ31" s="281">
        <v>8</v>
      </c>
      <c r="BK31" s="281">
        <v>13</v>
      </c>
      <c r="BL31" s="281">
        <v>0</v>
      </c>
      <c r="BM31" s="281">
        <v>4</v>
      </c>
      <c r="BN31" s="278">
        <v>25</v>
      </c>
      <c r="BO31" s="283">
        <v>25</v>
      </c>
      <c r="BP31" s="277">
        <v>0</v>
      </c>
      <c r="BQ31" s="281">
        <v>0</v>
      </c>
      <c r="BR31" s="278">
        <v>0</v>
      </c>
      <c r="BS31" s="280">
        <v>0</v>
      </c>
      <c r="BT31" s="281">
        <v>0</v>
      </c>
      <c r="BU31" s="281">
        <v>0</v>
      </c>
      <c r="BV31" s="281">
        <v>0</v>
      </c>
      <c r="BW31" s="281">
        <v>0</v>
      </c>
      <c r="BX31" s="281">
        <v>23</v>
      </c>
      <c r="BY31" s="278">
        <v>23</v>
      </c>
      <c r="BZ31" s="283">
        <v>23</v>
      </c>
      <c r="CA31" s="277">
        <v>0</v>
      </c>
      <c r="CB31" s="281">
        <v>0</v>
      </c>
      <c r="CC31" s="278">
        <v>0</v>
      </c>
      <c r="CD31" s="280">
        <v>0</v>
      </c>
      <c r="CE31" s="281">
        <v>0</v>
      </c>
      <c r="CF31" s="281">
        <v>0</v>
      </c>
      <c r="CG31" s="281">
        <v>0</v>
      </c>
      <c r="CH31" s="281">
        <v>0</v>
      </c>
      <c r="CI31" s="281">
        <v>0</v>
      </c>
      <c r="CJ31" s="278">
        <v>0</v>
      </c>
      <c r="CK31" s="283">
        <v>0</v>
      </c>
      <c r="CL31" s="277">
        <v>0</v>
      </c>
      <c r="CM31" s="281">
        <v>0</v>
      </c>
      <c r="CN31" s="278">
        <v>0</v>
      </c>
      <c r="CO31" s="280">
        <v>0</v>
      </c>
      <c r="CP31" s="281">
        <v>0</v>
      </c>
      <c r="CQ31" s="281">
        <v>0</v>
      </c>
      <c r="CR31" s="281">
        <v>0</v>
      </c>
      <c r="CS31" s="281">
        <v>0</v>
      </c>
      <c r="CT31" s="281">
        <v>0</v>
      </c>
      <c r="CU31" s="278">
        <v>0</v>
      </c>
      <c r="CV31" s="283">
        <v>0</v>
      </c>
      <c r="CW31" s="277">
        <v>0</v>
      </c>
      <c r="CX31" s="281">
        <v>0</v>
      </c>
      <c r="CY31" s="278">
        <v>0</v>
      </c>
      <c r="CZ31" s="280">
        <v>0</v>
      </c>
      <c r="DA31" s="281">
        <v>0</v>
      </c>
      <c r="DB31" s="281">
        <v>0</v>
      </c>
      <c r="DC31" s="281">
        <v>0</v>
      </c>
      <c r="DD31" s="281">
        <v>0</v>
      </c>
      <c r="DE31" s="281">
        <v>0</v>
      </c>
      <c r="DF31" s="278">
        <v>0</v>
      </c>
      <c r="DG31" s="283">
        <v>0</v>
      </c>
    </row>
    <row r="32" spans="1:111" ht="18.75" customHeight="1" x14ac:dyDescent="0.2">
      <c r="A32" s="262" t="s">
        <v>30</v>
      </c>
      <c r="B32" s="277">
        <v>0</v>
      </c>
      <c r="C32" s="278">
        <v>0</v>
      </c>
      <c r="D32" s="279">
        <v>0</v>
      </c>
      <c r="E32" s="280">
        <v>0</v>
      </c>
      <c r="F32" s="281">
        <v>0</v>
      </c>
      <c r="G32" s="281">
        <v>0</v>
      </c>
      <c r="H32" s="281">
        <v>90</v>
      </c>
      <c r="I32" s="281">
        <v>61</v>
      </c>
      <c r="J32" s="281">
        <v>0</v>
      </c>
      <c r="K32" s="282">
        <v>151</v>
      </c>
      <c r="L32" s="283">
        <v>151</v>
      </c>
      <c r="M32" s="277">
        <v>0</v>
      </c>
      <c r="N32" s="281">
        <v>0</v>
      </c>
      <c r="O32" s="278">
        <v>0</v>
      </c>
      <c r="P32" s="280">
        <v>0</v>
      </c>
      <c r="Q32" s="281">
        <v>0</v>
      </c>
      <c r="R32" s="281">
        <v>0</v>
      </c>
      <c r="S32" s="281">
        <v>0</v>
      </c>
      <c r="T32" s="281">
        <v>4</v>
      </c>
      <c r="U32" s="281">
        <v>0</v>
      </c>
      <c r="V32" s="278">
        <v>4</v>
      </c>
      <c r="W32" s="283">
        <v>4</v>
      </c>
      <c r="X32" s="277">
        <v>0</v>
      </c>
      <c r="Y32" s="281">
        <v>9</v>
      </c>
      <c r="Z32" s="278">
        <v>9</v>
      </c>
      <c r="AA32" s="280">
        <v>0</v>
      </c>
      <c r="AB32" s="281">
        <v>0</v>
      </c>
      <c r="AC32" s="281">
        <v>3</v>
      </c>
      <c r="AD32" s="281">
        <v>0</v>
      </c>
      <c r="AE32" s="281">
        <v>4</v>
      </c>
      <c r="AF32" s="281">
        <v>0</v>
      </c>
      <c r="AG32" s="278">
        <v>7</v>
      </c>
      <c r="AH32" s="283">
        <v>16</v>
      </c>
      <c r="AI32" s="277">
        <v>0</v>
      </c>
      <c r="AJ32" s="281">
        <v>0</v>
      </c>
      <c r="AK32" s="278">
        <v>0</v>
      </c>
      <c r="AL32" s="280">
        <v>0</v>
      </c>
      <c r="AM32" s="281">
        <v>0</v>
      </c>
      <c r="AN32" s="281">
        <v>0</v>
      </c>
      <c r="AO32" s="281">
        <v>0</v>
      </c>
      <c r="AP32" s="281">
        <v>12</v>
      </c>
      <c r="AQ32" s="281">
        <v>0</v>
      </c>
      <c r="AR32" s="278">
        <v>12</v>
      </c>
      <c r="AS32" s="283">
        <v>12</v>
      </c>
      <c r="AT32" s="277">
        <v>0</v>
      </c>
      <c r="AU32" s="281">
        <v>0</v>
      </c>
      <c r="AV32" s="278">
        <v>0</v>
      </c>
      <c r="AW32" s="280">
        <v>0</v>
      </c>
      <c r="AX32" s="281">
        <v>0</v>
      </c>
      <c r="AY32" s="281">
        <v>14</v>
      </c>
      <c r="AZ32" s="281">
        <v>8</v>
      </c>
      <c r="BA32" s="281">
        <v>4</v>
      </c>
      <c r="BB32" s="281">
        <v>0</v>
      </c>
      <c r="BC32" s="282">
        <v>26</v>
      </c>
      <c r="BD32" s="283">
        <v>26</v>
      </c>
      <c r="BE32" s="277">
        <v>0</v>
      </c>
      <c r="BF32" s="281">
        <v>0</v>
      </c>
      <c r="BG32" s="278">
        <v>0</v>
      </c>
      <c r="BH32" s="280">
        <v>0</v>
      </c>
      <c r="BI32" s="281">
        <v>0</v>
      </c>
      <c r="BJ32" s="281">
        <v>18</v>
      </c>
      <c r="BK32" s="281">
        <v>0</v>
      </c>
      <c r="BL32" s="281">
        <v>0</v>
      </c>
      <c r="BM32" s="281">
        <v>0</v>
      </c>
      <c r="BN32" s="278">
        <v>18</v>
      </c>
      <c r="BO32" s="283">
        <v>18</v>
      </c>
      <c r="BP32" s="277">
        <v>0</v>
      </c>
      <c r="BQ32" s="281">
        <v>0</v>
      </c>
      <c r="BR32" s="278">
        <v>0</v>
      </c>
      <c r="BS32" s="280">
        <v>0</v>
      </c>
      <c r="BT32" s="281">
        <v>0</v>
      </c>
      <c r="BU32" s="281">
        <v>0</v>
      </c>
      <c r="BV32" s="281">
        <v>14</v>
      </c>
      <c r="BW32" s="281">
        <v>0</v>
      </c>
      <c r="BX32" s="281">
        <v>0</v>
      </c>
      <c r="BY32" s="278">
        <v>14</v>
      </c>
      <c r="BZ32" s="283">
        <v>14</v>
      </c>
      <c r="CA32" s="277">
        <v>0</v>
      </c>
      <c r="CB32" s="281">
        <v>0</v>
      </c>
      <c r="CC32" s="278">
        <v>0</v>
      </c>
      <c r="CD32" s="280">
        <v>0</v>
      </c>
      <c r="CE32" s="281">
        <v>0</v>
      </c>
      <c r="CF32" s="281">
        <v>0</v>
      </c>
      <c r="CG32" s="281">
        <v>0</v>
      </c>
      <c r="CH32" s="281">
        <v>0</v>
      </c>
      <c r="CI32" s="281">
        <v>0</v>
      </c>
      <c r="CJ32" s="278">
        <v>0</v>
      </c>
      <c r="CK32" s="283">
        <v>0</v>
      </c>
      <c r="CL32" s="277">
        <v>0</v>
      </c>
      <c r="CM32" s="281">
        <v>0</v>
      </c>
      <c r="CN32" s="278">
        <v>0</v>
      </c>
      <c r="CO32" s="280">
        <v>0</v>
      </c>
      <c r="CP32" s="281">
        <v>0</v>
      </c>
      <c r="CQ32" s="281">
        <v>0</v>
      </c>
      <c r="CR32" s="281">
        <v>0</v>
      </c>
      <c r="CS32" s="281">
        <v>0</v>
      </c>
      <c r="CT32" s="281">
        <v>0</v>
      </c>
      <c r="CU32" s="278">
        <v>0</v>
      </c>
      <c r="CV32" s="283">
        <v>0</v>
      </c>
      <c r="CW32" s="277">
        <v>0</v>
      </c>
      <c r="CX32" s="281">
        <v>0</v>
      </c>
      <c r="CY32" s="278">
        <v>0</v>
      </c>
      <c r="CZ32" s="280">
        <v>0</v>
      </c>
      <c r="DA32" s="281">
        <v>0</v>
      </c>
      <c r="DB32" s="281">
        <v>0</v>
      </c>
      <c r="DC32" s="281">
        <v>0</v>
      </c>
      <c r="DD32" s="281">
        <v>0</v>
      </c>
      <c r="DE32" s="281">
        <v>0</v>
      </c>
      <c r="DF32" s="278">
        <v>0</v>
      </c>
      <c r="DG32" s="283">
        <v>0</v>
      </c>
    </row>
    <row r="33" spans="1:111" ht="18.75" customHeight="1" x14ac:dyDescent="0.2">
      <c r="A33" s="262" t="s">
        <v>31</v>
      </c>
      <c r="B33" s="277">
        <v>0</v>
      </c>
      <c r="C33" s="278">
        <v>0</v>
      </c>
      <c r="D33" s="279">
        <v>0</v>
      </c>
      <c r="E33" s="280">
        <v>0</v>
      </c>
      <c r="F33" s="281">
        <v>8</v>
      </c>
      <c r="G33" s="281">
        <v>0</v>
      </c>
      <c r="H33" s="281">
        <v>0</v>
      </c>
      <c r="I33" s="281">
        <v>0</v>
      </c>
      <c r="J33" s="281">
        <v>0</v>
      </c>
      <c r="K33" s="282">
        <v>8</v>
      </c>
      <c r="L33" s="283">
        <v>8</v>
      </c>
      <c r="M33" s="277">
        <v>0</v>
      </c>
      <c r="N33" s="281">
        <v>0</v>
      </c>
      <c r="O33" s="278">
        <v>0</v>
      </c>
      <c r="P33" s="280">
        <v>0</v>
      </c>
      <c r="Q33" s="281">
        <v>0</v>
      </c>
      <c r="R33" s="281">
        <v>0</v>
      </c>
      <c r="S33" s="281">
        <v>0</v>
      </c>
      <c r="T33" s="281">
        <v>0</v>
      </c>
      <c r="U33" s="281">
        <v>5</v>
      </c>
      <c r="V33" s="278">
        <v>5</v>
      </c>
      <c r="W33" s="283">
        <v>5</v>
      </c>
      <c r="X33" s="277">
        <v>2</v>
      </c>
      <c r="Y33" s="281">
        <v>0</v>
      </c>
      <c r="Z33" s="278">
        <v>2</v>
      </c>
      <c r="AA33" s="280">
        <v>0</v>
      </c>
      <c r="AB33" s="281">
        <v>4</v>
      </c>
      <c r="AC33" s="281">
        <v>3</v>
      </c>
      <c r="AD33" s="281">
        <v>0</v>
      </c>
      <c r="AE33" s="281">
        <v>2</v>
      </c>
      <c r="AF33" s="281">
        <v>13</v>
      </c>
      <c r="AG33" s="278">
        <v>22</v>
      </c>
      <c r="AH33" s="283">
        <v>24</v>
      </c>
      <c r="AI33" s="277">
        <v>0</v>
      </c>
      <c r="AJ33" s="281">
        <v>0</v>
      </c>
      <c r="AK33" s="278">
        <v>0</v>
      </c>
      <c r="AL33" s="280">
        <v>0</v>
      </c>
      <c r="AM33" s="281">
        <v>0</v>
      </c>
      <c r="AN33" s="281">
        <v>0</v>
      </c>
      <c r="AO33" s="281">
        <v>23</v>
      </c>
      <c r="AP33" s="281">
        <v>0</v>
      </c>
      <c r="AQ33" s="281">
        <v>0</v>
      </c>
      <c r="AR33" s="278">
        <v>23</v>
      </c>
      <c r="AS33" s="283">
        <v>23</v>
      </c>
      <c r="AT33" s="277">
        <v>0</v>
      </c>
      <c r="AU33" s="281">
        <v>0</v>
      </c>
      <c r="AV33" s="278">
        <v>0</v>
      </c>
      <c r="AW33" s="280">
        <v>0</v>
      </c>
      <c r="AX33" s="281">
        <v>0</v>
      </c>
      <c r="AY33" s="281">
        <v>9</v>
      </c>
      <c r="AZ33" s="281">
        <v>33</v>
      </c>
      <c r="BA33" s="281">
        <v>15</v>
      </c>
      <c r="BB33" s="281">
        <v>0</v>
      </c>
      <c r="BC33" s="282">
        <v>57</v>
      </c>
      <c r="BD33" s="283">
        <v>57</v>
      </c>
      <c r="BE33" s="277">
        <v>0</v>
      </c>
      <c r="BF33" s="281">
        <v>0</v>
      </c>
      <c r="BG33" s="278">
        <v>0</v>
      </c>
      <c r="BH33" s="280">
        <v>0</v>
      </c>
      <c r="BI33" s="281">
        <v>0</v>
      </c>
      <c r="BJ33" s="281">
        <v>0</v>
      </c>
      <c r="BK33" s="281">
        <v>0</v>
      </c>
      <c r="BL33" s="281">
        <v>0</v>
      </c>
      <c r="BM33" s="281">
        <v>0</v>
      </c>
      <c r="BN33" s="278">
        <v>0</v>
      </c>
      <c r="BO33" s="283">
        <v>0</v>
      </c>
      <c r="BP33" s="277">
        <v>0</v>
      </c>
      <c r="BQ33" s="281">
        <v>0</v>
      </c>
      <c r="BR33" s="278">
        <v>0</v>
      </c>
      <c r="BS33" s="280">
        <v>0</v>
      </c>
      <c r="BT33" s="281">
        <v>0</v>
      </c>
      <c r="BU33" s="281">
        <v>0</v>
      </c>
      <c r="BV33" s="281">
        <v>0</v>
      </c>
      <c r="BW33" s="281">
        <v>9</v>
      </c>
      <c r="BX33" s="281">
        <v>0</v>
      </c>
      <c r="BY33" s="278">
        <v>9</v>
      </c>
      <c r="BZ33" s="283">
        <v>9</v>
      </c>
      <c r="CA33" s="277">
        <v>0</v>
      </c>
      <c r="CB33" s="281">
        <v>0</v>
      </c>
      <c r="CC33" s="278">
        <v>0</v>
      </c>
      <c r="CD33" s="280">
        <v>0</v>
      </c>
      <c r="CE33" s="281">
        <v>0</v>
      </c>
      <c r="CF33" s="281">
        <v>0</v>
      </c>
      <c r="CG33" s="281">
        <v>0</v>
      </c>
      <c r="CH33" s="281">
        <v>0</v>
      </c>
      <c r="CI33" s="281">
        <v>0</v>
      </c>
      <c r="CJ33" s="278">
        <v>0</v>
      </c>
      <c r="CK33" s="283">
        <v>0</v>
      </c>
      <c r="CL33" s="277">
        <v>0</v>
      </c>
      <c r="CM33" s="281">
        <v>0</v>
      </c>
      <c r="CN33" s="278">
        <v>0</v>
      </c>
      <c r="CO33" s="280">
        <v>0</v>
      </c>
      <c r="CP33" s="281">
        <v>0</v>
      </c>
      <c r="CQ33" s="281">
        <v>0</v>
      </c>
      <c r="CR33" s="281">
        <v>0</v>
      </c>
      <c r="CS33" s="281">
        <v>0</v>
      </c>
      <c r="CT33" s="281">
        <v>0</v>
      </c>
      <c r="CU33" s="278">
        <v>0</v>
      </c>
      <c r="CV33" s="283">
        <v>0</v>
      </c>
      <c r="CW33" s="277">
        <v>0</v>
      </c>
      <c r="CX33" s="281">
        <v>0</v>
      </c>
      <c r="CY33" s="278">
        <v>0</v>
      </c>
      <c r="CZ33" s="280">
        <v>0</v>
      </c>
      <c r="DA33" s="281">
        <v>0</v>
      </c>
      <c r="DB33" s="281">
        <v>0</v>
      </c>
      <c r="DC33" s="281">
        <v>0</v>
      </c>
      <c r="DD33" s="281">
        <v>0</v>
      </c>
      <c r="DE33" s="281">
        <v>0</v>
      </c>
      <c r="DF33" s="278">
        <v>0</v>
      </c>
      <c r="DG33" s="283">
        <v>0</v>
      </c>
    </row>
    <row r="34" spans="1:111" ht="18.75" customHeight="1" x14ac:dyDescent="0.2">
      <c r="A34" s="262" t="s">
        <v>32</v>
      </c>
      <c r="B34" s="277">
        <v>0</v>
      </c>
      <c r="C34" s="278">
        <v>0</v>
      </c>
      <c r="D34" s="279">
        <v>0</v>
      </c>
      <c r="E34" s="280">
        <v>0</v>
      </c>
      <c r="F34" s="281">
        <v>5</v>
      </c>
      <c r="G34" s="281">
        <v>20</v>
      </c>
      <c r="H34" s="281">
        <v>0</v>
      </c>
      <c r="I34" s="281">
        <v>120</v>
      </c>
      <c r="J34" s="281">
        <v>0</v>
      </c>
      <c r="K34" s="282">
        <v>145</v>
      </c>
      <c r="L34" s="283">
        <v>145</v>
      </c>
      <c r="M34" s="277">
        <v>0</v>
      </c>
      <c r="N34" s="281">
        <v>0</v>
      </c>
      <c r="O34" s="278">
        <v>0</v>
      </c>
      <c r="P34" s="280">
        <v>0</v>
      </c>
      <c r="Q34" s="281">
        <v>0</v>
      </c>
      <c r="R34" s="281">
        <v>0</v>
      </c>
      <c r="S34" s="281">
        <v>0</v>
      </c>
      <c r="T34" s="281">
        <v>0</v>
      </c>
      <c r="U34" s="281">
        <v>0</v>
      </c>
      <c r="V34" s="278">
        <v>0</v>
      </c>
      <c r="W34" s="283">
        <v>0</v>
      </c>
      <c r="X34" s="277">
        <v>0</v>
      </c>
      <c r="Y34" s="281">
        <v>0</v>
      </c>
      <c r="Z34" s="278">
        <v>0</v>
      </c>
      <c r="AA34" s="280">
        <v>0</v>
      </c>
      <c r="AB34" s="281">
        <v>0</v>
      </c>
      <c r="AC34" s="281">
        <v>12</v>
      </c>
      <c r="AD34" s="281">
        <v>32</v>
      </c>
      <c r="AE34" s="281">
        <v>3</v>
      </c>
      <c r="AF34" s="281">
        <v>11</v>
      </c>
      <c r="AG34" s="278">
        <v>58</v>
      </c>
      <c r="AH34" s="283">
        <v>58</v>
      </c>
      <c r="AI34" s="277">
        <v>2</v>
      </c>
      <c r="AJ34" s="281">
        <v>0</v>
      </c>
      <c r="AK34" s="278">
        <v>2</v>
      </c>
      <c r="AL34" s="280">
        <v>0</v>
      </c>
      <c r="AM34" s="281">
        <v>0</v>
      </c>
      <c r="AN34" s="281">
        <v>0</v>
      </c>
      <c r="AO34" s="281">
        <v>6</v>
      </c>
      <c r="AP34" s="281">
        <v>0</v>
      </c>
      <c r="AQ34" s="281">
        <v>0</v>
      </c>
      <c r="AR34" s="278">
        <v>6</v>
      </c>
      <c r="AS34" s="283">
        <v>8</v>
      </c>
      <c r="AT34" s="277">
        <v>0</v>
      </c>
      <c r="AU34" s="281">
        <v>0</v>
      </c>
      <c r="AV34" s="278">
        <v>0</v>
      </c>
      <c r="AW34" s="280">
        <v>0</v>
      </c>
      <c r="AX34" s="281">
        <v>20</v>
      </c>
      <c r="AY34" s="281">
        <v>18</v>
      </c>
      <c r="AZ34" s="281">
        <v>0</v>
      </c>
      <c r="BA34" s="281">
        <v>0</v>
      </c>
      <c r="BB34" s="281">
        <v>0</v>
      </c>
      <c r="BC34" s="282">
        <v>38</v>
      </c>
      <c r="BD34" s="283">
        <v>38</v>
      </c>
      <c r="BE34" s="277">
        <v>0</v>
      </c>
      <c r="BF34" s="281">
        <v>0</v>
      </c>
      <c r="BG34" s="278">
        <v>0</v>
      </c>
      <c r="BH34" s="280">
        <v>0</v>
      </c>
      <c r="BI34" s="281">
        <v>0</v>
      </c>
      <c r="BJ34" s="281">
        <v>6</v>
      </c>
      <c r="BK34" s="281">
        <v>10</v>
      </c>
      <c r="BL34" s="281">
        <v>8</v>
      </c>
      <c r="BM34" s="281">
        <v>0</v>
      </c>
      <c r="BN34" s="278">
        <v>24</v>
      </c>
      <c r="BO34" s="283">
        <v>24</v>
      </c>
      <c r="BP34" s="277">
        <v>0</v>
      </c>
      <c r="BQ34" s="281">
        <v>0</v>
      </c>
      <c r="BR34" s="278">
        <v>0</v>
      </c>
      <c r="BS34" s="280">
        <v>0</v>
      </c>
      <c r="BT34" s="281">
        <v>15</v>
      </c>
      <c r="BU34" s="281">
        <v>5</v>
      </c>
      <c r="BV34" s="281">
        <v>0</v>
      </c>
      <c r="BW34" s="281">
        <v>0</v>
      </c>
      <c r="BX34" s="281">
        <v>0</v>
      </c>
      <c r="BY34" s="278">
        <v>20</v>
      </c>
      <c r="BZ34" s="283">
        <v>20</v>
      </c>
      <c r="CA34" s="277">
        <v>0</v>
      </c>
      <c r="CB34" s="281">
        <v>0</v>
      </c>
      <c r="CC34" s="278">
        <v>0</v>
      </c>
      <c r="CD34" s="280">
        <v>0</v>
      </c>
      <c r="CE34" s="281">
        <v>0</v>
      </c>
      <c r="CF34" s="281">
        <v>0</v>
      </c>
      <c r="CG34" s="281">
        <v>0</v>
      </c>
      <c r="CH34" s="281">
        <v>3</v>
      </c>
      <c r="CI34" s="281">
        <v>0</v>
      </c>
      <c r="CJ34" s="278">
        <v>3</v>
      </c>
      <c r="CK34" s="283">
        <v>3</v>
      </c>
      <c r="CL34" s="277">
        <v>0</v>
      </c>
      <c r="CM34" s="281">
        <v>0</v>
      </c>
      <c r="CN34" s="278">
        <v>0</v>
      </c>
      <c r="CO34" s="280">
        <v>0</v>
      </c>
      <c r="CP34" s="281">
        <v>0</v>
      </c>
      <c r="CQ34" s="281">
        <v>0</v>
      </c>
      <c r="CR34" s="281">
        <v>0</v>
      </c>
      <c r="CS34" s="281">
        <v>0</v>
      </c>
      <c r="CT34" s="281">
        <v>0</v>
      </c>
      <c r="CU34" s="278">
        <v>0</v>
      </c>
      <c r="CV34" s="283">
        <v>0</v>
      </c>
      <c r="CW34" s="277">
        <v>0</v>
      </c>
      <c r="CX34" s="281">
        <v>0</v>
      </c>
      <c r="CY34" s="278">
        <v>0</v>
      </c>
      <c r="CZ34" s="280">
        <v>0</v>
      </c>
      <c r="DA34" s="281">
        <v>0</v>
      </c>
      <c r="DB34" s="281">
        <v>0</v>
      </c>
      <c r="DC34" s="281">
        <v>0</v>
      </c>
      <c r="DD34" s="281">
        <v>0</v>
      </c>
      <c r="DE34" s="281">
        <v>0</v>
      </c>
      <c r="DF34" s="278">
        <v>0</v>
      </c>
      <c r="DG34" s="283">
        <v>0</v>
      </c>
    </row>
    <row r="35" spans="1:111" ht="18.75" customHeight="1" x14ac:dyDescent="0.2">
      <c r="A35" s="262" t="s">
        <v>33</v>
      </c>
      <c r="B35" s="277">
        <v>0</v>
      </c>
      <c r="C35" s="278">
        <v>0</v>
      </c>
      <c r="D35" s="279">
        <v>0</v>
      </c>
      <c r="E35" s="280">
        <v>0</v>
      </c>
      <c r="F35" s="281">
        <v>8</v>
      </c>
      <c r="G35" s="281">
        <v>0</v>
      </c>
      <c r="H35" s="281">
        <v>19</v>
      </c>
      <c r="I35" s="281">
        <v>0</v>
      </c>
      <c r="J35" s="281">
        <v>0</v>
      </c>
      <c r="K35" s="282">
        <v>27</v>
      </c>
      <c r="L35" s="283">
        <v>27</v>
      </c>
      <c r="M35" s="277">
        <v>0</v>
      </c>
      <c r="N35" s="281">
        <v>0</v>
      </c>
      <c r="O35" s="278">
        <v>0</v>
      </c>
      <c r="P35" s="280">
        <v>0</v>
      </c>
      <c r="Q35" s="281">
        <v>0</v>
      </c>
      <c r="R35" s="281">
        <v>0</v>
      </c>
      <c r="S35" s="281">
        <v>0</v>
      </c>
      <c r="T35" s="281">
        <v>0</v>
      </c>
      <c r="U35" s="281">
        <v>0</v>
      </c>
      <c r="V35" s="278">
        <v>0</v>
      </c>
      <c r="W35" s="283">
        <v>0</v>
      </c>
      <c r="X35" s="277">
        <v>4</v>
      </c>
      <c r="Y35" s="281">
        <v>0</v>
      </c>
      <c r="Z35" s="278">
        <v>4</v>
      </c>
      <c r="AA35" s="280">
        <v>0</v>
      </c>
      <c r="AB35" s="281">
        <v>3</v>
      </c>
      <c r="AC35" s="281">
        <v>4</v>
      </c>
      <c r="AD35" s="281">
        <v>26</v>
      </c>
      <c r="AE35" s="281">
        <v>0</v>
      </c>
      <c r="AF35" s="281">
        <v>9</v>
      </c>
      <c r="AG35" s="278">
        <v>42</v>
      </c>
      <c r="AH35" s="283">
        <v>46</v>
      </c>
      <c r="AI35" s="277">
        <v>0</v>
      </c>
      <c r="AJ35" s="281">
        <v>9</v>
      </c>
      <c r="AK35" s="278">
        <v>9</v>
      </c>
      <c r="AL35" s="280">
        <v>0</v>
      </c>
      <c r="AM35" s="281">
        <v>12</v>
      </c>
      <c r="AN35" s="281">
        <v>24</v>
      </c>
      <c r="AO35" s="281">
        <v>9</v>
      </c>
      <c r="AP35" s="281">
        <v>30</v>
      </c>
      <c r="AQ35" s="281">
        <v>0</v>
      </c>
      <c r="AR35" s="278">
        <v>75</v>
      </c>
      <c r="AS35" s="283">
        <v>84</v>
      </c>
      <c r="AT35" s="277">
        <v>0</v>
      </c>
      <c r="AU35" s="281">
        <v>0</v>
      </c>
      <c r="AV35" s="278">
        <v>0</v>
      </c>
      <c r="AW35" s="280">
        <v>0</v>
      </c>
      <c r="AX35" s="281">
        <v>4</v>
      </c>
      <c r="AY35" s="281">
        <v>0</v>
      </c>
      <c r="AZ35" s="281">
        <v>0</v>
      </c>
      <c r="BA35" s="281">
        <v>0</v>
      </c>
      <c r="BB35" s="281">
        <v>0</v>
      </c>
      <c r="BC35" s="282">
        <v>4</v>
      </c>
      <c r="BD35" s="283">
        <v>4</v>
      </c>
      <c r="BE35" s="277">
        <v>0</v>
      </c>
      <c r="BF35" s="281">
        <v>0</v>
      </c>
      <c r="BG35" s="278">
        <v>0</v>
      </c>
      <c r="BH35" s="280">
        <v>0</v>
      </c>
      <c r="BI35" s="281">
        <v>4</v>
      </c>
      <c r="BJ35" s="281">
        <v>0</v>
      </c>
      <c r="BK35" s="281">
        <v>0</v>
      </c>
      <c r="BL35" s="281">
        <v>6</v>
      </c>
      <c r="BM35" s="281">
        <v>0</v>
      </c>
      <c r="BN35" s="278">
        <v>10</v>
      </c>
      <c r="BO35" s="283">
        <v>10</v>
      </c>
      <c r="BP35" s="277">
        <v>0</v>
      </c>
      <c r="BQ35" s="281">
        <v>0</v>
      </c>
      <c r="BR35" s="278">
        <v>0</v>
      </c>
      <c r="BS35" s="280">
        <v>0</v>
      </c>
      <c r="BT35" s="281">
        <v>29</v>
      </c>
      <c r="BU35" s="281">
        <v>0</v>
      </c>
      <c r="BV35" s="281">
        <v>3</v>
      </c>
      <c r="BW35" s="281">
        <v>0</v>
      </c>
      <c r="BX35" s="281">
        <v>0</v>
      </c>
      <c r="BY35" s="278">
        <v>32</v>
      </c>
      <c r="BZ35" s="283">
        <v>32</v>
      </c>
      <c r="CA35" s="277">
        <v>0</v>
      </c>
      <c r="CB35" s="281">
        <v>0</v>
      </c>
      <c r="CC35" s="278">
        <v>0</v>
      </c>
      <c r="CD35" s="280">
        <v>0</v>
      </c>
      <c r="CE35" s="281">
        <v>0</v>
      </c>
      <c r="CF35" s="281">
        <v>0</v>
      </c>
      <c r="CG35" s="281">
        <v>0</v>
      </c>
      <c r="CH35" s="281">
        <v>0</v>
      </c>
      <c r="CI35" s="281">
        <v>0</v>
      </c>
      <c r="CJ35" s="278">
        <v>0</v>
      </c>
      <c r="CK35" s="283">
        <v>0</v>
      </c>
      <c r="CL35" s="277">
        <v>0</v>
      </c>
      <c r="CM35" s="281">
        <v>0</v>
      </c>
      <c r="CN35" s="278">
        <v>0</v>
      </c>
      <c r="CO35" s="280">
        <v>0</v>
      </c>
      <c r="CP35" s="281">
        <v>0</v>
      </c>
      <c r="CQ35" s="281">
        <v>0</v>
      </c>
      <c r="CR35" s="281">
        <v>0</v>
      </c>
      <c r="CS35" s="281">
        <v>0</v>
      </c>
      <c r="CT35" s="281">
        <v>0</v>
      </c>
      <c r="CU35" s="278">
        <v>0</v>
      </c>
      <c r="CV35" s="283">
        <v>0</v>
      </c>
      <c r="CW35" s="277">
        <v>0</v>
      </c>
      <c r="CX35" s="281">
        <v>0</v>
      </c>
      <c r="CY35" s="278">
        <v>0</v>
      </c>
      <c r="CZ35" s="280">
        <v>0</v>
      </c>
      <c r="DA35" s="281">
        <v>0</v>
      </c>
      <c r="DB35" s="281">
        <v>0</v>
      </c>
      <c r="DC35" s="281">
        <v>0</v>
      </c>
      <c r="DD35" s="281">
        <v>0</v>
      </c>
      <c r="DE35" s="281">
        <v>0</v>
      </c>
      <c r="DF35" s="278">
        <v>0</v>
      </c>
      <c r="DG35" s="283">
        <v>0</v>
      </c>
    </row>
    <row r="36" spans="1:111" ht="18.75" customHeight="1" x14ac:dyDescent="0.2">
      <c r="A36" s="262" t="s">
        <v>34</v>
      </c>
      <c r="B36" s="277">
        <v>0</v>
      </c>
      <c r="C36" s="278">
        <v>0</v>
      </c>
      <c r="D36" s="279">
        <v>0</v>
      </c>
      <c r="E36" s="280">
        <v>0</v>
      </c>
      <c r="F36" s="281">
        <v>0</v>
      </c>
      <c r="G36" s="281">
        <v>0</v>
      </c>
      <c r="H36" s="281">
        <v>8</v>
      </c>
      <c r="I36" s="281">
        <v>104</v>
      </c>
      <c r="J36" s="281">
        <v>0</v>
      </c>
      <c r="K36" s="282">
        <v>112</v>
      </c>
      <c r="L36" s="283">
        <v>112</v>
      </c>
      <c r="M36" s="277">
        <v>0</v>
      </c>
      <c r="N36" s="281">
        <v>0</v>
      </c>
      <c r="O36" s="278">
        <v>0</v>
      </c>
      <c r="P36" s="280">
        <v>0</v>
      </c>
      <c r="Q36" s="281">
        <v>0</v>
      </c>
      <c r="R36" s="281">
        <v>0</v>
      </c>
      <c r="S36" s="281">
        <v>0</v>
      </c>
      <c r="T36" s="281">
        <v>0</v>
      </c>
      <c r="U36" s="281">
        <v>0</v>
      </c>
      <c r="V36" s="278">
        <v>0</v>
      </c>
      <c r="W36" s="283">
        <v>0</v>
      </c>
      <c r="X36" s="277">
        <v>0</v>
      </c>
      <c r="Y36" s="281">
        <v>0</v>
      </c>
      <c r="Z36" s="278">
        <v>0</v>
      </c>
      <c r="AA36" s="280">
        <v>0</v>
      </c>
      <c r="AB36" s="281">
        <v>0</v>
      </c>
      <c r="AC36" s="281">
        <v>0</v>
      </c>
      <c r="AD36" s="281">
        <v>0</v>
      </c>
      <c r="AE36" s="281">
        <v>0</v>
      </c>
      <c r="AF36" s="281">
        <v>0</v>
      </c>
      <c r="AG36" s="278">
        <v>0</v>
      </c>
      <c r="AH36" s="283">
        <v>0</v>
      </c>
      <c r="AI36" s="277">
        <v>0</v>
      </c>
      <c r="AJ36" s="281">
        <v>0</v>
      </c>
      <c r="AK36" s="278">
        <v>0</v>
      </c>
      <c r="AL36" s="280">
        <v>0</v>
      </c>
      <c r="AM36" s="281">
        <v>0</v>
      </c>
      <c r="AN36" s="281">
        <v>0</v>
      </c>
      <c r="AO36" s="281">
        <v>12</v>
      </c>
      <c r="AP36" s="281">
        <v>0</v>
      </c>
      <c r="AQ36" s="281">
        <v>0</v>
      </c>
      <c r="AR36" s="278">
        <v>12</v>
      </c>
      <c r="AS36" s="283">
        <v>12</v>
      </c>
      <c r="AT36" s="277">
        <v>0</v>
      </c>
      <c r="AU36" s="281">
        <v>0</v>
      </c>
      <c r="AV36" s="278">
        <v>0</v>
      </c>
      <c r="AW36" s="280">
        <v>0</v>
      </c>
      <c r="AX36" s="281">
        <v>0</v>
      </c>
      <c r="AY36" s="281">
        <v>6</v>
      </c>
      <c r="AZ36" s="281">
        <v>25</v>
      </c>
      <c r="BA36" s="281">
        <v>13</v>
      </c>
      <c r="BB36" s="281">
        <v>0</v>
      </c>
      <c r="BC36" s="282">
        <v>44</v>
      </c>
      <c r="BD36" s="283">
        <v>44</v>
      </c>
      <c r="BE36" s="277">
        <v>0</v>
      </c>
      <c r="BF36" s="281">
        <v>0</v>
      </c>
      <c r="BG36" s="278">
        <v>0</v>
      </c>
      <c r="BH36" s="280">
        <v>0</v>
      </c>
      <c r="BI36" s="281">
        <v>1</v>
      </c>
      <c r="BJ36" s="281">
        <v>0</v>
      </c>
      <c r="BK36" s="281">
        <v>0</v>
      </c>
      <c r="BL36" s="281">
        <v>0</v>
      </c>
      <c r="BM36" s="281">
        <v>0</v>
      </c>
      <c r="BN36" s="278">
        <v>1</v>
      </c>
      <c r="BO36" s="283">
        <v>1</v>
      </c>
      <c r="BP36" s="277">
        <v>0</v>
      </c>
      <c r="BQ36" s="281">
        <v>0</v>
      </c>
      <c r="BR36" s="278">
        <v>0</v>
      </c>
      <c r="BS36" s="280">
        <v>0</v>
      </c>
      <c r="BT36" s="281">
        <v>0</v>
      </c>
      <c r="BU36" s="281">
        <v>0</v>
      </c>
      <c r="BV36" s="281">
        <v>0</v>
      </c>
      <c r="BW36" s="281">
        <v>0</v>
      </c>
      <c r="BX36" s="281">
        <v>0</v>
      </c>
      <c r="BY36" s="278">
        <v>0</v>
      </c>
      <c r="BZ36" s="283">
        <v>0</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0</v>
      </c>
      <c r="CQ36" s="281">
        <v>0</v>
      </c>
      <c r="CR36" s="281">
        <v>0</v>
      </c>
      <c r="CS36" s="281">
        <v>0</v>
      </c>
      <c r="CT36" s="281">
        <v>0</v>
      </c>
      <c r="CU36" s="278">
        <v>0</v>
      </c>
      <c r="CV36" s="283">
        <v>0</v>
      </c>
      <c r="CW36" s="277">
        <v>0</v>
      </c>
      <c r="CX36" s="281">
        <v>0</v>
      </c>
      <c r="CY36" s="278">
        <v>0</v>
      </c>
      <c r="CZ36" s="280">
        <v>0</v>
      </c>
      <c r="DA36" s="281">
        <v>0</v>
      </c>
      <c r="DB36" s="281">
        <v>0</v>
      </c>
      <c r="DC36" s="281">
        <v>0</v>
      </c>
      <c r="DD36" s="281">
        <v>0</v>
      </c>
      <c r="DE36" s="281">
        <v>0</v>
      </c>
      <c r="DF36" s="278">
        <v>0</v>
      </c>
      <c r="DG36" s="283">
        <v>0</v>
      </c>
    </row>
    <row r="37" spans="1:111" ht="18.75" customHeight="1" x14ac:dyDescent="0.2">
      <c r="A37" s="262" t="s">
        <v>35</v>
      </c>
      <c r="B37" s="277">
        <v>0</v>
      </c>
      <c r="C37" s="278">
        <v>0</v>
      </c>
      <c r="D37" s="279">
        <v>0</v>
      </c>
      <c r="E37" s="280">
        <v>0</v>
      </c>
      <c r="F37" s="281">
        <v>105</v>
      </c>
      <c r="G37" s="281">
        <v>30</v>
      </c>
      <c r="H37" s="281">
        <v>33</v>
      </c>
      <c r="I37" s="281">
        <v>86</v>
      </c>
      <c r="J37" s="281">
        <v>0</v>
      </c>
      <c r="K37" s="282">
        <v>254</v>
      </c>
      <c r="L37" s="283">
        <v>254</v>
      </c>
      <c r="M37" s="277">
        <v>0</v>
      </c>
      <c r="N37" s="281">
        <v>0</v>
      </c>
      <c r="O37" s="278">
        <v>0</v>
      </c>
      <c r="P37" s="280">
        <v>0</v>
      </c>
      <c r="Q37" s="281">
        <v>0</v>
      </c>
      <c r="R37" s="281">
        <v>0</v>
      </c>
      <c r="S37" s="281">
        <v>1</v>
      </c>
      <c r="T37" s="281">
        <v>0</v>
      </c>
      <c r="U37" s="281">
        <v>0</v>
      </c>
      <c r="V37" s="278">
        <v>1</v>
      </c>
      <c r="W37" s="283">
        <v>1</v>
      </c>
      <c r="X37" s="277">
        <v>0</v>
      </c>
      <c r="Y37" s="281">
        <v>0</v>
      </c>
      <c r="Z37" s="278">
        <v>0</v>
      </c>
      <c r="AA37" s="280">
        <v>0</v>
      </c>
      <c r="AB37" s="281">
        <v>15</v>
      </c>
      <c r="AC37" s="281">
        <v>17</v>
      </c>
      <c r="AD37" s="281">
        <v>7</v>
      </c>
      <c r="AE37" s="281">
        <v>31</v>
      </c>
      <c r="AF37" s="281">
        <v>33</v>
      </c>
      <c r="AG37" s="278">
        <v>103</v>
      </c>
      <c r="AH37" s="283">
        <v>103</v>
      </c>
      <c r="AI37" s="277">
        <v>0</v>
      </c>
      <c r="AJ37" s="281">
        <v>0</v>
      </c>
      <c r="AK37" s="278">
        <v>0</v>
      </c>
      <c r="AL37" s="280">
        <v>0</v>
      </c>
      <c r="AM37" s="281">
        <v>8</v>
      </c>
      <c r="AN37" s="281">
        <v>0</v>
      </c>
      <c r="AO37" s="281">
        <v>0</v>
      </c>
      <c r="AP37" s="281">
        <v>0</v>
      </c>
      <c r="AQ37" s="281">
        <v>0</v>
      </c>
      <c r="AR37" s="278">
        <v>8</v>
      </c>
      <c r="AS37" s="283">
        <v>8</v>
      </c>
      <c r="AT37" s="277">
        <v>0</v>
      </c>
      <c r="AU37" s="281">
        <v>0</v>
      </c>
      <c r="AV37" s="278">
        <v>0</v>
      </c>
      <c r="AW37" s="280">
        <v>0</v>
      </c>
      <c r="AX37" s="281">
        <v>23</v>
      </c>
      <c r="AY37" s="281">
        <v>39</v>
      </c>
      <c r="AZ37" s="281">
        <v>12</v>
      </c>
      <c r="BA37" s="281">
        <v>0</v>
      </c>
      <c r="BB37" s="281">
        <v>0</v>
      </c>
      <c r="BC37" s="282">
        <v>74</v>
      </c>
      <c r="BD37" s="283">
        <v>74</v>
      </c>
      <c r="BE37" s="277">
        <v>0</v>
      </c>
      <c r="BF37" s="281">
        <v>0</v>
      </c>
      <c r="BG37" s="278">
        <v>0</v>
      </c>
      <c r="BH37" s="280">
        <v>0</v>
      </c>
      <c r="BI37" s="281">
        <v>2</v>
      </c>
      <c r="BJ37" s="281">
        <v>16</v>
      </c>
      <c r="BK37" s="281">
        <v>0</v>
      </c>
      <c r="BL37" s="281">
        <v>11</v>
      </c>
      <c r="BM37" s="281">
        <v>0</v>
      </c>
      <c r="BN37" s="278">
        <v>29</v>
      </c>
      <c r="BO37" s="283">
        <v>29</v>
      </c>
      <c r="BP37" s="277">
        <v>0</v>
      </c>
      <c r="BQ37" s="281">
        <v>0</v>
      </c>
      <c r="BR37" s="278">
        <v>0</v>
      </c>
      <c r="BS37" s="280">
        <v>0</v>
      </c>
      <c r="BT37" s="281">
        <v>0</v>
      </c>
      <c r="BU37" s="281">
        <v>0</v>
      </c>
      <c r="BV37" s="281">
        <v>0</v>
      </c>
      <c r="BW37" s="281">
        <v>0</v>
      </c>
      <c r="BX37" s="281">
        <v>0</v>
      </c>
      <c r="BY37" s="278">
        <v>0</v>
      </c>
      <c r="BZ37" s="283">
        <v>0</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c r="CW37" s="277">
        <v>0</v>
      </c>
      <c r="CX37" s="281">
        <v>0</v>
      </c>
      <c r="CY37" s="278">
        <v>0</v>
      </c>
      <c r="CZ37" s="280">
        <v>0</v>
      </c>
      <c r="DA37" s="281">
        <v>0</v>
      </c>
      <c r="DB37" s="281">
        <v>0</v>
      </c>
      <c r="DC37" s="281">
        <v>0</v>
      </c>
      <c r="DD37" s="281">
        <v>0</v>
      </c>
      <c r="DE37" s="281">
        <v>0</v>
      </c>
      <c r="DF37" s="278">
        <v>0</v>
      </c>
      <c r="DG37" s="283">
        <v>0</v>
      </c>
    </row>
    <row r="38" spans="1:111" ht="18.75" customHeight="1" x14ac:dyDescent="0.2">
      <c r="A38" s="262" t="s">
        <v>36</v>
      </c>
      <c r="B38" s="277">
        <v>0</v>
      </c>
      <c r="C38" s="278">
        <v>0</v>
      </c>
      <c r="D38" s="279">
        <v>0</v>
      </c>
      <c r="E38" s="280">
        <v>0</v>
      </c>
      <c r="F38" s="281">
        <v>81</v>
      </c>
      <c r="G38" s="281">
        <v>4</v>
      </c>
      <c r="H38" s="281">
        <v>0</v>
      </c>
      <c r="I38" s="281">
        <v>63</v>
      </c>
      <c r="J38" s="281">
        <v>0</v>
      </c>
      <c r="K38" s="282">
        <v>148</v>
      </c>
      <c r="L38" s="283">
        <v>148</v>
      </c>
      <c r="M38" s="277">
        <v>0</v>
      </c>
      <c r="N38" s="281">
        <v>0</v>
      </c>
      <c r="O38" s="278">
        <v>0</v>
      </c>
      <c r="P38" s="280">
        <v>0</v>
      </c>
      <c r="Q38" s="281">
        <v>0</v>
      </c>
      <c r="R38" s="281">
        <v>0</v>
      </c>
      <c r="S38" s="281">
        <v>0</v>
      </c>
      <c r="T38" s="281">
        <v>0</v>
      </c>
      <c r="U38" s="281">
        <v>1</v>
      </c>
      <c r="V38" s="278">
        <v>1</v>
      </c>
      <c r="W38" s="283">
        <v>1</v>
      </c>
      <c r="X38" s="277">
        <v>19</v>
      </c>
      <c r="Y38" s="281">
        <v>5</v>
      </c>
      <c r="Z38" s="278">
        <v>24</v>
      </c>
      <c r="AA38" s="280">
        <v>0</v>
      </c>
      <c r="AB38" s="281">
        <v>21</v>
      </c>
      <c r="AC38" s="281">
        <v>20</v>
      </c>
      <c r="AD38" s="281">
        <v>0</v>
      </c>
      <c r="AE38" s="281">
        <v>0</v>
      </c>
      <c r="AF38" s="281">
        <v>24</v>
      </c>
      <c r="AG38" s="278">
        <v>65</v>
      </c>
      <c r="AH38" s="283">
        <v>89</v>
      </c>
      <c r="AI38" s="277">
        <v>0</v>
      </c>
      <c r="AJ38" s="281">
        <v>0</v>
      </c>
      <c r="AK38" s="278">
        <v>0</v>
      </c>
      <c r="AL38" s="280">
        <v>0</v>
      </c>
      <c r="AM38" s="281">
        <v>24</v>
      </c>
      <c r="AN38" s="281">
        <v>0</v>
      </c>
      <c r="AO38" s="281">
        <v>0</v>
      </c>
      <c r="AP38" s="281">
        <v>0</v>
      </c>
      <c r="AQ38" s="281">
        <v>18</v>
      </c>
      <c r="AR38" s="278">
        <v>42</v>
      </c>
      <c r="AS38" s="283">
        <v>42</v>
      </c>
      <c r="AT38" s="277">
        <v>0</v>
      </c>
      <c r="AU38" s="281">
        <v>0</v>
      </c>
      <c r="AV38" s="278">
        <v>0</v>
      </c>
      <c r="AW38" s="280">
        <v>0</v>
      </c>
      <c r="AX38" s="281">
        <v>23</v>
      </c>
      <c r="AY38" s="281">
        <v>26</v>
      </c>
      <c r="AZ38" s="281">
        <v>20</v>
      </c>
      <c r="BA38" s="281">
        <v>0</v>
      </c>
      <c r="BB38" s="281">
        <v>3</v>
      </c>
      <c r="BC38" s="282">
        <v>72</v>
      </c>
      <c r="BD38" s="283">
        <v>72</v>
      </c>
      <c r="BE38" s="277">
        <v>0</v>
      </c>
      <c r="BF38" s="281">
        <v>0</v>
      </c>
      <c r="BG38" s="278">
        <v>0</v>
      </c>
      <c r="BH38" s="280">
        <v>0</v>
      </c>
      <c r="BI38" s="281">
        <v>2</v>
      </c>
      <c r="BJ38" s="281">
        <v>0</v>
      </c>
      <c r="BK38" s="281">
        <v>0</v>
      </c>
      <c r="BL38" s="281">
        <v>0</v>
      </c>
      <c r="BM38" s="281">
        <v>0</v>
      </c>
      <c r="BN38" s="278">
        <v>2</v>
      </c>
      <c r="BO38" s="283">
        <v>2</v>
      </c>
      <c r="BP38" s="277">
        <v>0</v>
      </c>
      <c r="BQ38" s="281">
        <v>0</v>
      </c>
      <c r="BR38" s="278">
        <v>0</v>
      </c>
      <c r="BS38" s="280">
        <v>0</v>
      </c>
      <c r="BT38" s="281">
        <v>0</v>
      </c>
      <c r="BU38" s="281">
        <v>16</v>
      </c>
      <c r="BV38" s="281">
        <v>10</v>
      </c>
      <c r="BW38" s="281">
        <v>0</v>
      </c>
      <c r="BX38" s="281">
        <v>0</v>
      </c>
      <c r="BY38" s="278">
        <v>26</v>
      </c>
      <c r="BZ38" s="283">
        <v>26</v>
      </c>
      <c r="CA38" s="277">
        <v>0</v>
      </c>
      <c r="CB38" s="281">
        <v>0</v>
      </c>
      <c r="CC38" s="278">
        <v>0</v>
      </c>
      <c r="CD38" s="280">
        <v>0</v>
      </c>
      <c r="CE38" s="281">
        <v>0</v>
      </c>
      <c r="CF38" s="281">
        <v>0</v>
      </c>
      <c r="CG38" s="281">
        <v>0</v>
      </c>
      <c r="CH38" s="281">
        <v>0</v>
      </c>
      <c r="CI38" s="281">
        <v>0</v>
      </c>
      <c r="CJ38" s="278">
        <v>0</v>
      </c>
      <c r="CK38" s="283">
        <v>0</v>
      </c>
      <c r="CL38" s="277">
        <v>0</v>
      </c>
      <c r="CM38" s="281">
        <v>0</v>
      </c>
      <c r="CN38" s="278">
        <v>0</v>
      </c>
      <c r="CO38" s="280">
        <v>0</v>
      </c>
      <c r="CP38" s="281">
        <v>0</v>
      </c>
      <c r="CQ38" s="281">
        <v>0</v>
      </c>
      <c r="CR38" s="281">
        <v>0</v>
      </c>
      <c r="CS38" s="281">
        <v>0</v>
      </c>
      <c r="CT38" s="281">
        <v>0</v>
      </c>
      <c r="CU38" s="278">
        <v>0</v>
      </c>
      <c r="CV38" s="283">
        <v>0</v>
      </c>
      <c r="CW38" s="277">
        <v>0</v>
      </c>
      <c r="CX38" s="281">
        <v>0</v>
      </c>
      <c r="CY38" s="278">
        <v>0</v>
      </c>
      <c r="CZ38" s="280">
        <v>0</v>
      </c>
      <c r="DA38" s="281">
        <v>0</v>
      </c>
      <c r="DB38" s="281">
        <v>0</v>
      </c>
      <c r="DC38" s="281">
        <v>0</v>
      </c>
      <c r="DD38" s="281">
        <v>0</v>
      </c>
      <c r="DE38" s="281">
        <v>0</v>
      </c>
      <c r="DF38" s="278">
        <v>0</v>
      </c>
      <c r="DG38" s="283">
        <v>0</v>
      </c>
    </row>
    <row r="39" spans="1:111" ht="18.75" customHeight="1" thickBot="1" x14ac:dyDescent="0.25">
      <c r="A39" s="263" t="s">
        <v>37</v>
      </c>
      <c r="B39" s="284">
        <v>0</v>
      </c>
      <c r="C39" s="285">
        <v>0</v>
      </c>
      <c r="D39" s="286">
        <v>0</v>
      </c>
      <c r="E39" s="287">
        <v>0</v>
      </c>
      <c r="F39" s="288">
        <v>0</v>
      </c>
      <c r="G39" s="288">
        <v>0</v>
      </c>
      <c r="H39" s="288">
        <v>0</v>
      </c>
      <c r="I39" s="288">
        <v>0</v>
      </c>
      <c r="J39" s="288">
        <v>28</v>
      </c>
      <c r="K39" s="289">
        <v>28</v>
      </c>
      <c r="L39" s="290">
        <v>28</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0</v>
      </c>
      <c r="AC39" s="288">
        <v>0</v>
      </c>
      <c r="AD39" s="288">
        <v>0</v>
      </c>
      <c r="AE39" s="288">
        <v>7</v>
      </c>
      <c r="AF39" s="288">
        <v>7</v>
      </c>
      <c r="AG39" s="285">
        <v>14</v>
      </c>
      <c r="AH39" s="290">
        <v>14</v>
      </c>
      <c r="AI39" s="284">
        <v>0</v>
      </c>
      <c r="AJ39" s="288">
        <v>0</v>
      </c>
      <c r="AK39" s="285">
        <v>0</v>
      </c>
      <c r="AL39" s="287">
        <v>0</v>
      </c>
      <c r="AM39" s="288">
        <v>0</v>
      </c>
      <c r="AN39" s="288">
        <v>0</v>
      </c>
      <c r="AO39" s="288">
        <v>0</v>
      </c>
      <c r="AP39" s="288">
        <v>0</v>
      </c>
      <c r="AQ39" s="288">
        <v>0</v>
      </c>
      <c r="AR39" s="285">
        <v>0</v>
      </c>
      <c r="AS39" s="290">
        <v>0</v>
      </c>
      <c r="AT39" s="284">
        <v>0</v>
      </c>
      <c r="AU39" s="288">
        <v>0</v>
      </c>
      <c r="AV39" s="285">
        <v>0</v>
      </c>
      <c r="AW39" s="287">
        <v>0</v>
      </c>
      <c r="AX39" s="288">
        <v>0</v>
      </c>
      <c r="AY39" s="288">
        <v>0</v>
      </c>
      <c r="AZ39" s="288">
        <v>0</v>
      </c>
      <c r="BA39" s="288">
        <v>0</v>
      </c>
      <c r="BB39" s="288">
        <v>0</v>
      </c>
      <c r="BC39" s="289">
        <v>0</v>
      </c>
      <c r="BD39" s="290">
        <v>0</v>
      </c>
      <c r="BE39" s="284">
        <v>0</v>
      </c>
      <c r="BF39" s="288">
        <v>0</v>
      </c>
      <c r="BG39" s="285">
        <v>0</v>
      </c>
      <c r="BH39" s="287">
        <v>0</v>
      </c>
      <c r="BI39" s="288">
        <v>0</v>
      </c>
      <c r="BJ39" s="288">
        <v>0</v>
      </c>
      <c r="BK39" s="288">
        <v>0</v>
      </c>
      <c r="BL39" s="288">
        <v>0</v>
      </c>
      <c r="BM39" s="288">
        <v>0</v>
      </c>
      <c r="BN39" s="285">
        <v>0</v>
      </c>
      <c r="BO39" s="290">
        <v>0</v>
      </c>
      <c r="BP39" s="284">
        <v>0</v>
      </c>
      <c r="BQ39" s="288">
        <v>0</v>
      </c>
      <c r="BR39" s="285">
        <v>0</v>
      </c>
      <c r="BS39" s="287">
        <v>0</v>
      </c>
      <c r="BT39" s="288">
        <v>0</v>
      </c>
      <c r="BU39" s="288">
        <v>0</v>
      </c>
      <c r="BV39" s="288">
        <v>0</v>
      </c>
      <c r="BW39" s="288">
        <v>0</v>
      </c>
      <c r="BX39" s="288">
        <v>3</v>
      </c>
      <c r="BY39" s="285">
        <v>3</v>
      </c>
      <c r="BZ39" s="290">
        <v>3</v>
      </c>
      <c r="CA39" s="284">
        <v>0</v>
      </c>
      <c r="CB39" s="288">
        <v>0</v>
      </c>
      <c r="CC39" s="285">
        <v>0</v>
      </c>
      <c r="CD39" s="287">
        <v>0</v>
      </c>
      <c r="CE39" s="288">
        <v>0</v>
      </c>
      <c r="CF39" s="288">
        <v>0</v>
      </c>
      <c r="CG39" s="288">
        <v>0</v>
      </c>
      <c r="CH39" s="288">
        <v>4</v>
      </c>
      <c r="CI39" s="288">
        <v>0</v>
      </c>
      <c r="CJ39" s="285">
        <v>4</v>
      </c>
      <c r="CK39" s="290">
        <v>4</v>
      </c>
      <c r="CL39" s="284">
        <v>0</v>
      </c>
      <c r="CM39" s="288">
        <v>0</v>
      </c>
      <c r="CN39" s="285">
        <v>0</v>
      </c>
      <c r="CO39" s="287">
        <v>0</v>
      </c>
      <c r="CP39" s="288">
        <v>0</v>
      </c>
      <c r="CQ39" s="288">
        <v>0</v>
      </c>
      <c r="CR39" s="288">
        <v>0</v>
      </c>
      <c r="CS39" s="288">
        <v>0</v>
      </c>
      <c r="CT39" s="288">
        <v>0</v>
      </c>
      <c r="CU39" s="285">
        <v>0</v>
      </c>
      <c r="CV39" s="290">
        <v>0</v>
      </c>
      <c r="CW39" s="284">
        <v>0</v>
      </c>
      <c r="CX39" s="288">
        <v>0</v>
      </c>
      <c r="CY39" s="285">
        <v>0</v>
      </c>
      <c r="CZ39" s="287">
        <v>0</v>
      </c>
      <c r="DA39" s="288">
        <v>0</v>
      </c>
      <c r="DB39" s="288">
        <v>0</v>
      </c>
      <c r="DC39" s="288">
        <v>0</v>
      </c>
      <c r="DD39" s="288">
        <v>0</v>
      </c>
      <c r="DE39" s="288">
        <v>0</v>
      </c>
      <c r="DF39" s="285">
        <v>0</v>
      </c>
      <c r="DG39" s="290">
        <v>0</v>
      </c>
    </row>
    <row r="40" spans="1:111" ht="27" customHeight="1" x14ac:dyDescent="0.2">
      <c r="B40" s="256" t="s">
        <v>127</v>
      </c>
    </row>
  </sheetData>
  <mergeCells count="43">
    <mergeCell ref="CW3:DG3"/>
    <mergeCell ref="CW4:CY4"/>
    <mergeCell ref="CZ4:DF4"/>
    <mergeCell ref="DG4:DG5"/>
    <mergeCell ref="CA3:CK3"/>
    <mergeCell ref="CL3:CV3"/>
    <mergeCell ref="CA4:CC4"/>
    <mergeCell ref="CD4:CJ4"/>
    <mergeCell ref="CK4:CK5"/>
    <mergeCell ref="CL4:CN4"/>
    <mergeCell ref="CO4:CU4"/>
    <mergeCell ref="CV4:CV5"/>
    <mergeCell ref="I1:J1"/>
    <mergeCell ref="L1:M1"/>
    <mergeCell ref="A3:A5"/>
    <mergeCell ref="B3:L3"/>
    <mergeCell ref="M3:W3"/>
    <mergeCell ref="X3:AH3"/>
    <mergeCell ref="B4:D4"/>
    <mergeCell ref="E4:K4"/>
    <mergeCell ref="L4:L5"/>
    <mergeCell ref="M4:O4"/>
    <mergeCell ref="P4:V4"/>
    <mergeCell ref="W4:W5"/>
    <mergeCell ref="X4:Z4"/>
    <mergeCell ref="AA4:AG4"/>
    <mergeCell ref="AH4:AH5"/>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8.77734375" style="1" customWidth="1"/>
    <col min="2" max="4" width="7.77734375" style="3" customWidth="1"/>
    <col min="5" max="5" width="9.109375" style="3" customWidth="1"/>
    <col min="6" max="6" width="9.44140625" style="3" customWidth="1"/>
    <col min="7" max="25" width="7.77734375" style="3" customWidth="1"/>
    <col min="26" max="34" width="7.77734375" style="1" customWidth="1"/>
    <col min="35" max="16384" width="9" style="1"/>
  </cols>
  <sheetData>
    <row r="1" spans="1:34" ht="25.5" customHeight="1" x14ac:dyDescent="0.2">
      <c r="A1" s="20" t="s">
        <v>129</v>
      </c>
      <c r="E1" s="22"/>
      <c r="G1" s="528">
        <f>第１表!F2</f>
        <v>4</v>
      </c>
      <c r="H1" s="528"/>
      <c r="I1" s="249">
        <f>第１表!G2</f>
        <v>6</v>
      </c>
      <c r="J1" s="555">
        <f>IF(I1&lt;3,I1-2+12,I1-2)</f>
        <v>4</v>
      </c>
      <c r="K1" s="555"/>
    </row>
    <row r="2" spans="1:34" ht="17.25" customHeight="1" thickBot="1" x14ac:dyDescent="0.25">
      <c r="I2" s="5"/>
      <c r="J2" s="5"/>
      <c r="K2" s="5"/>
      <c r="L2" s="5"/>
      <c r="M2" s="5"/>
      <c r="N2" s="5"/>
      <c r="O2" s="30"/>
      <c r="P2" s="30"/>
      <c r="Q2" s="30"/>
    </row>
    <row r="3" spans="1:34" ht="19.5" customHeight="1" thickBot="1" x14ac:dyDescent="0.25">
      <c r="A3" s="26"/>
      <c r="B3" s="556" t="s">
        <v>53</v>
      </c>
      <c r="C3" s="557"/>
      <c r="D3" s="557"/>
      <c r="E3" s="557"/>
      <c r="F3" s="557"/>
      <c r="G3" s="557"/>
      <c r="H3" s="557"/>
      <c r="I3" s="557"/>
      <c r="J3" s="557"/>
      <c r="K3" s="557"/>
      <c r="L3" s="558"/>
      <c r="M3" s="556" t="s">
        <v>54</v>
      </c>
      <c r="N3" s="557"/>
      <c r="O3" s="557"/>
      <c r="P3" s="557"/>
      <c r="Q3" s="557"/>
      <c r="R3" s="557"/>
      <c r="S3" s="557"/>
      <c r="T3" s="557"/>
      <c r="U3" s="557"/>
      <c r="V3" s="557"/>
      <c r="W3" s="558"/>
      <c r="X3" s="556" t="s">
        <v>55</v>
      </c>
      <c r="Y3" s="557"/>
      <c r="Z3" s="557"/>
      <c r="AA3" s="557"/>
      <c r="AB3" s="557"/>
      <c r="AC3" s="557"/>
      <c r="AD3" s="557"/>
      <c r="AE3" s="557"/>
      <c r="AF3" s="557"/>
      <c r="AG3" s="557"/>
      <c r="AH3" s="558"/>
    </row>
    <row r="4" spans="1:34" ht="30.75" customHeight="1" thickBot="1" x14ac:dyDescent="0.25">
      <c r="A4" s="26" t="s">
        <v>42</v>
      </c>
      <c r="B4" s="27" t="s">
        <v>43</v>
      </c>
      <c r="C4" s="6" t="s">
        <v>44</v>
      </c>
      <c r="D4" s="28" t="s">
        <v>45</v>
      </c>
      <c r="E4" s="29" t="s">
        <v>46</v>
      </c>
      <c r="F4" s="6" t="s">
        <v>47</v>
      </c>
      <c r="G4" s="6" t="s">
        <v>48</v>
      </c>
      <c r="H4" s="6" t="s">
        <v>49</v>
      </c>
      <c r="I4" s="6" t="s">
        <v>50</v>
      </c>
      <c r="J4" s="6" t="s">
        <v>51</v>
      </c>
      <c r="K4" s="28" t="s">
        <v>45</v>
      </c>
      <c r="L4" s="13" t="s">
        <v>52</v>
      </c>
      <c r="M4" s="27" t="s">
        <v>43</v>
      </c>
      <c r="N4" s="6" t="s">
        <v>44</v>
      </c>
      <c r="O4" s="28" t="s">
        <v>45</v>
      </c>
      <c r="P4" s="29" t="s">
        <v>46</v>
      </c>
      <c r="Q4" s="6" t="s">
        <v>47</v>
      </c>
      <c r="R4" s="6" t="s">
        <v>48</v>
      </c>
      <c r="S4" s="6" t="s">
        <v>49</v>
      </c>
      <c r="T4" s="6" t="s">
        <v>50</v>
      </c>
      <c r="U4" s="6" t="s">
        <v>51</v>
      </c>
      <c r="V4" s="28" t="s">
        <v>45</v>
      </c>
      <c r="W4" s="13" t="s">
        <v>52</v>
      </c>
      <c r="X4" s="27" t="s">
        <v>43</v>
      </c>
      <c r="Y4" s="6" t="s">
        <v>44</v>
      </c>
      <c r="Z4" s="28" t="s">
        <v>45</v>
      </c>
      <c r="AA4" s="29" t="s">
        <v>46</v>
      </c>
      <c r="AB4" s="6" t="s">
        <v>47</v>
      </c>
      <c r="AC4" s="6" t="s">
        <v>48</v>
      </c>
      <c r="AD4" s="6" t="s">
        <v>49</v>
      </c>
      <c r="AE4" s="6" t="s">
        <v>50</v>
      </c>
      <c r="AF4" s="6" t="s">
        <v>51</v>
      </c>
      <c r="AG4" s="28" t="s">
        <v>45</v>
      </c>
      <c r="AH4" s="13" t="s">
        <v>52</v>
      </c>
    </row>
    <row r="5" spans="1:34" ht="21" customHeight="1" x14ac:dyDescent="0.2">
      <c r="A5" s="14" t="s">
        <v>4</v>
      </c>
      <c r="B5" s="91">
        <v>178</v>
      </c>
      <c r="C5" s="92">
        <v>316</v>
      </c>
      <c r="D5" s="93">
        <v>494</v>
      </c>
      <c r="E5" s="94">
        <v>0</v>
      </c>
      <c r="F5" s="92">
        <v>18433</v>
      </c>
      <c r="G5" s="92">
        <v>18190</v>
      </c>
      <c r="H5" s="92">
        <v>12364</v>
      </c>
      <c r="I5" s="92">
        <v>7856</v>
      </c>
      <c r="J5" s="92">
        <v>4864</v>
      </c>
      <c r="K5" s="93">
        <v>61707</v>
      </c>
      <c r="L5" s="95">
        <v>62201</v>
      </c>
      <c r="M5" s="96">
        <v>0</v>
      </c>
      <c r="N5" s="92">
        <v>3</v>
      </c>
      <c r="O5" s="93">
        <v>3</v>
      </c>
      <c r="P5" s="94">
        <v>0</v>
      </c>
      <c r="Q5" s="92">
        <v>207</v>
      </c>
      <c r="R5" s="92">
        <v>334</v>
      </c>
      <c r="S5" s="92">
        <v>240</v>
      </c>
      <c r="T5" s="92">
        <v>162</v>
      </c>
      <c r="U5" s="92">
        <v>168</v>
      </c>
      <c r="V5" s="93">
        <v>1111</v>
      </c>
      <c r="W5" s="95">
        <v>1114</v>
      </c>
      <c r="X5" s="96">
        <v>178</v>
      </c>
      <c r="Y5" s="92">
        <v>319</v>
      </c>
      <c r="Z5" s="93">
        <v>497</v>
      </c>
      <c r="AA5" s="94">
        <v>0</v>
      </c>
      <c r="AB5" s="92">
        <v>18640</v>
      </c>
      <c r="AC5" s="92">
        <v>18524</v>
      </c>
      <c r="AD5" s="92">
        <v>12604</v>
      </c>
      <c r="AE5" s="92">
        <v>8018</v>
      </c>
      <c r="AF5" s="92">
        <v>5032</v>
      </c>
      <c r="AG5" s="93">
        <v>62818</v>
      </c>
      <c r="AH5" s="95">
        <v>63315</v>
      </c>
    </row>
    <row r="6" spans="1:34" ht="21" customHeight="1" x14ac:dyDescent="0.2">
      <c r="A6" s="18" t="s">
        <v>5</v>
      </c>
      <c r="B6" s="97">
        <v>83</v>
      </c>
      <c r="C6" s="98">
        <v>124</v>
      </c>
      <c r="D6" s="99">
        <v>207</v>
      </c>
      <c r="E6" s="100">
        <v>0</v>
      </c>
      <c r="F6" s="98">
        <v>6542</v>
      </c>
      <c r="G6" s="98">
        <v>8433</v>
      </c>
      <c r="H6" s="98">
        <v>5442</v>
      </c>
      <c r="I6" s="98">
        <v>3435</v>
      </c>
      <c r="J6" s="98">
        <v>2250</v>
      </c>
      <c r="K6" s="99">
        <v>26102</v>
      </c>
      <c r="L6" s="101">
        <v>26309</v>
      </c>
      <c r="M6" s="102">
        <v>0</v>
      </c>
      <c r="N6" s="98">
        <v>0</v>
      </c>
      <c r="O6" s="99">
        <v>0</v>
      </c>
      <c r="P6" s="100">
        <v>0</v>
      </c>
      <c r="Q6" s="98">
        <v>64</v>
      </c>
      <c r="R6" s="98">
        <v>151</v>
      </c>
      <c r="S6" s="98">
        <v>123</v>
      </c>
      <c r="T6" s="98">
        <v>71</v>
      </c>
      <c r="U6" s="98">
        <v>81</v>
      </c>
      <c r="V6" s="99">
        <v>490</v>
      </c>
      <c r="W6" s="101">
        <v>490</v>
      </c>
      <c r="X6" s="102">
        <v>83</v>
      </c>
      <c r="Y6" s="98">
        <v>124</v>
      </c>
      <c r="Z6" s="99">
        <v>207</v>
      </c>
      <c r="AA6" s="100">
        <v>0</v>
      </c>
      <c r="AB6" s="98">
        <v>6606</v>
      </c>
      <c r="AC6" s="98">
        <v>8584</v>
      </c>
      <c r="AD6" s="98">
        <v>5565</v>
      </c>
      <c r="AE6" s="98">
        <v>3506</v>
      </c>
      <c r="AF6" s="98">
        <v>2331</v>
      </c>
      <c r="AG6" s="99">
        <v>26592</v>
      </c>
      <c r="AH6" s="101">
        <v>26799</v>
      </c>
    </row>
    <row r="7" spans="1:34" ht="21" customHeight="1" x14ac:dyDescent="0.2">
      <c r="A7" s="18" t="s">
        <v>6</v>
      </c>
      <c r="B7" s="97">
        <v>22</v>
      </c>
      <c r="C7" s="98">
        <v>45</v>
      </c>
      <c r="D7" s="99">
        <v>67</v>
      </c>
      <c r="E7" s="100">
        <v>0</v>
      </c>
      <c r="F7" s="98">
        <v>3049</v>
      </c>
      <c r="G7" s="98">
        <v>2462</v>
      </c>
      <c r="H7" s="98">
        <v>1918</v>
      </c>
      <c r="I7" s="98">
        <v>1398</v>
      </c>
      <c r="J7" s="98">
        <v>866</v>
      </c>
      <c r="K7" s="99">
        <v>9693</v>
      </c>
      <c r="L7" s="101">
        <v>9760</v>
      </c>
      <c r="M7" s="102">
        <v>0</v>
      </c>
      <c r="N7" s="98">
        <v>0</v>
      </c>
      <c r="O7" s="99">
        <v>0</v>
      </c>
      <c r="P7" s="100">
        <v>0</v>
      </c>
      <c r="Q7" s="98">
        <v>35</v>
      </c>
      <c r="R7" s="98">
        <v>41</v>
      </c>
      <c r="S7" s="98">
        <v>32</v>
      </c>
      <c r="T7" s="98">
        <v>29</v>
      </c>
      <c r="U7" s="98">
        <v>30</v>
      </c>
      <c r="V7" s="99">
        <v>167</v>
      </c>
      <c r="W7" s="101">
        <v>167</v>
      </c>
      <c r="X7" s="102">
        <v>22</v>
      </c>
      <c r="Y7" s="98">
        <v>45</v>
      </c>
      <c r="Z7" s="99">
        <v>67</v>
      </c>
      <c r="AA7" s="100">
        <v>0</v>
      </c>
      <c r="AB7" s="98">
        <v>3084</v>
      </c>
      <c r="AC7" s="98">
        <v>2503</v>
      </c>
      <c r="AD7" s="98">
        <v>1950</v>
      </c>
      <c r="AE7" s="98">
        <v>1427</v>
      </c>
      <c r="AF7" s="98">
        <v>896</v>
      </c>
      <c r="AG7" s="99">
        <v>9860</v>
      </c>
      <c r="AH7" s="101">
        <v>9927</v>
      </c>
    </row>
    <row r="8" spans="1:34" ht="21" customHeight="1" x14ac:dyDescent="0.2">
      <c r="A8" s="18" t="s">
        <v>14</v>
      </c>
      <c r="B8" s="97">
        <v>15</v>
      </c>
      <c r="C8" s="98">
        <v>27</v>
      </c>
      <c r="D8" s="99">
        <v>42</v>
      </c>
      <c r="E8" s="100">
        <v>0</v>
      </c>
      <c r="F8" s="98">
        <v>1489</v>
      </c>
      <c r="G8" s="98">
        <v>1471</v>
      </c>
      <c r="H8" s="98">
        <v>1052</v>
      </c>
      <c r="I8" s="98">
        <v>600</v>
      </c>
      <c r="J8" s="98">
        <v>312</v>
      </c>
      <c r="K8" s="99">
        <v>4924</v>
      </c>
      <c r="L8" s="101">
        <v>4966</v>
      </c>
      <c r="M8" s="102">
        <v>0</v>
      </c>
      <c r="N8" s="98">
        <v>0</v>
      </c>
      <c r="O8" s="99">
        <v>0</v>
      </c>
      <c r="P8" s="100">
        <v>0</v>
      </c>
      <c r="Q8" s="98">
        <v>13</v>
      </c>
      <c r="R8" s="98">
        <v>35</v>
      </c>
      <c r="S8" s="98">
        <v>12</v>
      </c>
      <c r="T8" s="98">
        <v>13</v>
      </c>
      <c r="U8" s="98">
        <v>12</v>
      </c>
      <c r="V8" s="99">
        <v>85</v>
      </c>
      <c r="W8" s="101">
        <v>85</v>
      </c>
      <c r="X8" s="102">
        <v>15</v>
      </c>
      <c r="Y8" s="98">
        <v>27</v>
      </c>
      <c r="Z8" s="99">
        <v>42</v>
      </c>
      <c r="AA8" s="100">
        <v>0</v>
      </c>
      <c r="AB8" s="98">
        <v>1502</v>
      </c>
      <c r="AC8" s="98">
        <v>1506</v>
      </c>
      <c r="AD8" s="98">
        <v>1064</v>
      </c>
      <c r="AE8" s="98">
        <v>613</v>
      </c>
      <c r="AF8" s="98">
        <v>324</v>
      </c>
      <c r="AG8" s="99">
        <v>5009</v>
      </c>
      <c r="AH8" s="101">
        <v>5051</v>
      </c>
    </row>
    <row r="9" spans="1:34" ht="21" customHeight="1" x14ac:dyDescent="0.2">
      <c r="A9" s="18" t="s">
        <v>7</v>
      </c>
      <c r="B9" s="97">
        <v>6</v>
      </c>
      <c r="C9" s="98">
        <v>10</v>
      </c>
      <c r="D9" s="99">
        <v>16</v>
      </c>
      <c r="E9" s="100">
        <v>0</v>
      </c>
      <c r="F9" s="98">
        <v>1297</v>
      </c>
      <c r="G9" s="98">
        <v>891</v>
      </c>
      <c r="H9" s="98">
        <v>590</v>
      </c>
      <c r="I9" s="98">
        <v>311</v>
      </c>
      <c r="J9" s="98">
        <v>161</v>
      </c>
      <c r="K9" s="99">
        <v>3250</v>
      </c>
      <c r="L9" s="101">
        <v>3266</v>
      </c>
      <c r="M9" s="102">
        <v>0</v>
      </c>
      <c r="N9" s="98">
        <v>0</v>
      </c>
      <c r="O9" s="99">
        <v>0</v>
      </c>
      <c r="P9" s="100">
        <v>0</v>
      </c>
      <c r="Q9" s="98">
        <v>12</v>
      </c>
      <c r="R9" s="98">
        <v>11</v>
      </c>
      <c r="S9" s="98">
        <v>5</v>
      </c>
      <c r="T9" s="98">
        <v>4</v>
      </c>
      <c r="U9" s="98">
        <v>9</v>
      </c>
      <c r="V9" s="99">
        <v>41</v>
      </c>
      <c r="W9" s="101">
        <v>41</v>
      </c>
      <c r="X9" s="102">
        <v>6</v>
      </c>
      <c r="Y9" s="98">
        <v>10</v>
      </c>
      <c r="Z9" s="99">
        <v>16</v>
      </c>
      <c r="AA9" s="100">
        <v>0</v>
      </c>
      <c r="AB9" s="98">
        <v>1309</v>
      </c>
      <c r="AC9" s="98">
        <v>902</v>
      </c>
      <c r="AD9" s="98">
        <v>595</v>
      </c>
      <c r="AE9" s="98">
        <v>315</v>
      </c>
      <c r="AF9" s="98">
        <v>170</v>
      </c>
      <c r="AG9" s="99">
        <v>3291</v>
      </c>
      <c r="AH9" s="101">
        <v>3307</v>
      </c>
    </row>
    <row r="10" spans="1:34" ht="21" customHeight="1" x14ac:dyDescent="0.2">
      <c r="A10" s="18" t="s">
        <v>8</v>
      </c>
      <c r="B10" s="97">
        <v>8</v>
      </c>
      <c r="C10" s="98">
        <v>11</v>
      </c>
      <c r="D10" s="99">
        <v>19</v>
      </c>
      <c r="E10" s="100">
        <v>0</v>
      </c>
      <c r="F10" s="98">
        <v>746</v>
      </c>
      <c r="G10" s="98">
        <v>639</v>
      </c>
      <c r="H10" s="98">
        <v>383</v>
      </c>
      <c r="I10" s="98">
        <v>222</v>
      </c>
      <c r="J10" s="98">
        <v>124</v>
      </c>
      <c r="K10" s="99">
        <v>2114</v>
      </c>
      <c r="L10" s="101">
        <v>2133</v>
      </c>
      <c r="M10" s="102">
        <v>0</v>
      </c>
      <c r="N10" s="98">
        <v>1</v>
      </c>
      <c r="O10" s="99">
        <v>1</v>
      </c>
      <c r="P10" s="100">
        <v>0</v>
      </c>
      <c r="Q10" s="98">
        <v>18</v>
      </c>
      <c r="R10" s="98">
        <v>18</v>
      </c>
      <c r="S10" s="98">
        <v>8</v>
      </c>
      <c r="T10" s="98">
        <v>3</v>
      </c>
      <c r="U10" s="98">
        <v>5</v>
      </c>
      <c r="V10" s="99">
        <v>52</v>
      </c>
      <c r="W10" s="101">
        <v>53</v>
      </c>
      <c r="X10" s="102">
        <v>8</v>
      </c>
      <c r="Y10" s="98">
        <v>12</v>
      </c>
      <c r="Z10" s="99">
        <v>20</v>
      </c>
      <c r="AA10" s="100">
        <v>0</v>
      </c>
      <c r="AB10" s="98">
        <v>764</v>
      </c>
      <c r="AC10" s="98">
        <v>657</v>
      </c>
      <c r="AD10" s="98">
        <v>391</v>
      </c>
      <c r="AE10" s="98">
        <v>225</v>
      </c>
      <c r="AF10" s="98">
        <v>129</v>
      </c>
      <c r="AG10" s="99">
        <v>2166</v>
      </c>
      <c r="AH10" s="101">
        <v>2186</v>
      </c>
    </row>
    <row r="11" spans="1:34" ht="21" customHeight="1" x14ac:dyDescent="0.2">
      <c r="A11" s="18" t="s">
        <v>9</v>
      </c>
      <c r="B11" s="97">
        <v>3</v>
      </c>
      <c r="C11" s="98">
        <v>7</v>
      </c>
      <c r="D11" s="99">
        <v>10</v>
      </c>
      <c r="E11" s="100">
        <v>0</v>
      </c>
      <c r="F11" s="98">
        <v>488</v>
      </c>
      <c r="G11" s="98">
        <v>383</v>
      </c>
      <c r="H11" s="98">
        <v>301</v>
      </c>
      <c r="I11" s="98">
        <v>170</v>
      </c>
      <c r="J11" s="98">
        <v>81</v>
      </c>
      <c r="K11" s="99">
        <v>1423</v>
      </c>
      <c r="L11" s="101">
        <v>1433</v>
      </c>
      <c r="M11" s="102">
        <v>0</v>
      </c>
      <c r="N11" s="98">
        <v>0</v>
      </c>
      <c r="O11" s="99">
        <v>0</v>
      </c>
      <c r="P11" s="100">
        <v>0</v>
      </c>
      <c r="Q11" s="98">
        <v>11</v>
      </c>
      <c r="R11" s="98">
        <v>10</v>
      </c>
      <c r="S11" s="98">
        <v>4</v>
      </c>
      <c r="T11" s="98">
        <v>6</v>
      </c>
      <c r="U11" s="98">
        <v>1</v>
      </c>
      <c r="V11" s="99">
        <v>32</v>
      </c>
      <c r="W11" s="101">
        <v>32</v>
      </c>
      <c r="X11" s="102">
        <v>3</v>
      </c>
      <c r="Y11" s="98">
        <v>7</v>
      </c>
      <c r="Z11" s="99">
        <v>10</v>
      </c>
      <c r="AA11" s="100">
        <v>0</v>
      </c>
      <c r="AB11" s="98">
        <v>499</v>
      </c>
      <c r="AC11" s="98">
        <v>393</v>
      </c>
      <c r="AD11" s="98">
        <v>305</v>
      </c>
      <c r="AE11" s="98">
        <v>176</v>
      </c>
      <c r="AF11" s="98">
        <v>82</v>
      </c>
      <c r="AG11" s="99">
        <v>1455</v>
      </c>
      <c r="AH11" s="101">
        <v>1465</v>
      </c>
    </row>
    <row r="12" spans="1:34" ht="21" customHeight="1" x14ac:dyDescent="0.2">
      <c r="A12" s="18" t="s">
        <v>10</v>
      </c>
      <c r="B12" s="97">
        <v>8</v>
      </c>
      <c r="C12" s="98">
        <v>27</v>
      </c>
      <c r="D12" s="99">
        <v>35</v>
      </c>
      <c r="E12" s="100">
        <v>0</v>
      </c>
      <c r="F12" s="98">
        <v>879</v>
      </c>
      <c r="G12" s="98">
        <v>572</v>
      </c>
      <c r="H12" s="98">
        <v>393</v>
      </c>
      <c r="I12" s="98">
        <v>301</v>
      </c>
      <c r="J12" s="98">
        <v>261</v>
      </c>
      <c r="K12" s="99">
        <v>2406</v>
      </c>
      <c r="L12" s="101">
        <v>2441</v>
      </c>
      <c r="M12" s="102">
        <v>0</v>
      </c>
      <c r="N12" s="98">
        <v>1</v>
      </c>
      <c r="O12" s="99">
        <v>1</v>
      </c>
      <c r="P12" s="100">
        <v>0</v>
      </c>
      <c r="Q12" s="98">
        <v>11</v>
      </c>
      <c r="R12" s="98">
        <v>7</v>
      </c>
      <c r="S12" s="98">
        <v>13</v>
      </c>
      <c r="T12" s="98">
        <v>9</v>
      </c>
      <c r="U12" s="98">
        <v>5</v>
      </c>
      <c r="V12" s="99">
        <v>45</v>
      </c>
      <c r="W12" s="101">
        <v>46</v>
      </c>
      <c r="X12" s="102">
        <v>8</v>
      </c>
      <c r="Y12" s="98">
        <v>28</v>
      </c>
      <c r="Z12" s="99">
        <v>36</v>
      </c>
      <c r="AA12" s="100">
        <v>0</v>
      </c>
      <c r="AB12" s="98">
        <v>890</v>
      </c>
      <c r="AC12" s="98">
        <v>579</v>
      </c>
      <c r="AD12" s="98">
        <v>406</v>
      </c>
      <c r="AE12" s="98">
        <v>310</v>
      </c>
      <c r="AF12" s="98">
        <v>266</v>
      </c>
      <c r="AG12" s="99">
        <v>2451</v>
      </c>
      <c r="AH12" s="101">
        <v>2487</v>
      </c>
    </row>
    <row r="13" spans="1:34" ht="21" customHeight="1" x14ac:dyDescent="0.2">
      <c r="A13" s="18" t="s">
        <v>11</v>
      </c>
      <c r="B13" s="97">
        <v>0</v>
      </c>
      <c r="C13" s="98">
        <v>9</v>
      </c>
      <c r="D13" s="99">
        <v>9</v>
      </c>
      <c r="E13" s="100">
        <v>0</v>
      </c>
      <c r="F13" s="98">
        <v>652</v>
      </c>
      <c r="G13" s="98">
        <v>396</v>
      </c>
      <c r="H13" s="98">
        <v>252</v>
      </c>
      <c r="I13" s="98">
        <v>164</v>
      </c>
      <c r="J13" s="98">
        <v>74</v>
      </c>
      <c r="K13" s="99">
        <v>1538</v>
      </c>
      <c r="L13" s="101">
        <v>1547</v>
      </c>
      <c r="M13" s="102">
        <v>0</v>
      </c>
      <c r="N13" s="98">
        <v>0</v>
      </c>
      <c r="O13" s="99">
        <v>0</v>
      </c>
      <c r="P13" s="100">
        <v>0</v>
      </c>
      <c r="Q13" s="98">
        <v>9</v>
      </c>
      <c r="R13" s="98">
        <v>7</v>
      </c>
      <c r="S13" s="98">
        <v>3</v>
      </c>
      <c r="T13" s="98">
        <v>3</v>
      </c>
      <c r="U13" s="98">
        <v>3</v>
      </c>
      <c r="V13" s="99">
        <v>25</v>
      </c>
      <c r="W13" s="101">
        <v>25</v>
      </c>
      <c r="X13" s="102">
        <v>0</v>
      </c>
      <c r="Y13" s="98">
        <v>9</v>
      </c>
      <c r="Z13" s="99">
        <v>9</v>
      </c>
      <c r="AA13" s="100">
        <v>0</v>
      </c>
      <c r="AB13" s="98">
        <v>661</v>
      </c>
      <c r="AC13" s="98">
        <v>403</v>
      </c>
      <c r="AD13" s="98">
        <v>255</v>
      </c>
      <c r="AE13" s="98">
        <v>167</v>
      </c>
      <c r="AF13" s="98">
        <v>77</v>
      </c>
      <c r="AG13" s="99">
        <v>1563</v>
      </c>
      <c r="AH13" s="101">
        <v>1572</v>
      </c>
    </row>
    <row r="14" spans="1:34" ht="21" customHeight="1" x14ac:dyDescent="0.2">
      <c r="A14" s="18" t="s">
        <v>12</v>
      </c>
      <c r="B14" s="97">
        <v>0</v>
      </c>
      <c r="C14" s="98">
        <v>0</v>
      </c>
      <c r="D14" s="99">
        <v>0</v>
      </c>
      <c r="E14" s="100">
        <v>0</v>
      </c>
      <c r="F14" s="98">
        <v>494</v>
      </c>
      <c r="G14" s="98">
        <v>313</v>
      </c>
      <c r="H14" s="98">
        <v>286</v>
      </c>
      <c r="I14" s="98">
        <v>198</v>
      </c>
      <c r="J14" s="98">
        <v>121</v>
      </c>
      <c r="K14" s="99">
        <v>1412</v>
      </c>
      <c r="L14" s="101">
        <v>1412</v>
      </c>
      <c r="M14" s="102">
        <v>0</v>
      </c>
      <c r="N14" s="98">
        <v>0</v>
      </c>
      <c r="O14" s="99">
        <v>0</v>
      </c>
      <c r="P14" s="100">
        <v>0</v>
      </c>
      <c r="Q14" s="98">
        <v>4</v>
      </c>
      <c r="R14" s="98">
        <v>5</v>
      </c>
      <c r="S14" s="98">
        <v>3</v>
      </c>
      <c r="T14" s="98">
        <v>1</v>
      </c>
      <c r="U14" s="98">
        <v>4</v>
      </c>
      <c r="V14" s="99">
        <v>17</v>
      </c>
      <c r="W14" s="101">
        <v>17</v>
      </c>
      <c r="X14" s="102">
        <v>0</v>
      </c>
      <c r="Y14" s="98">
        <v>0</v>
      </c>
      <c r="Z14" s="99">
        <v>0</v>
      </c>
      <c r="AA14" s="100">
        <v>0</v>
      </c>
      <c r="AB14" s="98">
        <v>498</v>
      </c>
      <c r="AC14" s="98">
        <v>318</v>
      </c>
      <c r="AD14" s="98">
        <v>289</v>
      </c>
      <c r="AE14" s="98">
        <v>199</v>
      </c>
      <c r="AF14" s="98">
        <v>125</v>
      </c>
      <c r="AG14" s="99">
        <v>1429</v>
      </c>
      <c r="AH14" s="101">
        <v>1429</v>
      </c>
    </row>
    <row r="15" spans="1:34" ht="21" customHeight="1" x14ac:dyDescent="0.2">
      <c r="A15" s="18" t="s">
        <v>13</v>
      </c>
      <c r="B15" s="97">
        <v>1</v>
      </c>
      <c r="C15" s="98">
        <v>2</v>
      </c>
      <c r="D15" s="99">
        <v>3</v>
      </c>
      <c r="E15" s="100">
        <v>0</v>
      </c>
      <c r="F15" s="98">
        <v>150</v>
      </c>
      <c r="G15" s="98">
        <v>151</v>
      </c>
      <c r="H15" s="98">
        <v>86</v>
      </c>
      <c r="I15" s="98">
        <v>68</v>
      </c>
      <c r="J15" s="98">
        <v>31</v>
      </c>
      <c r="K15" s="99">
        <v>486</v>
      </c>
      <c r="L15" s="101">
        <v>489</v>
      </c>
      <c r="M15" s="102">
        <v>0</v>
      </c>
      <c r="N15" s="98">
        <v>0</v>
      </c>
      <c r="O15" s="99">
        <v>0</v>
      </c>
      <c r="P15" s="100">
        <v>0</v>
      </c>
      <c r="Q15" s="98">
        <v>3</v>
      </c>
      <c r="R15" s="98">
        <v>2</v>
      </c>
      <c r="S15" s="98">
        <v>3</v>
      </c>
      <c r="T15" s="98">
        <v>2</v>
      </c>
      <c r="U15" s="98">
        <v>0</v>
      </c>
      <c r="V15" s="99">
        <v>10</v>
      </c>
      <c r="W15" s="101">
        <v>10</v>
      </c>
      <c r="X15" s="102">
        <v>1</v>
      </c>
      <c r="Y15" s="98">
        <v>2</v>
      </c>
      <c r="Z15" s="99">
        <v>3</v>
      </c>
      <c r="AA15" s="100">
        <v>0</v>
      </c>
      <c r="AB15" s="98">
        <v>153</v>
      </c>
      <c r="AC15" s="98">
        <v>153</v>
      </c>
      <c r="AD15" s="98">
        <v>89</v>
      </c>
      <c r="AE15" s="98">
        <v>70</v>
      </c>
      <c r="AF15" s="98">
        <v>31</v>
      </c>
      <c r="AG15" s="99">
        <v>496</v>
      </c>
      <c r="AH15" s="101">
        <v>499</v>
      </c>
    </row>
    <row r="16" spans="1:34" ht="21" customHeight="1" x14ac:dyDescent="0.2">
      <c r="A16" s="18" t="s">
        <v>15</v>
      </c>
      <c r="B16" s="97">
        <v>5</v>
      </c>
      <c r="C16" s="98">
        <v>13</v>
      </c>
      <c r="D16" s="99">
        <v>18</v>
      </c>
      <c r="E16" s="100">
        <v>0</v>
      </c>
      <c r="F16" s="98">
        <v>213</v>
      </c>
      <c r="G16" s="98">
        <v>209</v>
      </c>
      <c r="H16" s="98">
        <v>144</v>
      </c>
      <c r="I16" s="98">
        <v>92</v>
      </c>
      <c r="J16" s="98">
        <v>38</v>
      </c>
      <c r="K16" s="99">
        <v>696</v>
      </c>
      <c r="L16" s="101">
        <v>714</v>
      </c>
      <c r="M16" s="102">
        <v>0</v>
      </c>
      <c r="N16" s="98">
        <v>1</v>
      </c>
      <c r="O16" s="99">
        <v>1</v>
      </c>
      <c r="P16" s="100">
        <v>0</v>
      </c>
      <c r="Q16" s="98">
        <v>3</v>
      </c>
      <c r="R16" s="98">
        <v>5</v>
      </c>
      <c r="S16" s="98">
        <v>2</v>
      </c>
      <c r="T16" s="98">
        <v>1</v>
      </c>
      <c r="U16" s="98">
        <v>1</v>
      </c>
      <c r="V16" s="99">
        <v>12</v>
      </c>
      <c r="W16" s="101">
        <v>13</v>
      </c>
      <c r="X16" s="102">
        <v>5</v>
      </c>
      <c r="Y16" s="98">
        <v>14</v>
      </c>
      <c r="Z16" s="99">
        <v>19</v>
      </c>
      <c r="AA16" s="100">
        <v>0</v>
      </c>
      <c r="AB16" s="98">
        <v>216</v>
      </c>
      <c r="AC16" s="98">
        <v>214</v>
      </c>
      <c r="AD16" s="98">
        <v>146</v>
      </c>
      <c r="AE16" s="98">
        <v>93</v>
      </c>
      <c r="AF16" s="98">
        <v>39</v>
      </c>
      <c r="AG16" s="99">
        <v>708</v>
      </c>
      <c r="AH16" s="101">
        <v>727</v>
      </c>
    </row>
    <row r="17" spans="1:34" ht="21" customHeight="1" x14ac:dyDescent="0.2">
      <c r="A17" s="18" t="s">
        <v>16</v>
      </c>
      <c r="B17" s="97">
        <v>2</v>
      </c>
      <c r="C17" s="98">
        <v>1</v>
      </c>
      <c r="D17" s="99">
        <v>3</v>
      </c>
      <c r="E17" s="100">
        <v>0</v>
      </c>
      <c r="F17" s="98">
        <v>208</v>
      </c>
      <c r="G17" s="98">
        <v>277</v>
      </c>
      <c r="H17" s="98">
        <v>195</v>
      </c>
      <c r="I17" s="98">
        <v>110</v>
      </c>
      <c r="J17" s="98">
        <v>81</v>
      </c>
      <c r="K17" s="99">
        <v>871</v>
      </c>
      <c r="L17" s="101">
        <v>874</v>
      </c>
      <c r="M17" s="102">
        <v>0</v>
      </c>
      <c r="N17" s="98">
        <v>0</v>
      </c>
      <c r="O17" s="99">
        <v>0</v>
      </c>
      <c r="P17" s="100">
        <v>0</v>
      </c>
      <c r="Q17" s="98">
        <v>1</v>
      </c>
      <c r="R17" s="98">
        <v>2</v>
      </c>
      <c r="S17" s="98">
        <v>5</v>
      </c>
      <c r="T17" s="98">
        <v>1</v>
      </c>
      <c r="U17" s="98">
        <v>3</v>
      </c>
      <c r="V17" s="99">
        <v>12</v>
      </c>
      <c r="W17" s="101">
        <v>12</v>
      </c>
      <c r="X17" s="102">
        <v>2</v>
      </c>
      <c r="Y17" s="98">
        <v>1</v>
      </c>
      <c r="Z17" s="99">
        <v>3</v>
      </c>
      <c r="AA17" s="100">
        <v>0</v>
      </c>
      <c r="AB17" s="98">
        <v>209</v>
      </c>
      <c r="AC17" s="98">
        <v>279</v>
      </c>
      <c r="AD17" s="98">
        <v>200</v>
      </c>
      <c r="AE17" s="98">
        <v>111</v>
      </c>
      <c r="AF17" s="98">
        <v>84</v>
      </c>
      <c r="AG17" s="99">
        <v>883</v>
      </c>
      <c r="AH17" s="101">
        <v>886</v>
      </c>
    </row>
    <row r="18" spans="1:34" ht="21" customHeight="1" x14ac:dyDescent="0.2">
      <c r="A18" s="18" t="s">
        <v>17</v>
      </c>
      <c r="B18" s="97">
        <v>1</v>
      </c>
      <c r="C18" s="98">
        <v>3</v>
      </c>
      <c r="D18" s="99">
        <v>4</v>
      </c>
      <c r="E18" s="100">
        <v>0</v>
      </c>
      <c r="F18" s="98">
        <v>330</v>
      </c>
      <c r="G18" s="98">
        <v>392</v>
      </c>
      <c r="H18" s="98">
        <v>259</v>
      </c>
      <c r="I18" s="98">
        <v>172</v>
      </c>
      <c r="J18" s="98">
        <v>137</v>
      </c>
      <c r="K18" s="99">
        <v>1290</v>
      </c>
      <c r="L18" s="101">
        <v>1294</v>
      </c>
      <c r="M18" s="102">
        <v>0</v>
      </c>
      <c r="N18" s="98">
        <v>0</v>
      </c>
      <c r="O18" s="99">
        <v>0</v>
      </c>
      <c r="P18" s="100">
        <v>0</v>
      </c>
      <c r="Q18" s="98">
        <v>1</v>
      </c>
      <c r="R18" s="98">
        <v>18</v>
      </c>
      <c r="S18" s="98">
        <v>13</v>
      </c>
      <c r="T18" s="98">
        <v>10</v>
      </c>
      <c r="U18" s="98">
        <v>5</v>
      </c>
      <c r="V18" s="99">
        <v>47</v>
      </c>
      <c r="W18" s="101">
        <v>47</v>
      </c>
      <c r="X18" s="102">
        <v>1</v>
      </c>
      <c r="Y18" s="98">
        <v>3</v>
      </c>
      <c r="Z18" s="99">
        <v>4</v>
      </c>
      <c r="AA18" s="100">
        <v>0</v>
      </c>
      <c r="AB18" s="98">
        <v>331</v>
      </c>
      <c r="AC18" s="98">
        <v>410</v>
      </c>
      <c r="AD18" s="98">
        <v>272</v>
      </c>
      <c r="AE18" s="98">
        <v>182</v>
      </c>
      <c r="AF18" s="98">
        <v>142</v>
      </c>
      <c r="AG18" s="99">
        <v>1337</v>
      </c>
      <c r="AH18" s="101">
        <v>1341</v>
      </c>
    </row>
    <row r="19" spans="1:34" ht="21" customHeight="1" x14ac:dyDescent="0.2">
      <c r="A19" s="18" t="s">
        <v>18</v>
      </c>
      <c r="B19" s="97">
        <v>8</v>
      </c>
      <c r="C19" s="98">
        <v>9</v>
      </c>
      <c r="D19" s="99">
        <v>17</v>
      </c>
      <c r="E19" s="100">
        <v>0</v>
      </c>
      <c r="F19" s="98">
        <v>387</v>
      </c>
      <c r="G19" s="98">
        <v>382</v>
      </c>
      <c r="H19" s="98">
        <v>256</v>
      </c>
      <c r="I19" s="98">
        <v>144</v>
      </c>
      <c r="J19" s="98">
        <v>84</v>
      </c>
      <c r="K19" s="99">
        <v>1253</v>
      </c>
      <c r="L19" s="101">
        <v>1270</v>
      </c>
      <c r="M19" s="102">
        <v>0</v>
      </c>
      <c r="N19" s="98">
        <v>0</v>
      </c>
      <c r="O19" s="99">
        <v>0</v>
      </c>
      <c r="P19" s="100">
        <v>0</v>
      </c>
      <c r="Q19" s="98">
        <v>8</v>
      </c>
      <c r="R19" s="98">
        <v>7</v>
      </c>
      <c r="S19" s="98">
        <v>3</v>
      </c>
      <c r="T19" s="98">
        <v>5</v>
      </c>
      <c r="U19" s="98">
        <v>5</v>
      </c>
      <c r="V19" s="99">
        <v>28</v>
      </c>
      <c r="W19" s="101">
        <v>28</v>
      </c>
      <c r="X19" s="102">
        <v>8</v>
      </c>
      <c r="Y19" s="98">
        <v>9</v>
      </c>
      <c r="Z19" s="99">
        <v>17</v>
      </c>
      <c r="AA19" s="100">
        <v>0</v>
      </c>
      <c r="AB19" s="98">
        <v>395</v>
      </c>
      <c r="AC19" s="98">
        <v>389</v>
      </c>
      <c r="AD19" s="98">
        <v>259</v>
      </c>
      <c r="AE19" s="98">
        <v>149</v>
      </c>
      <c r="AF19" s="98">
        <v>89</v>
      </c>
      <c r="AG19" s="99">
        <v>1281</v>
      </c>
      <c r="AH19" s="101">
        <v>1298</v>
      </c>
    </row>
    <row r="20" spans="1:34" ht="21" customHeight="1" x14ac:dyDescent="0.2">
      <c r="A20" s="18" t="s">
        <v>19</v>
      </c>
      <c r="B20" s="97">
        <v>0</v>
      </c>
      <c r="C20" s="98">
        <v>3</v>
      </c>
      <c r="D20" s="99">
        <v>3</v>
      </c>
      <c r="E20" s="100">
        <v>0</v>
      </c>
      <c r="F20" s="98">
        <v>200</v>
      </c>
      <c r="G20" s="98">
        <v>207</v>
      </c>
      <c r="H20" s="98">
        <v>130</v>
      </c>
      <c r="I20" s="98">
        <v>81</v>
      </c>
      <c r="J20" s="98">
        <v>61</v>
      </c>
      <c r="K20" s="99">
        <v>679</v>
      </c>
      <c r="L20" s="101">
        <v>682</v>
      </c>
      <c r="M20" s="102">
        <v>0</v>
      </c>
      <c r="N20" s="98">
        <v>0</v>
      </c>
      <c r="O20" s="99">
        <v>0</v>
      </c>
      <c r="P20" s="100">
        <v>0</v>
      </c>
      <c r="Q20" s="98">
        <v>0</v>
      </c>
      <c r="R20" s="98">
        <v>2</v>
      </c>
      <c r="S20" s="98">
        <v>1</v>
      </c>
      <c r="T20" s="98">
        <v>0</v>
      </c>
      <c r="U20" s="98">
        <v>1</v>
      </c>
      <c r="V20" s="99">
        <v>4</v>
      </c>
      <c r="W20" s="101">
        <v>4</v>
      </c>
      <c r="X20" s="102">
        <v>0</v>
      </c>
      <c r="Y20" s="98">
        <v>3</v>
      </c>
      <c r="Z20" s="99">
        <v>3</v>
      </c>
      <c r="AA20" s="100">
        <v>0</v>
      </c>
      <c r="AB20" s="98">
        <v>200</v>
      </c>
      <c r="AC20" s="98">
        <v>209</v>
      </c>
      <c r="AD20" s="98">
        <v>131</v>
      </c>
      <c r="AE20" s="98">
        <v>81</v>
      </c>
      <c r="AF20" s="98">
        <v>62</v>
      </c>
      <c r="AG20" s="99">
        <v>683</v>
      </c>
      <c r="AH20" s="101">
        <v>686</v>
      </c>
    </row>
    <row r="21" spans="1:34" ht="21" customHeight="1" x14ac:dyDescent="0.2">
      <c r="A21" s="18" t="s">
        <v>20</v>
      </c>
      <c r="B21" s="97">
        <v>1</v>
      </c>
      <c r="C21" s="98">
        <v>1</v>
      </c>
      <c r="D21" s="99">
        <v>2</v>
      </c>
      <c r="E21" s="100">
        <v>0</v>
      </c>
      <c r="F21" s="98">
        <v>195</v>
      </c>
      <c r="G21" s="98">
        <v>108</v>
      </c>
      <c r="H21" s="98">
        <v>87</v>
      </c>
      <c r="I21" s="98">
        <v>51</v>
      </c>
      <c r="J21" s="98">
        <v>13</v>
      </c>
      <c r="K21" s="99">
        <v>454</v>
      </c>
      <c r="L21" s="101">
        <v>456</v>
      </c>
      <c r="M21" s="102">
        <v>0</v>
      </c>
      <c r="N21" s="98">
        <v>0</v>
      </c>
      <c r="O21" s="99">
        <v>0</v>
      </c>
      <c r="P21" s="100">
        <v>0</v>
      </c>
      <c r="Q21" s="98">
        <v>5</v>
      </c>
      <c r="R21" s="98">
        <v>1</v>
      </c>
      <c r="S21" s="98">
        <v>0</v>
      </c>
      <c r="T21" s="98">
        <v>0</v>
      </c>
      <c r="U21" s="98">
        <v>0</v>
      </c>
      <c r="V21" s="99">
        <v>6</v>
      </c>
      <c r="W21" s="101">
        <v>6</v>
      </c>
      <c r="X21" s="102">
        <v>1</v>
      </c>
      <c r="Y21" s="98">
        <v>1</v>
      </c>
      <c r="Z21" s="99">
        <v>2</v>
      </c>
      <c r="AA21" s="100">
        <v>0</v>
      </c>
      <c r="AB21" s="98">
        <v>200</v>
      </c>
      <c r="AC21" s="98">
        <v>109</v>
      </c>
      <c r="AD21" s="98">
        <v>87</v>
      </c>
      <c r="AE21" s="98">
        <v>51</v>
      </c>
      <c r="AF21" s="98">
        <v>13</v>
      </c>
      <c r="AG21" s="99">
        <v>460</v>
      </c>
      <c r="AH21" s="101">
        <v>462</v>
      </c>
    </row>
    <row r="22" spans="1:34" ht="21" customHeight="1" x14ac:dyDescent="0.2">
      <c r="A22" s="18" t="s">
        <v>21</v>
      </c>
      <c r="B22" s="97">
        <v>1</v>
      </c>
      <c r="C22" s="98">
        <v>1</v>
      </c>
      <c r="D22" s="99">
        <v>2</v>
      </c>
      <c r="E22" s="100">
        <v>0</v>
      </c>
      <c r="F22" s="98">
        <v>222</v>
      </c>
      <c r="G22" s="98">
        <v>241</v>
      </c>
      <c r="H22" s="98">
        <v>108</v>
      </c>
      <c r="I22" s="98">
        <v>58</v>
      </c>
      <c r="J22" s="98">
        <v>32</v>
      </c>
      <c r="K22" s="99">
        <v>661</v>
      </c>
      <c r="L22" s="101">
        <v>663</v>
      </c>
      <c r="M22" s="102">
        <v>0</v>
      </c>
      <c r="N22" s="98">
        <v>0</v>
      </c>
      <c r="O22" s="99">
        <v>0</v>
      </c>
      <c r="P22" s="100">
        <v>0</v>
      </c>
      <c r="Q22" s="98">
        <v>0</v>
      </c>
      <c r="R22" s="98">
        <v>6</v>
      </c>
      <c r="S22" s="98">
        <v>3</v>
      </c>
      <c r="T22" s="98">
        <v>2</v>
      </c>
      <c r="U22" s="98">
        <v>2</v>
      </c>
      <c r="V22" s="99">
        <v>13</v>
      </c>
      <c r="W22" s="101">
        <v>13</v>
      </c>
      <c r="X22" s="102">
        <v>1</v>
      </c>
      <c r="Y22" s="98">
        <v>1</v>
      </c>
      <c r="Z22" s="99">
        <v>2</v>
      </c>
      <c r="AA22" s="100">
        <v>0</v>
      </c>
      <c r="AB22" s="98">
        <v>222</v>
      </c>
      <c r="AC22" s="98">
        <v>247</v>
      </c>
      <c r="AD22" s="98">
        <v>111</v>
      </c>
      <c r="AE22" s="98">
        <v>60</v>
      </c>
      <c r="AF22" s="98">
        <v>34</v>
      </c>
      <c r="AG22" s="99">
        <v>674</v>
      </c>
      <c r="AH22" s="101">
        <v>676</v>
      </c>
    </row>
    <row r="23" spans="1:34" ht="21" customHeight="1" x14ac:dyDescent="0.2">
      <c r="A23" s="18" t="s">
        <v>22</v>
      </c>
      <c r="B23" s="97">
        <v>4</v>
      </c>
      <c r="C23" s="98">
        <v>4</v>
      </c>
      <c r="D23" s="99">
        <v>8</v>
      </c>
      <c r="E23" s="100">
        <v>0</v>
      </c>
      <c r="F23" s="98">
        <v>175</v>
      </c>
      <c r="G23" s="98">
        <v>135</v>
      </c>
      <c r="H23" s="98">
        <v>70</v>
      </c>
      <c r="I23" s="98">
        <v>55</v>
      </c>
      <c r="J23" s="98">
        <v>20</v>
      </c>
      <c r="K23" s="99">
        <v>455</v>
      </c>
      <c r="L23" s="101">
        <v>463</v>
      </c>
      <c r="M23" s="102">
        <v>0</v>
      </c>
      <c r="N23" s="98">
        <v>0</v>
      </c>
      <c r="O23" s="99">
        <v>0</v>
      </c>
      <c r="P23" s="100">
        <v>0</v>
      </c>
      <c r="Q23" s="98">
        <v>5</v>
      </c>
      <c r="R23" s="98">
        <v>0</v>
      </c>
      <c r="S23" s="98">
        <v>2</v>
      </c>
      <c r="T23" s="98">
        <v>1</v>
      </c>
      <c r="U23" s="98">
        <v>0</v>
      </c>
      <c r="V23" s="99">
        <v>8</v>
      </c>
      <c r="W23" s="101">
        <v>8</v>
      </c>
      <c r="X23" s="102">
        <v>4</v>
      </c>
      <c r="Y23" s="98">
        <v>4</v>
      </c>
      <c r="Z23" s="99">
        <v>8</v>
      </c>
      <c r="AA23" s="100">
        <v>0</v>
      </c>
      <c r="AB23" s="98">
        <v>180</v>
      </c>
      <c r="AC23" s="98">
        <v>135</v>
      </c>
      <c r="AD23" s="98">
        <v>72</v>
      </c>
      <c r="AE23" s="98">
        <v>56</v>
      </c>
      <c r="AF23" s="98">
        <v>20</v>
      </c>
      <c r="AG23" s="99">
        <v>463</v>
      </c>
      <c r="AH23" s="101">
        <v>471</v>
      </c>
    </row>
    <row r="24" spans="1:34" ht="21" customHeight="1" x14ac:dyDescent="0.2">
      <c r="A24" s="18" t="s">
        <v>23</v>
      </c>
      <c r="B24" s="97">
        <v>0</v>
      </c>
      <c r="C24" s="98">
        <v>1</v>
      </c>
      <c r="D24" s="99">
        <v>1</v>
      </c>
      <c r="E24" s="100">
        <v>0</v>
      </c>
      <c r="F24" s="98">
        <v>83</v>
      </c>
      <c r="G24" s="98">
        <v>65</v>
      </c>
      <c r="H24" s="98">
        <v>38</v>
      </c>
      <c r="I24" s="98">
        <v>26</v>
      </c>
      <c r="J24" s="98">
        <v>11</v>
      </c>
      <c r="K24" s="99">
        <v>223</v>
      </c>
      <c r="L24" s="101">
        <v>224</v>
      </c>
      <c r="M24" s="102">
        <v>0</v>
      </c>
      <c r="N24" s="98">
        <v>0</v>
      </c>
      <c r="O24" s="99">
        <v>0</v>
      </c>
      <c r="P24" s="100">
        <v>0</v>
      </c>
      <c r="Q24" s="98">
        <v>0</v>
      </c>
      <c r="R24" s="98">
        <v>1</v>
      </c>
      <c r="S24" s="98">
        <v>0</v>
      </c>
      <c r="T24" s="98">
        <v>0</v>
      </c>
      <c r="U24" s="98">
        <v>0</v>
      </c>
      <c r="V24" s="99">
        <v>1</v>
      </c>
      <c r="W24" s="101">
        <v>1</v>
      </c>
      <c r="X24" s="102">
        <v>0</v>
      </c>
      <c r="Y24" s="98">
        <v>1</v>
      </c>
      <c r="Z24" s="99">
        <v>1</v>
      </c>
      <c r="AA24" s="100">
        <v>0</v>
      </c>
      <c r="AB24" s="98">
        <v>83</v>
      </c>
      <c r="AC24" s="98">
        <v>66</v>
      </c>
      <c r="AD24" s="98">
        <v>38</v>
      </c>
      <c r="AE24" s="98">
        <v>26</v>
      </c>
      <c r="AF24" s="98">
        <v>11</v>
      </c>
      <c r="AG24" s="99">
        <v>224</v>
      </c>
      <c r="AH24" s="101">
        <v>225</v>
      </c>
    </row>
    <row r="25" spans="1:34" ht="21" customHeight="1" x14ac:dyDescent="0.2">
      <c r="A25" s="18" t="s">
        <v>24</v>
      </c>
      <c r="B25" s="97">
        <v>6</v>
      </c>
      <c r="C25" s="98">
        <v>5</v>
      </c>
      <c r="D25" s="99">
        <v>11</v>
      </c>
      <c r="E25" s="100">
        <v>0</v>
      </c>
      <c r="F25" s="98">
        <v>60</v>
      </c>
      <c r="G25" s="98">
        <v>36</v>
      </c>
      <c r="H25" s="98">
        <v>32</v>
      </c>
      <c r="I25" s="98">
        <v>17</v>
      </c>
      <c r="J25" s="98">
        <v>10</v>
      </c>
      <c r="K25" s="99">
        <v>155</v>
      </c>
      <c r="L25" s="101">
        <v>166</v>
      </c>
      <c r="M25" s="102">
        <v>0</v>
      </c>
      <c r="N25" s="98">
        <v>0</v>
      </c>
      <c r="O25" s="99">
        <v>0</v>
      </c>
      <c r="P25" s="100">
        <v>0</v>
      </c>
      <c r="Q25" s="98">
        <v>0</v>
      </c>
      <c r="R25" s="98">
        <v>0</v>
      </c>
      <c r="S25" s="98">
        <v>0</v>
      </c>
      <c r="T25" s="98">
        <v>0</v>
      </c>
      <c r="U25" s="98">
        <v>0</v>
      </c>
      <c r="V25" s="99">
        <v>0</v>
      </c>
      <c r="W25" s="101">
        <v>0</v>
      </c>
      <c r="X25" s="102">
        <v>6</v>
      </c>
      <c r="Y25" s="98">
        <v>5</v>
      </c>
      <c r="Z25" s="99">
        <v>11</v>
      </c>
      <c r="AA25" s="100">
        <v>0</v>
      </c>
      <c r="AB25" s="98">
        <v>60</v>
      </c>
      <c r="AC25" s="98">
        <v>36</v>
      </c>
      <c r="AD25" s="98">
        <v>32</v>
      </c>
      <c r="AE25" s="98">
        <v>17</v>
      </c>
      <c r="AF25" s="98">
        <v>10</v>
      </c>
      <c r="AG25" s="99">
        <v>155</v>
      </c>
      <c r="AH25" s="101">
        <v>166</v>
      </c>
    </row>
    <row r="26" spans="1:34" ht="21" customHeight="1" x14ac:dyDescent="0.2">
      <c r="A26" s="18" t="s">
        <v>25</v>
      </c>
      <c r="B26" s="97">
        <v>0</v>
      </c>
      <c r="C26" s="98">
        <v>0</v>
      </c>
      <c r="D26" s="99">
        <v>0</v>
      </c>
      <c r="E26" s="100">
        <v>0</v>
      </c>
      <c r="F26" s="98">
        <v>98</v>
      </c>
      <c r="G26" s="98">
        <v>38</v>
      </c>
      <c r="H26" s="98">
        <v>25</v>
      </c>
      <c r="I26" s="98">
        <v>14</v>
      </c>
      <c r="J26" s="98">
        <v>4</v>
      </c>
      <c r="K26" s="99">
        <v>179</v>
      </c>
      <c r="L26" s="101">
        <v>179</v>
      </c>
      <c r="M26" s="102">
        <v>0</v>
      </c>
      <c r="N26" s="98">
        <v>0</v>
      </c>
      <c r="O26" s="99">
        <v>0</v>
      </c>
      <c r="P26" s="100">
        <v>0</v>
      </c>
      <c r="Q26" s="98">
        <v>1</v>
      </c>
      <c r="R26" s="98">
        <v>1</v>
      </c>
      <c r="S26" s="98">
        <v>1</v>
      </c>
      <c r="T26" s="98">
        <v>0</v>
      </c>
      <c r="U26" s="98">
        <v>0</v>
      </c>
      <c r="V26" s="99">
        <v>3</v>
      </c>
      <c r="W26" s="101">
        <v>3</v>
      </c>
      <c r="X26" s="102">
        <v>0</v>
      </c>
      <c r="Y26" s="98">
        <v>0</v>
      </c>
      <c r="Z26" s="99">
        <v>0</v>
      </c>
      <c r="AA26" s="100">
        <v>0</v>
      </c>
      <c r="AB26" s="98">
        <v>99</v>
      </c>
      <c r="AC26" s="98">
        <v>39</v>
      </c>
      <c r="AD26" s="98">
        <v>26</v>
      </c>
      <c r="AE26" s="98">
        <v>14</v>
      </c>
      <c r="AF26" s="98">
        <v>4</v>
      </c>
      <c r="AG26" s="99">
        <v>182</v>
      </c>
      <c r="AH26" s="101">
        <v>182</v>
      </c>
    </row>
    <row r="27" spans="1:34" ht="21" customHeight="1" x14ac:dyDescent="0.2">
      <c r="A27" s="18" t="s">
        <v>26</v>
      </c>
      <c r="B27" s="97">
        <v>1</v>
      </c>
      <c r="C27" s="98">
        <v>0</v>
      </c>
      <c r="D27" s="99">
        <v>1</v>
      </c>
      <c r="E27" s="100">
        <v>0</v>
      </c>
      <c r="F27" s="98">
        <v>63</v>
      </c>
      <c r="G27" s="98">
        <v>59</v>
      </c>
      <c r="H27" s="98">
        <v>46</v>
      </c>
      <c r="I27" s="98">
        <v>22</v>
      </c>
      <c r="J27" s="98">
        <v>22</v>
      </c>
      <c r="K27" s="99">
        <v>212</v>
      </c>
      <c r="L27" s="101">
        <v>213</v>
      </c>
      <c r="M27" s="102">
        <v>0</v>
      </c>
      <c r="N27" s="98">
        <v>0</v>
      </c>
      <c r="O27" s="99">
        <v>0</v>
      </c>
      <c r="P27" s="100">
        <v>0</v>
      </c>
      <c r="Q27" s="98">
        <v>0</v>
      </c>
      <c r="R27" s="98">
        <v>0</v>
      </c>
      <c r="S27" s="98">
        <v>0</v>
      </c>
      <c r="T27" s="98">
        <v>0</v>
      </c>
      <c r="U27" s="98">
        <v>0</v>
      </c>
      <c r="V27" s="99">
        <v>0</v>
      </c>
      <c r="W27" s="101">
        <v>0</v>
      </c>
      <c r="X27" s="102">
        <v>1</v>
      </c>
      <c r="Y27" s="98">
        <v>0</v>
      </c>
      <c r="Z27" s="99">
        <v>1</v>
      </c>
      <c r="AA27" s="100">
        <v>0</v>
      </c>
      <c r="AB27" s="98">
        <v>63</v>
      </c>
      <c r="AC27" s="98">
        <v>59</v>
      </c>
      <c r="AD27" s="98">
        <v>46</v>
      </c>
      <c r="AE27" s="98">
        <v>22</v>
      </c>
      <c r="AF27" s="98">
        <v>22</v>
      </c>
      <c r="AG27" s="99">
        <v>212</v>
      </c>
      <c r="AH27" s="101">
        <v>213</v>
      </c>
    </row>
    <row r="28" spans="1:34" ht="21" customHeight="1" x14ac:dyDescent="0.2">
      <c r="A28" s="18" t="s">
        <v>27</v>
      </c>
      <c r="B28" s="97">
        <v>0</v>
      </c>
      <c r="C28" s="98">
        <v>0</v>
      </c>
      <c r="D28" s="99">
        <v>0</v>
      </c>
      <c r="E28" s="100">
        <v>0</v>
      </c>
      <c r="F28" s="98">
        <v>52</v>
      </c>
      <c r="G28" s="98">
        <v>26</v>
      </c>
      <c r="H28" s="98">
        <v>28</v>
      </c>
      <c r="I28" s="98">
        <v>13</v>
      </c>
      <c r="J28" s="98">
        <v>7</v>
      </c>
      <c r="K28" s="99">
        <v>126</v>
      </c>
      <c r="L28" s="101">
        <v>126</v>
      </c>
      <c r="M28" s="102">
        <v>0</v>
      </c>
      <c r="N28" s="98">
        <v>0</v>
      </c>
      <c r="O28" s="99">
        <v>0</v>
      </c>
      <c r="P28" s="100">
        <v>0</v>
      </c>
      <c r="Q28" s="98">
        <v>1</v>
      </c>
      <c r="R28" s="98">
        <v>0</v>
      </c>
      <c r="S28" s="98">
        <v>1</v>
      </c>
      <c r="T28" s="98">
        <v>0</v>
      </c>
      <c r="U28" s="98">
        <v>0</v>
      </c>
      <c r="V28" s="99">
        <v>2</v>
      </c>
      <c r="W28" s="101">
        <v>2</v>
      </c>
      <c r="X28" s="102">
        <v>0</v>
      </c>
      <c r="Y28" s="98">
        <v>0</v>
      </c>
      <c r="Z28" s="99">
        <v>0</v>
      </c>
      <c r="AA28" s="100">
        <v>0</v>
      </c>
      <c r="AB28" s="98">
        <v>53</v>
      </c>
      <c r="AC28" s="98">
        <v>26</v>
      </c>
      <c r="AD28" s="98">
        <v>29</v>
      </c>
      <c r="AE28" s="98">
        <v>13</v>
      </c>
      <c r="AF28" s="98">
        <v>7</v>
      </c>
      <c r="AG28" s="99">
        <v>128</v>
      </c>
      <c r="AH28" s="101">
        <v>128</v>
      </c>
    </row>
    <row r="29" spans="1:34" ht="21" customHeight="1" x14ac:dyDescent="0.2">
      <c r="A29" s="18" t="s">
        <v>28</v>
      </c>
      <c r="B29" s="97">
        <v>0</v>
      </c>
      <c r="C29" s="98">
        <v>0</v>
      </c>
      <c r="D29" s="99">
        <v>0</v>
      </c>
      <c r="E29" s="100">
        <v>0</v>
      </c>
      <c r="F29" s="98">
        <v>25</v>
      </c>
      <c r="G29" s="98">
        <v>19</v>
      </c>
      <c r="H29" s="98">
        <v>10</v>
      </c>
      <c r="I29" s="98">
        <v>5</v>
      </c>
      <c r="J29" s="98">
        <v>4</v>
      </c>
      <c r="K29" s="99">
        <v>63</v>
      </c>
      <c r="L29" s="101">
        <v>63</v>
      </c>
      <c r="M29" s="102">
        <v>0</v>
      </c>
      <c r="N29" s="98">
        <v>0</v>
      </c>
      <c r="O29" s="99">
        <v>0</v>
      </c>
      <c r="P29" s="100">
        <v>0</v>
      </c>
      <c r="Q29" s="98">
        <v>0</v>
      </c>
      <c r="R29" s="98">
        <v>0</v>
      </c>
      <c r="S29" s="98">
        <v>0</v>
      </c>
      <c r="T29" s="98">
        <v>0</v>
      </c>
      <c r="U29" s="98">
        <v>1</v>
      </c>
      <c r="V29" s="99">
        <v>1</v>
      </c>
      <c r="W29" s="101">
        <v>1</v>
      </c>
      <c r="X29" s="102">
        <v>0</v>
      </c>
      <c r="Y29" s="98">
        <v>0</v>
      </c>
      <c r="Z29" s="99">
        <v>0</v>
      </c>
      <c r="AA29" s="100">
        <v>0</v>
      </c>
      <c r="AB29" s="98">
        <v>25</v>
      </c>
      <c r="AC29" s="98">
        <v>19</v>
      </c>
      <c r="AD29" s="98">
        <v>10</v>
      </c>
      <c r="AE29" s="98">
        <v>5</v>
      </c>
      <c r="AF29" s="98">
        <v>5</v>
      </c>
      <c r="AG29" s="99">
        <v>64</v>
      </c>
      <c r="AH29" s="101">
        <v>64</v>
      </c>
    </row>
    <row r="30" spans="1:34" ht="21" customHeight="1" x14ac:dyDescent="0.2">
      <c r="A30" s="18" t="s">
        <v>29</v>
      </c>
      <c r="B30" s="97">
        <v>1</v>
      </c>
      <c r="C30" s="98">
        <v>2</v>
      </c>
      <c r="D30" s="99">
        <v>3</v>
      </c>
      <c r="E30" s="100">
        <v>0</v>
      </c>
      <c r="F30" s="98">
        <v>22</v>
      </c>
      <c r="G30" s="98">
        <v>28</v>
      </c>
      <c r="H30" s="98">
        <v>20</v>
      </c>
      <c r="I30" s="98">
        <v>17</v>
      </c>
      <c r="J30" s="98">
        <v>8</v>
      </c>
      <c r="K30" s="99">
        <v>95</v>
      </c>
      <c r="L30" s="101">
        <v>98</v>
      </c>
      <c r="M30" s="102">
        <v>0</v>
      </c>
      <c r="N30" s="98">
        <v>0</v>
      </c>
      <c r="O30" s="99">
        <v>0</v>
      </c>
      <c r="P30" s="100">
        <v>0</v>
      </c>
      <c r="Q30" s="98">
        <v>0</v>
      </c>
      <c r="R30" s="98">
        <v>0</v>
      </c>
      <c r="S30" s="98">
        <v>0</v>
      </c>
      <c r="T30" s="98">
        <v>0</v>
      </c>
      <c r="U30" s="98">
        <v>0</v>
      </c>
      <c r="V30" s="99">
        <v>0</v>
      </c>
      <c r="W30" s="101">
        <v>0</v>
      </c>
      <c r="X30" s="102">
        <v>1</v>
      </c>
      <c r="Y30" s="98">
        <v>2</v>
      </c>
      <c r="Z30" s="99">
        <v>3</v>
      </c>
      <c r="AA30" s="100">
        <v>0</v>
      </c>
      <c r="AB30" s="98">
        <v>22</v>
      </c>
      <c r="AC30" s="98">
        <v>28</v>
      </c>
      <c r="AD30" s="98">
        <v>20</v>
      </c>
      <c r="AE30" s="98">
        <v>17</v>
      </c>
      <c r="AF30" s="98">
        <v>8</v>
      </c>
      <c r="AG30" s="99">
        <v>95</v>
      </c>
      <c r="AH30" s="101">
        <v>98</v>
      </c>
    </row>
    <row r="31" spans="1:34" ht="21" customHeight="1" x14ac:dyDescent="0.2">
      <c r="A31" s="18" t="s">
        <v>30</v>
      </c>
      <c r="B31" s="97">
        <v>1</v>
      </c>
      <c r="C31" s="98">
        <v>0</v>
      </c>
      <c r="D31" s="99">
        <v>1</v>
      </c>
      <c r="E31" s="100">
        <v>0</v>
      </c>
      <c r="F31" s="98">
        <v>33</v>
      </c>
      <c r="G31" s="98">
        <v>18</v>
      </c>
      <c r="H31" s="98">
        <v>20</v>
      </c>
      <c r="I31" s="98">
        <v>9</v>
      </c>
      <c r="J31" s="98">
        <v>2</v>
      </c>
      <c r="K31" s="99">
        <v>82</v>
      </c>
      <c r="L31" s="101">
        <v>83</v>
      </c>
      <c r="M31" s="102">
        <v>0</v>
      </c>
      <c r="N31" s="98">
        <v>0</v>
      </c>
      <c r="O31" s="99">
        <v>0</v>
      </c>
      <c r="P31" s="100">
        <v>0</v>
      </c>
      <c r="Q31" s="98">
        <v>1</v>
      </c>
      <c r="R31" s="98">
        <v>0</v>
      </c>
      <c r="S31" s="98">
        <v>0</v>
      </c>
      <c r="T31" s="98">
        <v>0</v>
      </c>
      <c r="U31" s="98">
        <v>0</v>
      </c>
      <c r="V31" s="99">
        <v>1</v>
      </c>
      <c r="W31" s="101">
        <v>1</v>
      </c>
      <c r="X31" s="102">
        <v>1</v>
      </c>
      <c r="Y31" s="98">
        <v>0</v>
      </c>
      <c r="Z31" s="99">
        <v>1</v>
      </c>
      <c r="AA31" s="100">
        <v>0</v>
      </c>
      <c r="AB31" s="98">
        <v>34</v>
      </c>
      <c r="AC31" s="98">
        <v>18</v>
      </c>
      <c r="AD31" s="98">
        <v>20</v>
      </c>
      <c r="AE31" s="98">
        <v>9</v>
      </c>
      <c r="AF31" s="98">
        <v>2</v>
      </c>
      <c r="AG31" s="99">
        <v>83</v>
      </c>
      <c r="AH31" s="101">
        <v>84</v>
      </c>
    </row>
    <row r="32" spans="1:34" ht="21" customHeight="1" x14ac:dyDescent="0.2">
      <c r="A32" s="18" t="s">
        <v>31</v>
      </c>
      <c r="B32" s="97">
        <v>0</v>
      </c>
      <c r="C32" s="98">
        <v>2</v>
      </c>
      <c r="D32" s="99">
        <v>2</v>
      </c>
      <c r="E32" s="100">
        <v>0</v>
      </c>
      <c r="F32" s="98">
        <v>41</v>
      </c>
      <c r="G32" s="98">
        <v>40</v>
      </c>
      <c r="H32" s="98">
        <v>27</v>
      </c>
      <c r="I32" s="98">
        <v>12</v>
      </c>
      <c r="J32" s="98">
        <v>6</v>
      </c>
      <c r="K32" s="99">
        <v>126</v>
      </c>
      <c r="L32" s="101">
        <v>128</v>
      </c>
      <c r="M32" s="102">
        <v>0</v>
      </c>
      <c r="N32" s="98">
        <v>0</v>
      </c>
      <c r="O32" s="99">
        <v>0</v>
      </c>
      <c r="P32" s="100">
        <v>0</v>
      </c>
      <c r="Q32" s="98">
        <v>0</v>
      </c>
      <c r="R32" s="98">
        <v>0</v>
      </c>
      <c r="S32" s="98">
        <v>0</v>
      </c>
      <c r="T32" s="98">
        <v>0</v>
      </c>
      <c r="U32" s="98">
        <v>0</v>
      </c>
      <c r="V32" s="99">
        <v>0</v>
      </c>
      <c r="W32" s="101">
        <v>0</v>
      </c>
      <c r="X32" s="102">
        <v>0</v>
      </c>
      <c r="Y32" s="98">
        <v>2</v>
      </c>
      <c r="Z32" s="99">
        <v>2</v>
      </c>
      <c r="AA32" s="100">
        <v>0</v>
      </c>
      <c r="AB32" s="98">
        <v>41</v>
      </c>
      <c r="AC32" s="98">
        <v>40</v>
      </c>
      <c r="AD32" s="98">
        <v>27</v>
      </c>
      <c r="AE32" s="98">
        <v>12</v>
      </c>
      <c r="AF32" s="98">
        <v>6</v>
      </c>
      <c r="AG32" s="99">
        <v>126</v>
      </c>
      <c r="AH32" s="101">
        <v>128</v>
      </c>
    </row>
    <row r="33" spans="1:34" ht="21" customHeight="1" x14ac:dyDescent="0.2">
      <c r="A33" s="18" t="s">
        <v>32</v>
      </c>
      <c r="B33" s="97">
        <v>0</v>
      </c>
      <c r="C33" s="98">
        <v>0</v>
      </c>
      <c r="D33" s="99">
        <v>0</v>
      </c>
      <c r="E33" s="100">
        <v>0</v>
      </c>
      <c r="F33" s="98">
        <v>45</v>
      </c>
      <c r="G33" s="98">
        <v>31</v>
      </c>
      <c r="H33" s="98">
        <v>33</v>
      </c>
      <c r="I33" s="98">
        <v>27</v>
      </c>
      <c r="J33" s="98">
        <v>10</v>
      </c>
      <c r="K33" s="99">
        <v>146</v>
      </c>
      <c r="L33" s="101">
        <v>146</v>
      </c>
      <c r="M33" s="102">
        <v>0</v>
      </c>
      <c r="N33" s="98">
        <v>0</v>
      </c>
      <c r="O33" s="99">
        <v>0</v>
      </c>
      <c r="P33" s="100">
        <v>0</v>
      </c>
      <c r="Q33" s="98">
        <v>1</v>
      </c>
      <c r="R33" s="98">
        <v>2</v>
      </c>
      <c r="S33" s="98">
        <v>0</v>
      </c>
      <c r="T33" s="98">
        <v>1</v>
      </c>
      <c r="U33" s="98">
        <v>0</v>
      </c>
      <c r="V33" s="99">
        <v>4</v>
      </c>
      <c r="W33" s="101">
        <v>4</v>
      </c>
      <c r="X33" s="102">
        <v>0</v>
      </c>
      <c r="Y33" s="98">
        <v>0</v>
      </c>
      <c r="Z33" s="99">
        <v>0</v>
      </c>
      <c r="AA33" s="100">
        <v>0</v>
      </c>
      <c r="AB33" s="98">
        <v>46</v>
      </c>
      <c r="AC33" s="98">
        <v>33</v>
      </c>
      <c r="AD33" s="98">
        <v>33</v>
      </c>
      <c r="AE33" s="98">
        <v>28</v>
      </c>
      <c r="AF33" s="98">
        <v>10</v>
      </c>
      <c r="AG33" s="99">
        <v>150</v>
      </c>
      <c r="AH33" s="101">
        <v>150</v>
      </c>
    </row>
    <row r="34" spans="1:34" ht="21" customHeight="1" x14ac:dyDescent="0.2">
      <c r="A34" s="18" t="s">
        <v>33</v>
      </c>
      <c r="B34" s="97">
        <v>0</v>
      </c>
      <c r="C34" s="98">
        <v>2</v>
      </c>
      <c r="D34" s="99">
        <v>2</v>
      </c>
      <c r="E34" s="100">
        <v>0</v>
      </c>
      <c r="F34" s="98">
        <v>40</v>
      </c>
      <c r="G34" s="98">
        <v>23</v>
      </c>
      <c r="H34" s="98">
        <v>25</v>
      </c>
      <c r="I34" s="98">
        <v>7</v>
      </c>
      <c r="J34" s="98">
        <v>6</v>
      </c>
      <c r="K34" s="99">
        <v>101</v>
      </c>
      <c r="L34" s="101">
        <v>103</v>
      </c>
      <c r="M34" s="102">
        <v>0</v>
      </c>
      <c r="N34" s="98">
        <v>0</v>
      </c>
      <c r="O34" s="99">
        <v>0</v>
      </c>
      <c r="P34" s="100">
        <v>0</v>
      </c>
      <c r="Q34" s="98">
        <v>0</v>
      </c>
      <c r="R34" s="98">
        <v>0</v>
      </c>
      <c r="S34" s="98">
        <v>0</v>
      </c>
      <c r="T34" s="98">
        <v>0</v>
      </c>
      <c r="U34" s="98">
        <v>0</v>
      </c>
      <c r="V34" s="99">
        <v>0</v>
      </c>
      <c r="W34" s="101">
        <v>0</v>
      </c>
      <c r="X34" s="102">
        <v>0</v>
      </c>
      <c r="Y34" s="98">
        <v>2</v>
      </c>
      <c r="Z34" s="99">
        <v>2</v>
      </c>
      <c r="AA34" s="100">
        <v>0</v>
      </c>
      <c r="AB34" s="98">
        <v>40</v>
      </c>
      <c r="AC34" s="98">
        <v>23</v>
      </c>
      <c r="AD34" s="98">
        <v>25</v>
      </c>
      <c r="AE34" s="98">
        <v>7</v>
      </c>
      <c r="AF34" s="98">
        <v>6</v>
      </c>
      <c r="AG34" s="99">
        <v>101</v>
      </c>
      <c r="AH34" s="101">
        <v>103</v>
      </c>
    </row>
    <row r="35" spans="1:34" ht="21" customHeight="1" x14ac:dyDescent="0.2">
      <c r="A35" s="18" t="s">
        <v>34</v>
      </c>
      <c r="B35" s="97">
        <v>1</v>
      </c>
      <c r="C35" s="98">
        <v>2</v>
      </c>
      <c r="D35" s="99">
        <v>3</v>
      </c>
      <c r="E35" s="100">
        <v>0</v>
      </c>
      <c r="F35" s="98">
        <v>29</v>
      </c>
      <c r="G35" s="98">
        <v>25</v>
      </c>
      <c r="H35" s="98">
        <v>13</v>
      </c>
      <c r="I35" s="98">
        <v>9</v>
      </c>
      <c r="J35" s="98">
        <v>4</v>
      </c>
      <c r="K35" s="99">
        <v>80</v>
      </c>
      <c r="L35" s="101">
        <v>83</v>
      </c>
      <c r="M35" s="102">
        <v>0</v>
      </c>
      <c r="N35" s="98">
        <v>0</v>
      </c>
      <c r="O35" s="99">
        <v>0</v>
      </c>
      <c r="P35" s="100">
        <v>0</v>
      </c>
      <c r="Q35" s="98">
        <v>0</v>
      </c>
      <c r="R35" s="98">
        <v>1</v>
      </c>
      <c r="S35" s="98">
        <v>1</v>
      </c>
      <c r="T35" s="98">
        <v>0</v>
      </c>
      <c r="U35" s="98">
        <v>0</v>
      </c>
      <c r="V35" s="99">
        <v>2</v>
      </c>
      <c r="W35" s="101">
        <v>2</v>
      </c>
      <c r="X35" s="102">
        <v>1</v>
      </c>
      <c r="Y35" s="98">
        <v>2</v>
      </c>
      <c r="Z35" s="99">
        <v>3</v>
      </c>
      <c r="AA35" s="100">
        <v>0</v>
      </c>
      <c r="AB35" s="98">
        <v>29</v>
      </c>
      <c r="AC35" s="98">
        <v>26</v>
      </c>
      <c r="AD35" s="98">
        <v>14</v>
      </c>
      <c r="AE35" s="98">
        <v>9</v>
      </c>
      <c r="AF35" s="98">
        <v>4</v>
      </c>
      <c r="AG35" s="99">
        <v>82</v>
      </c>
      <c r="AH35" s="101">
        <v>85</v>
      </c>
    </row>
    <row r="36" spans="1:34" ht="21" customHeight="1" x14ac:dyDescent="0.2">
      <c r="A36" s="18" t="s">
        <v>35</v>
      </c>
      <c r="B36" s="97">
        <v>0</v>
      </c>
      <c r="C36" s="98">
        <v>4</v>
      </c>
      <c r="D36" s="99">
        <v>4</v>
      </c>
      <c r="E36" s="100">
        <v>0</v>
      </c>
      <c r="F36" s="98">
        <v>35</v>
      </c>
      <c r="G36" s="98">
        <v>44</v>
      </c>
      <c r="H36" s="98">
        <v>35</v>
      </c>
      <c r="I36" s="98">
        <v>24</v>
      </c>
      <c r="J36" s="98">
        <v>8</v>
      </c>
      <c r="K36" s="99">
        <v>146</v>
      </c>
      <c r="L36" s="101">
        <v>150</v>
      </c>
      <c r="M36" s="102">
        <v>0</v>
      </c>
      <c r="N36" s="98">
        <v>0</v>
      </c>
      <c r="O36" s="99">
        <v>0</v>
      </c>
      <c r="P36" s="100">
        <v>0</v>
      </c>
      <c r="Q36" s="98">
        <v>0</v>
      </c>
      <c r="R36" s="98">
        <v>0</v>
      </c>
      <c r="S36" s="98">
        <v>0</v>
      </c>
      <c r="T36" s="98">
        <v>0</v>
      </c>
      <c r="U36" s="98">
        <v>0</v>
      </c>
      <c r="V36" s="99">
        <v>0</v>
      </c>
      <c r="W36" s="101">
        <v>0</v>
      </c>
      <c r="X36" s="102">
        <v>0</v>
      </c>
      <c r="Y36" s="98">
        <v>4</v>
      </c>
      <c r="Z36" s="99">
        <v>4</v>
      </c>
      <c r="AA36" s="100">
        <v>0</v>
      </c>
      <c r="AB36" s="98">
        <v>35</v>
      </c>
      <c r="AC36" s="98">
        <v>44</v>
      </c>
      <c r="AD36" s="98">
        <v>35</v>
      </c>
      <c r="AE36" s="98">
        <v>24</v>
      </c>
      <c r="AF36" s="98">
        <v>8</v>
      </c>
      <c r="AG36" s="99">
        <v>146</v>
      </c>
      <c r="AH36" s="101">
        <v>150</v>
      </c>
    </row>
    <row r="37" spans="1:34" ht="21" customHeight="1" x14ac:dyDescent="0.2">
      <c r="A37" s="18" t="s">
        <v>36</v>
      </c>
      <c r="B37" s="97">
        <v>0</v>
      </c>
      <c r="C37" s="98">
        <v>1</v>
      </c>
      <c r="D37" s="99">
        <v>1</v>
      </c>
      <c r="E37" s="100">
        <v>0</v>
      </c>
      <c r="F37" s="98">
        <v>71</v>
      </c>
      <c r="G37" s="98">
        <v>67</v>
      </c>
      <c r="H37" s="98">
        <v>49</v>
      </c>
      <c r="I37" s="98">
        <v>24</v>
      </c>
      <c r="J37" s="98">
        <v>12</v>
      </c>
      <c r="K37" s="99">
        <v>223</v>
      </c>
      <c r="L37" s="101">
        <v>224</v>
      </c>
      <c r="M37" s="102">
        <v>0</v>
      </c>
      <c r="N37" s="98">
        <v>0</v>
      </c>
      <c r="O37" s="99">
        <v>0</v>
      </c>
      <c r="P37" s="100">
        <v>0</v>
      </c>
      <c r="Q37" s="98">
        <v>0</v>
      </c>
      <c r="R37" s="98">
        <v>1</v>
      </c>
      <c r="S37" s="98">
        <v>2</v>
      </c>
      <c r="T37" s="98">
        <v>0</v>
      </c>
      <c r="U37" s="98">
        <v>0</v>
      </c>
      <c r="V37" s="99">
        <v>3</v>
      </c>
      <c r="W37" s="101">
        <v>3</v>
      </c>
      <c r="X37" s="102">
        <v>0</v>
      </c>
      <c r="Y37" s="98">
        <v>1</v>
      </c>
      <c r="Z37" s="99">
        <v>1</v>
      </c>
      <c r="AA37" s="100">
        <v>0</v>
      </c>
      <c r="AB37" s="98">
        <v>71</v>
      </c>
      <c r="AC37" s="98">
        <v>68</v>
      </c>
      <c r="AD37" s="98">
        <v>51</v>
      </c>
      <c r="AE37" s="98">
        <v>24</v>
      </c>
      <c r="AF37" s="98">
        <v>12</v>
      </c>
      <c r="AG37" s="99">
        <v>226</v>
      </c>
      <c r="AH37" s="101">
        <v>227</v>
      </c>
    </row>
    <row r="38" spans="1:34" ht="21" customHeight="1" thickBot="1" x14ac:dyDescent="0.25">
      <c r="A38" s="19" t="s">
        <v>37</v>
      </c>
      <c r="B38" s="103">
        <v>0</v>
      </c>
      <c r="C38" s="104">
        <v>0</v>
      </c>
      <c r="D38" s="105">
        <v>0</v>
      </c>
      <c r="E38" s="106">
        <v>0</v>
      </c>
      <c r="F38" s="104">
        <v>20</v>
      </c>
      <c r="G38" s="104">
        <v>9</v>
      </c>
      <c r="H38" s="104">
        <v>11</v>
      </c>
      <c r="I38" s="104">
        <v>0</v>
      </c>
      <c r="J38" s="104">
        <v>3</v>
      </c>
      <c r="K38" s="105">
        <v>43</v>
      </c>
      <c r="L38" s="107">
        <v>43</v>
      </c>
      <c r="M38" s="108">
        <v>0</v>
      </c>
      <c r="N38" s="104">
        <v>0</v>
      </c>
      <c r="O38" s="105">
        <v>0</v>
      </c>
      <c r="P38" s="106">
        <v>0</v>
      </c>
      <c r="Q38" s="104">
        <v>0</v>
      </c>
      <c r="R38" s="104">
        <v>0</v>
      </c>
      <c r="S38" s="104">
        <v>0</v>
      </c>
      <c r="T38" s="104">
        <v>0</v>
      </c>
      <c r="U38" s="104">
        <v>0</v>
      </c>
      <c r="V38" s="105">
        <v>0</v>
      </c>
      <c r="W38" s="107">
        <v>0</v>
      </c>
      <c r="X38" s="108">
        <v>0</v>
      </c>
      <c r="Y38" s="104">
        <v>0</v>
      </c>
      <c r="Z38" s="105">
        <v>0</v>
      </c>
      <c r="AA38" s="106">
        <v>0</v>
      </c>
      <c r="AB38" s="104">
        <v>20</v>
      </c>
      <c r="AC38" s="104">
        <v>9</v>
      </c>
      <c r="AD38" s="104">
        <v>11</v>
      </c>
      <c r="AE38" s="104">
        <v>0</v>
      </c>
      <c r="AF38" s="104">
        <v>3</v>
      </c>
      <c r="AG38" s="105">
        <v>43</v>
      </c>
      <c r="AH38" s="107">
        <v>43</v>
      </c>
    </row>
    <row r="39" spans="1:34" x14ac:dyDescent="0.2">
      <c r="Z39" s="3"/>
      <c r="AA39" s="3"/>
      <c r="AB39" s="3"/>
      <c r="AC39" s="3"/>
      <c r="AD39" s="3"/>
      <c r="AE39" s="3"/>
      <c r="AF39" s="3"/>
      <c r="AG39" s="3"/>
      <c r="AH39" s="3"/>
    </row>
  </sheetData>
  <mergeCells count="5">
    <mergeCell ref="G1:H1"/>
    <mergeCell ref="J1:K1"/>
    <mergeCell ref="B3:L3"/>
    <mergeCell ref="M3:W3"/>
    <mergeCell ref="X3:AH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8.44140625" style="256" customWidth="1"/>
    <col min="7" max="7" width="8.77734375" style="256" customWidth="1"/>
    <col min="8" max="15" width="9" style="256"/>
    <col min="16" max="16" width="7.21875" style="256" customWidth="1"/>
    <col min="17" max="26" width="9" style="256"/>
    <col min="27" max="27" width="7.6640625" style="256" customWidth="1"/>
    <col min="28" max="37" width="9" style="256"/>
    <col min="38" max="38" width="7.6640625" style="256" customWidth="1"/>
    <col min="39" max="48" width="9" style="256"/>
    <col min="49" max="49" width="7.6640625" style="256" customWidth="1"/>
    <col min="50" max="59" width="9" style="256"/>
    <col min="60" max="60" width="7.21875" style="256" customWidth="1"/>
    <col min="61" max="70" width="9" style="256"/>
    <col min="71" max="71" width="7.21875" style="256" customWidth="1"/>
    <col min="72" max="81" width="9" style="256"/>
    <col min="82" max="82" width="7.33203125" style="256" customWidth="1"/>
    <col min="83" max="92" width="9" style="256"/>
    <col min="93" max="93" width="7.44140625" style="256" customWidth="1"/>
    <col min="94" max="16384" width="9" style="256"/>
  </cols>
  <sheetData>
    <row r="1" spans="1:100" ht="22.5" customHeight="1" x14ac:dyDescent="0.2">
      <c r="A1" s="291" t="s">
        <v>124</v>
      </c>
      <c r="H1" s="528">
        <f>第１表!F2</f>
        <v>4</v>
      </c>
      <c r="I1" s="528"/>
      <c r="J1" s="248">
        <f>第１表!G2</f>
        <v>6</v>
      </c>
      <c r="K1" s="529">
        <f>IF(J1&lt;3,J1+12-2,J1-2)</f>
        <v>4</v>
      </c>
      <c r="L1" s="529"/>
    </row>
    <row r="2" spans="1:100" s="292" customFormat="1" ht="21" customHeight="1" thickBot="1" x14ac:dyDescent="0.25">
      <c r="A2" s="291" t="s">
        <v>133</v>
      </c>
    </row>
    <row r="3" spans="1:100" ht="23.25" customHeight="1" thickBot="1" x14ac:dyDescent="0.25">
      <c r="A3" s="537"/>
      <c r="B3" s="540" t="s">
        <v>114</v>
      </c>
      <c r="C3" s="541"/>
      <c r="D3" s="541"/>
      <c r="E3" s="541"/>
      <c r="F3" s="541"/>
      <c r="G3" s="541"/>
      <c r="H3" s="541"/>
      <c r="I3" s="541"/>
      <c r="J3" s="541"/>
      <c r="K3" s="541"/>
      <c r="L3" s="542"/>
      <c r="M3" s="540" t="s">
        <v>115</v>
      </c>
      <c r="N3" s="541"/>
      <c r="O3" s="541"/>
      <c r="P3" s="541"/>
      <c r="Q3" s="541"/>
      <c r="R3" s="541"/>
      <c r="S3" s="541"/>
      <c r="T3" s="541"/>
      <c r="U3" s="541"/>
      <c r="V3" s="541"/>
      <c r="W3" s="542"/>
      <c r="X3" s="540" t="s">
        <v>142</v>
      </c>
      <c r="Y3" s="541"/>
      <c r="Z3" s="541"/>
      <c r="AA3" s="541"/>
      <c r="AB3" s="541"/>
      <c r="AC3" s="541"/>
      <c r="AD3" s="541"/>
      <c r="AE3" s="541"/>
      <c r="AF3" s="541"/>
      <c r="AG3" s="541"/>
      <c r="AH3" s="542"/>
      <c r="AI3" s="540" t="s">
        <v>90</v>
      </c>
      <c r="AJ3" s="541"/>
      <c r="AK3" s="541"/>
      <c r="AL3" s="541"/>
      <c r="AM3" s="541"/>
      <c r="AN3" s="541"/>
      <c r="AO3" s="541"/>
      <c r="AP3" s="541"/>
      <c r="AQ3" s="541"/>
      <c r="AR3" s="541"/>
      <c r="AS3" s="542"/>
      <c r="AT3" s="546" t="s">
        <v>89</v>
      </c>
      <c r="AU3" s="547"/>
      <c r="AV3" s="547"/>
      <c r="AW3" s="547"/>
      <c r="AX3" s="547"/>
      <c r="AY3" s="547"/>
      <c r="AZ3" s="547"/>
      <c r="BA3" s="547"/>
      <c r="BB3" s="547"/>
      <c r="BC3" s="547"/>
      <c r="BD3" s="548"/>
      <c r="BE3" s="546" t="s">
        <v>91</v>
      </c>
      <c r="BF3" s="547"/>
      <c r="BG3" s="547"/>
      <c r="BH3" s="547"/>
      <c r="BI3" s="547"/>
      <c r="BJ3" s="547"/>
      <c r="BK3" s="547"/>
      <c r="BL3" s="547"/>
      <c r="BM3" s="547"/>
      <c r="BN3" s="547"/>
      <c r="BO3" s="548"/>
      <c r="BP3" s="546" t="s">
        <v>92</v>
      </c>
      <c r="BQ3" s="547"/>
      <c r="BR3" s="547"/>
      <c r="BS3" s="547"/>
      <c r="BT3" s="547"/>
      <c r="BU3" s="547"/>
      <c r="BV3" s="547"/>
      <c r="BW3" s="547"/>
      <c r="BX3" s="547"/>
      <c r="BY3" s="547"/>
      <c r="BZ3" s="548"/>
      <c r="CA3" s="546" t="s">
        <v>93</v>
      </c>
      <c r="CB3" s="547"/>
      <c r="CC3" s="547"/>
      <c r="CD3" s="547"/>
      <c r="CE3" s="547"/>
      <c r="CF3" s="547"/>
      <c r="CG3" s="547"/>
      <c r="CH3" s="547"/>
      <c r="CI3" s="547"/>
      <c r="CJ3" s="547"/>
      <c r="CK3" s="548"/>
      <c r="CL3" s="547" t="s">
        <v>141</v>
      </c>
      <c r="CM3" s="547"/>
      <c r="CN3" s="547"/>
      <c r="CO3" s="547"/>
      <c r="CP3" s="547"/>
      <c r="CQ3" s="547"/>
      <c r="CR3" s="547"/>
      <c r="CS3" s="547"/>
      <c r="CT3" s="547"/>
      <c r="CU3" s="547"/>
      <c r="CV3" s="548"/>
    </row>
    <row r="4" spans="1:100"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62" t="s">
        <v>61</v>
      </c>
      <c r="AU4" s="560"/>
      <c r="AV4" s="561"/>
      <c r="AW4" s="559" t="s">
        <v>62</v>
      </c>
      <c r="AX4" s="560"/>
      <c r="AY4" s="560"/>
      <c r="AZ4" s="560"/>
      <c r="BA4" s="560"/>
      <c r="BB4" s="560"/>
      <c r="BC4" s="561"/>
      <c r="BD4" s="563" t="s">
        <v>52</v>
      </c>
      <c r="BE4" s="562" t="s">
        <v>61</v>
      </c>
      <c r="BF4" s="560"/>
      <c r="BG4" s="561"/>
      <c r="BH4" s="559" t="s">
        <v>62</v>
      </c>
      <c r="BI4" s="560"/>
      <c r="BJ4" s="560"/>
      <c r="BK4" s="560"/>
      <c r="BL4" s="560"/>
      <c r="BM4" s="560"/>
      <c r="BN4" s="561"/>
      <c r="BO4" s="563" t="s">
        <v>52</v>
      </c>
      <c r="BP4" s="562" t="s">
        <v>61</v>
      </c>
      <c r="BQ4" s="560"/>
      <c r="BR4" s="561"/>
      <c r="BS4" s="559" t="s">
        <v>62</v>
      </c>
      <c r="BT4" s="560"/>
      <c r="BU4" s="560"/>
      <c r="BV4" s="560"/>
      <c r="BW4" s="560"/>
      <c r="BX4" s="560"/>
      <c r="BY4" s="561"/>
      <c r="BZ4" s="563" t="s">
        <v>52</v>
      </c>
      <c r="CA4" s="562" t="s">
        <v>61</v>
      </c>
      <c r="CB4" s="560"/>
      <c r="CC4" s="561"/>
      <c r="CD4" s="559" t="s">
        <v>62</v>
      </c>
      <c r="CE4" s="560"/>
      <c r="CF4" s="560"/>
      <c r="CG4" s="560"/>
      <c r="CH4" s="560"/>
      <c r="CI4" s="560"/>
      <c r="CJ4" s="561"/>
      <c r="CK4" s="563" t="s">
        <v>52</v>
      </c>
      <c r="CL4" s="562" t="s">
        <v>61</v>
      </c>
      <c r="CM4" s="560"/>
      <c r="CN4" s="561"/>
      <c r="CO4" s="559" t="s">
        <v>62</v>
      </c>
      <c r="CP4" s="560"/>
      <c r="CQ4" s="560"/>
      <c r="CR4" s="560"/>
      <c r="CS4" s="560"/>
      <c r="CT4" s="560"/>
      <c r="CU4" s="561"/>
      <c r="CV4" s="563" t="s">
        <v>52</v>
      </c>
    </row>
    <row r="5" spans="1:100" ht="34.5" customHeight="1" thickBot="1" x14ac:dyDescent="0.25">
      <c r="A5" s="539"/>
      <c r="B5" s="264" t="s">
        <v>43</v>
      </c>
      <c r="C5" s="266" t="s">
        <v>44</v>
      </c>
      <c r="D5" s="267" t="s">
        <v>45</v>
      </c>
      <c r="E5" s="268" t="s">
        <v>83</v>
      </c>
      <c r="F5" s="260" t="s">
        <v>47</v>
      </c>
      <c r="G5" s="260" t="s">
        <v>48</v>
      </c>
      <c r="H5" s="260" t="s">
        <v>49</v>
      </c>
      <c r="I5" s="260" t="s">
        <v>50</v>
      </c>
      <c r="J5" s="260" t="s">
        <v>51</v>
      </c>
      <c r="K5" s="269" t="s">
        <v>45</v>
      </c>
      <c r="L5" s="531"/>
      <c r="M5" s="264" t="s">
        <v>43</v>
      </c>
      <c r="N5" s="260" t="s">
        <v>44</v>
      </c>
      <c r="O5" s="266" t="s">
        <v>45</v>
      </c>
      <c r="P5" s="268" t="s">
        <v>83</v>
      </c>
      <c r="Q5" s="260" t="s">
        <v>47</v>
      </c>
      <c r="R5" s="260" t="s">
        <v>48</v>
      </c>
      <c r="S5" s="260" t="s">
        <v>49</v>
      </c>
      <c r="T5" s="260" t="s">
        <v>50</v>
      </c>
      <c r="U5" s="260" t="s">
        <v>51</v>
      </c>
      <c r="V5" s="266" t="s">
        <v>45</v>
      </c>
      <c r="W5" s="531"/>
      <c r="X5" s="264" t="s">
        <v>43</v>
      </c>
      <c r="Y5" s="260" t="s">
        <v>44</v>
      </c>
      <c r="Z5" s="266" t="s">
        <v>45</v>
      </c>
      <c r="AA5" s="268" t="s">
        <v>83</v>
      </c>
      <c r="AB5" s="260" t="s">
        <v>47</v>
      </c>
      <c r="AC5" s="260" t="s">
        <v>48</v>
      </c>
      <c r="AD5" s="260" t="s">
        <v>49</v>
      </c>
      <c r="AE5" s="260" t="s">
        <v>50</v>
      </c>
      <c r="AF5" s="260" t="s">
        <v>51</v>
      </c>
      <c r="AG5" s="266" t="s">
        <v>45</v>
      </c>
      <c r="AH5" s="531"/>
      <c r="AI5" s="341" t="s">
        <v>43</v>
      </c>
      <c r="AJ5" s="260" t="s">
        <v>44</v>
      </c>
      <c r="AK5" s="266" t="s">
        <v>45</v>
      </c>
      <c r="AL5" s="268" t="s">
        <v>83</v>
      </c>
      <c r="AM5" s="260" t="s">
        <v>47</v>
      </c>
      <c r="AN5" s="260" t="s">
        <v>48</v>
      </c>
      <c r="AO5" s="260" t="s">
        <v>49</v>
      </c>
      <c r="AP5" s="260" t="s">
        <v>50</v>
      </c>
      <c r="AQ5" s="260" t="s">
        <v>51</v>
      </c>
      <c r="AR5" s="266" t="s">
        <v>45</v>
      </c>
      <c r="AS5" s="531"/>
      <c r="AT5" s="341" t="s">
        <v>43</v>
      </c>
      <c r="AU5" s="260" t="s">
        <v>44</v>
      </c>
      <c r="AV5" s="266" t="s">
        <v>45</v>
      </c>
      <c r="AW5" s="268" t="s">
        <v>83</v>
      </c>
      <c r="AX5" s="260" t="s">
        <v>47</v>
      </c>
      <c r="AY5" s="260" t="s">
        <v>48</v>
      </c>
      <c r="AZ5" s="260" t="s">
        <v>49</v>
      </c>
      <c r="BA5" s="260" t="s">
        <v>50</v>
      </c>
      <c r="BB5" s="260" t="s">
        <v>51</v>
      </c>
      <c r="BC5" s="266" t="s">
        <v>45</v>
      </c>
      <c r="BD5" s="564"/>
      <c r="BE5" s="341" t="s">
        <v>43</v>
      </c>
      <c r="BF5" s="260" t="s">
        <v>44</v>
      </c>
      <c r="BG5" s="266" t="s">
        <v>45</v>
      </c>
      <c r="BH5" s="268" t="s">
        <v>83</v>
      </c>
      <c r="BI5" s="260" t="s">
        <v>47</v>
      </c>
      <c r="BJ5" s="260" t="s">
        <v>48</v>
      </c>
      <c r="BK5" s="260" t="s">
        <v>49</v>
      </c>
      <c r="BL5" s="260" t="s">
        <v>50</v>
      </c>
      <c r="BM5" s="260" t="s">
        <v>51</v>
      </c>
      <c r="BN5" s="266" t="s">
        <v>45</v>
      </c>
      <c r="BO5" s="564"/>
      <c r="BP5" s="341" t="s">
        <v>43</v>
      </c>
      <c r="BQ5" s="260" t="s">
        <v>44</v>
      </c>
      <c r="BR5" s="266" t="s">
        <v>45</v>
      </c>
      <c r="BS5" s="268" t="s">
        <v>83</v>
      </c>
      <c r="BT5" s="260" t="s">
        <v>47</v>
      </c>
      <c r="BU5" s="260" t="s">
        <v>48</v>
      </c>
      <c r="BV5" s="260" t="s">
        <v>49</v>
      </c>
      <c r="BW5" s="260" t="s">
        <v>50</v>
      </c>
      <c r="BX5" s="260" t="s">
        <v>51</v>
      </c>
      <c r="BY5" s="266" t="s">
        <v>45</v>
      </c>
      <c r="BZ5" s="564"/>
      <c r="CA5" s="341" t="s">
        <v>43</v>
      </c>
      <c r="CB5" s="260" t="s">
        <v>44</v>
      </c>
      <c r="CC5" s="266" t="s">
        <v>45</v>
      </c>
      <c r="CD5" s="268" t="s">
        <v>83</v>
      </c>
      <c r="CE5" s="260" t="s">
        <v>47</v>
      </c>
      <c r="CF5" s="260" t="s">
        <v>48</v>
      </c>
      <c r="CG5" s="260" t="s">
        <v>49</v>
      </c>
      <c r="CH5" s="260" t="s">
        <v>50</v>
      </c>
      <c r="CI5" s="260" t="s">
        <v>51</v>
      </c>
      <c r="CJ5" s="266" t="s">
        <v>45</v>
      </c>
      <c r="CK5" s="564"/>
      <c r="CL5" s="341" t="s">
        <v>43</v>
      </c>
      <c r="CM5" s="260" t="s">
        <v>44</v>
      </c>
      <c r="CN5" s="266" t="s">
        <v>45</v>
      </c>
      <c r="CO5" s="268" t="s">
        <v>83</v>
      </c>
      <c r="CP5" s="260" t="s">
        <v>47</v>
      </c>
      <c r="CQ5" s="260" t="s">
        <v>48</v>
      </c>
      <c r="CR5" s="260" t="s">
        <v>49</v>
      </c>
      <c r="CS5" s="260" t="s">
        <v>50</v>
      </c>
      <c r="CT5" s="260" t="s">
        <v>51</v>
      </c>
      <c r="CU5" s="266" t="s">
        <v>45</v>
      </c>
      <c r="CV5" s="564"/>
    </row>
    <row r="6" spans="1:100" ht="21" customHeight="1" x14ac:dyDescent="0.2">
      <c r="A6" s="261" t="s">
        <v>4</v>
      </c>
      <c r="B6" s="270">
        <v>0</v>
      </c>
      <c r="C6" s="271">
        <v>0</v>
      </c>
      <c r="D6" s="272">
        <v>0</v>
      </c>
      <c r="E6" s="273">
        <v>0</v>
      </c>
      <c r="F6" s="274">
        <v>344</v>
      </c>
      <c r="G6" s="274">
        <v>372</v>
      </c>
      <c r="H6" s="274">
        <v>325</v>
      </c>
      <c r="I6" s="274">
        <v>391</v>
      </c>
      <c r="J6" s="274">
        <v>325</v>
      </c>
      <c r="K6" s="275">
        <v>1757</v>
      </c>
      <c r="L6" s="276">
        <v>1757</v>
      </c>
      <c r="M6" s="270">
        <v>0</v>
      </c>
      <c r="N6" s="274">
        <v>0</v>
      </c>
      <c r="O6" s="271">
        <v>0</v>
      </c>
      <c r="P6" s="273">
        <v>0</v>
      </c>
      <c r="Q6" s="274">
        <v>211</v>
      </c>
      <c r="R6" s="274">
        <v>608</v>
      </c>
      <c r="S6" s="274">
        <v>498</v>
      </c>
      <c r="T6" s="274">
        <v>477</v>
      </c>
      <c r="U6" s="274">
        <v>414</v>
      </c>
      <c r="V6" s="271">
        <v>2208</v>
      </c>
      <c r="W6" s="276">
        <v>2208</v>
      </c>
      <c r="X6" s="270">
        <v>0</v>
      </c>
      <c r="Y6" s="274">
        <v>0</v>
      </c>
      <c r="Z6" s="271">
        <v>0</v>
      </c>
      <c r="AA6" s="273">
        <v>0</v>
      </c>
      <c r="AB6" s="274">
        <v>13078</v>
      </c>
      <c r="AC6" s="274">
        <v>11749</v>
      </c>
      <c r="AD6" s="274">
        <v>5616</v>
      </c>
      <c r="AE6" s="274">
        <v>2869</v>
      </c>
      <c r="AF6" s="274">
        <v>1344</v>
      </c>
      <c r="AG6" s="271">
        <v>34656</v>
      </c>
      <c r="AH6" s="276">
        <v>34656</v>
      </c>
      <c r="AI6" s="270">
        <v>7</v>
      </c>
      <c r="AJ6" s="274">
        <v>6</v>
      </c>
      <c r="AK6" s="271">
        <v>13</v>
      </c>
      <c r="AL6" s="273">
        <v>0</v>
      </c>
      <c r="AM6" s="274">
        <v>805</v>
      </c>
      <c r="AN6" s="274">
        <v>947</v>
      </c>
      <c r="AO6" s="274">
        <v>1063</v>
      </c>
      <c r="AP6" s="274">
        <v>559</v>
      </c>
      <c r="AQ6" s="274">
        <v>468</v>
      </c>
      <c r="AR6" s="271">
        <v>3842</v>
      </c>
      <c r="AS6" s="276">
        <v>3855</v>
      </c>
      <c r="AT6" s="270">
        <v>172</v>
      </c>
      <c r="AU6" s="274">
        <v>269</v>
      </c>
      <c r="AV6" s="271">
        <v>441</v>
      </c>
      <c r="AW6" s="273">
        <v>0</v>
      </c>
      <c r="AX6" s="274">
        <v>1444</v>
      </c>
      <c r="AY6" s="274">
        <v>1530</v>
      </c>
      <c r="AZ6" s="274">
        <v>1312</v>
      </c>
      <c r="BA6" s="274">
        <v>957</v>
      </c>
      <c r="BB6" s="274">
        <v>496</v>
      </c>
      <c r="BC6" s="271">
        <v>5739</v>
      </c>
      <c r="BD6" s="276">
        <v>6180</v>
      </c>
      <c r="BE6" s="270">
        <v>0</v>
      </c>
      <c r="BF6" s="274">
        <v>41</v>
      </c>
      <c r="BG6" s="271">
        <v>41</v>
      </c>
      <c r="BH6" s="273">
        <v>0</v>
      </c>
      <c r="BI6" s="274">
        <v>2679</v>
      </c>
      <c r="BJ6" s="274">
        <v>3248</v>
      </c>
      <c r="BK6" s="274">
        <v>3452</v>
      </c>
      <c r="BL6" s="274">
        <v>2216</v>
      </c>
      <c r="BM6" s="274">
        <v>1470</v>
      </c>
      <c r="BN6" s="275">
        <v>13065</v>
      </c>
      <c r="BO6" s="276">
        <v>13106</v>
      </c>
      <c r="BP6" s="270">
        <v>0</v>
      </c>
      <c r="BQ6" s="274">
        <v>0</v>
      </c>
      <c r="BR6" s="271">
        <v>0</v>
      </c>
      <c r="BS6" s="273">
        <v>0</v>
      </c>
      <c r="BT6" s="274">
        <v>36</v>
      </c>
      <c r="BU6" s="274">
        <v>60</v>
      </c>
      <c r="BV6" s="274">
        <v>57</v>
      </c>
      <c r="BW6" s="274">
        <v>66</v>
      </c>
      <c r="BX6" s="274">
        <v>51</v>
      </c>
      <c r="BY6" s="271">
        <v>270</v>
      </c>
      <c r="BZ6" s="276">
        <v>270</v>
      </c>
      <c r="CA6" s="270">
        <v>0</v>
      </c>
      <c r="CB6" s="274">
        <v>0</v>
      </c>
      <c r="CC6" s="271">
        <v>0</v>
      </c>
      <c r="CD6" s="273">
        <v>0</v>
      </c>
      <c r="CE6" s="274">
        <v>15</v>
      </c>
      <c r="CF6" s="274">
        <v>29</v>
      </c>
      <c r="CG6" s="274">
        <v>241</v>
      </c>
      <c r="CH6" s="274">
        <v>324</v>
      </c>
      <c r="CI6" s="274">
        <v>201</v>
      </c>
      <c r="CJ6" s="271">
        <v>810</v>
      </c>
      <c r="CK6" s="276">
        <v>810</v>
      </c>
      <c r="CL6" s="270">
        <v>0</v>
      </c>
      <c r="CM6" s="274">
        <v>0</v>
      </c>
      <c r="CN6" s="271">
        <v>0</v>
      </c>
      <c r="CO6" s="273">
        <v>0</v>
      </c>
      <c r="CP6" s="274">
        <v>206</v>
      </c>
      <c r="CQ6" s="274">
        <v>258</v>
      </c>
      <c r="CR6" s="274">
        <v>289</v>
      </c>
      <c r="CS6" s="274">
        <v>345</v>
      </c>
      <c r="CT6" s="274">
        <v>402</v>
      </c>
      <c r="CU6" s="271">
        <v>1500</v>
      </c>
      <c r="CV6" s="276">
        <v>1500</v>
      </c>
    </row>
    <row r="7" spans="1:100" ht="21" customHeight="1" x14ac:dyDescent="0.2">
      <c r="A7" s="262" t="s">
        <v>5</v>
      </c>
      <c r="B7" s="277">
        <v>0</v>
      </c>
      <c r="C7" s="278">
        <v>0</v>
      </c>
      <c r="D7" s="279">
        <v>0</v>
      </c>
      <c r="E7" s="280">
        <v>0</v>
      </c>
      <c r="F7" s="281">
        <v>139</v>
      </c>
      <c r="G7" s="281">
        <v>189</v>
      </c>
      <c r="H7" s="281">
        <v>176</v>
      </c>
      <c r="I7" s="281">
        <v>193</v>
      </c>
      <c r="J7" s="281">
        <v>154</v>
      </c>
      <c r="K7" s="282">
        <v>851</v>
      </c>
      <c r="L7" s="283">
        <v>851</v>
      </c>
      <c r="M7" s="277">
        <v>0</v>
      </c>
      <c r="N7" s="281">
        <v>0</v>
      </c>
      <c r="O7" s="278">
        <v>0</v>
      </c>
      <c r="P7" s="280">
        <v>0</v>
      </c>
      <c r="Q7" s="281">
        <v>116</v>
      </c>
      <c r="R7" s="281">
        <v>469</v>
      </c>
      <c r="S7" s="281">
        <v>366</v>
      </c>
      <c r="T7" s="281">
        <v>340</v>
      </c>
      <c r="U7" s="281">
        <v>307</v>
      </c>
      <c r="V7" s="278">
        <v>1598</v>
      </c>
      <c r="W7" s="283">
        <v>1598</v>
      </c>
      <c r="X7" s="277">
        <v>0</v>
      </c>
      <c r="Y7" s="281">
        <v>0</v>
      </c>
      <c r="Z7" s="278">
        <v>0</v>
      </c>
      <c r="AA7" s="280">
        <v>0</v>
      </c>
      <c r="AB7" s="281">
        <v>4383</v>
      </c>
      <c r="AC7" s="281">
        <v>5491</v>
      </c>
      <c r="AD7" s="281">
        <v>2532</v>
      </c>
      <c r="AE7" s="281">
        <v>1285</v>
      </c>
      <c r="AF7" s="281">
        <v>597</v>
      </c>
      <c r="AG7" s="278">
        <v>14288</v>
      </c>
      <c r="AH7" s="283">
        <v>14288</v>
      </c>
      <c r="AI7" s="277">
        <v>3</v>
      </c>
      <c r="AJ7" s="281">
        <v>1</v>
      </c>
      <c r="AK7" s="278">
        <v>4</v>
      </c>
      <c r="AL7" s="280">
        <v>0</v>
      </c>
      <c r="AM7" s="281">
        <v>372</v>
      </c>
      <c r="AN7" s="281">
        <v>476</v>
      </c>
      <c r="AO7" s="281">
        <v>543</v>
      </c>
      <c r="AP7" s="281">
        <v>303</v>
      </c>
      <c r="AQ7" s="281">
        <v>278</v>
      </c>
      <c r="AR7" s="278">
        <v>1972</v>
      </c>
      <c r="AS7" s="283">
        <v>1976</v>
      </c>
      <c r="AT7" s="277">
        <v>80</v>
      </c>
      <c r="AU7" s="281">
        <v>112</v>
      </c>
      <c r="AV7" s="278">
        <v>192</v>
      </c>
      <c r="AW7" s="280">
        <v>0</v>
      </c>
      <c r="AX7" s="281">
        <v>504</v>
      </c>
      <c r="AY7" s="281">
        <v>634</v>
      </c>
      <c r="AZ7" s="281">
        <v>558</v>
      </c>
      <c r="BA7" s="281">
        <v>424</v>
      </c>
      <c r="BB7" s="281">
        <v>232</v>
      </c>
      <c r="BC7" s="278">
        <v>2352</v>
      </c>
      <c r="BD7" s="283">
        <v>2544</v>
      </c>
      <c r="BE7" s="277">
        <v>0</v>
      </c>
      <c r="BF7" s="281">
        <v>11</v>
      </c>
      <c r="BG7" s="278">
        <v>11</v>
      </c>
      <c r="BH7" s="280">
        <v>0</v>
      </c>
      <c r="BI7" s="281">
        <v>1143</v>
      </c>
      <c r="BJ7" s="281">
        <v>1450</v>
      </c>
      <c r="BK7" s="281">
        <v>1444</v>
      </c>
      <c r="BL7" s="281">
        <v>927</v>
      </c>
      <c r="BM7" s="281">
        <v>647</v>
      </c>
      <c r="BN7" s="282">
        <v>5611</v>
      </c>
      <c r="BO7" s="283">
        <v>5622</v>
      </c>
      <c r="BP7" s="277">
        <v>0</v>
      </c>
      <c r="BQ7" s="281">
        <v>0</v>
      </c>
      <c r="BR7" s="278">
        <v>0</v>
      </c>
      <c r="BS7" s="280">
        <v>0</v>
      </c>
      <c r="BT7" s="281">
        <v>1</v>
      </c>
      <c r="BU7" s="281">
        <v>1</v>
      </c>
      <c r="BV7" s="281">
        <v>2</v>
      </c>
      <c r="BW7" s="281">
        <v>3</v>
      </c>
      <c r="BX7" s="281">
        <v>5</v>
      </c>
      <c r="BY7" s="278">
        <v>12</v>
      </c>
      <c r="BZ7" s="283">
        <v>12</v>
      </c>
      <c r="CA7" s="277">
        <v>0</v>
      </c>
      <c r="CB7" s="281">
        <v>0</v>
      </c>
      <c r="CC7" s="278">
        <v>0</v>
      </c>
      <c r="CD7" s="280">
        <v>0</v>
      </c>
      <c r="CE7" s="281">
        <v>4</v>
      </c>
      <c r="CF7" s="281">
        <v>6</v>
      </c>
      <c r="CG7" s="281">
        <v>21</v>
      </c>
      <c r="CH7" s="281">
        <v>31</v>
      </c>
      <c r="CI7" s="281">
        <v>22</v>
      </c>
      <c r="CJ7" s="278">
        <v>84</v>
      </c>
      <c r="CK7" s="283">
        <v>84</v>
      </c>
      <c r="CL7" s="277">
        <v>0</v>
      </c>
      <c r="CM7" s="281">
        <v>0</v>
      </c>
      <c r="CN7" s="278">
        <v>0</v>
      </c>
      <c r="CO7" s="280">
        <v>0</v>
      </c>
      <c r="CP7" s="281">
        <v>29</v>
      </c>
      <c r="CQ7" s="281">
        <v>57</v>
      </c>
      <c r="CR7" s="281">
        <v>74</v>
      </c>
      <c r="CS7" s="281">
        <v>98</v>
      </c>
      <c r="CT7" s="281">
        <v>158</v>
      </c>
      <c r="CU7" s="278">
        <v>416</v>
      </c>
      <c r="CV7" s="283">
        <v>416</v>
      </c>
    </row>
    <row r="8" spans="1:100" ht="21" customHeight="1" x14ac:dyDescent="0.2">
      <c r="A8" s="262" t="s">
        <v>6</v>
      </c>
      <c r="B8" s="277">
        <v>0</v>
      </c>
      <c r="C8" s="278">
        <v>0</v>
      </c>
      <c r="D8" s="279">
        <v>0</v>
      </c>
      <c r="E8" s="280">
        <v>0</v>
      </c>
      <c r="F8" s="281">
        <v>82</v>
      </c>
      <c r="G8" s="281">
        <v>76</v>
      </c>
      <c r="H8" s="281">
        <v>67</v>
      </c>
      <c r="I8" s="281">
        <v>100</v>
      </c>
      <c r="J8" s="281">
        <v>102</v>
      </c>
      <c r="K8" s="282">
        <v>427</v>
      </c>
      <c r="L8" s="283">
        <v>427</v>
      </c>
      <c r="M8" s="277">
        <v>0</v>
      </c>
      <c r="N8" s="281">
        <v>0</v>
      </c>
      <c r="O8" s="278">
        <v>0</v>
      </c>
      <c r="P8" s="280">
        <v>0</v>
      </c>
      <c r="Q8" s="281">
        <v>68</v>
      </c>
      <c r="R8" s="281">
        <v>106</v>
      </c>
      <c r="S8" s="281">
        <v>97</v>
      </c>
      <c r="T8" s="281">
        <v>109</v>
      </c>
      <c r="U8" s="281">
        <v>86</v>
      </c>
      <c r="V8" s="278">
        <v>466</v>
      </c>
      <c r="W8" s="283">
        <v>466</v>
      </c>
      <c r="X8" s="277">
        <v>0</v>
      </c>
      <c r="Y8" s="281">
        <v>0</v>
      </c>
      <c r="Z8" s="278">
        <v>0</v>
      </c>
      <c r="AA8" s="280">
        <v>0</v>
      </c>
      <c r="AB8" s="281">
        <v>2003</v>
      </c>
      <c r="AC8" s="281">
        <v>1304</v>
      </c>
      <c r="AD8" s="281">
        <v>700</v>
      </c>
      <c r="AE8" s="281">
        <v>428</v>
      </c>
      <c r="AF8" s="281">
        <v>223</v>
      </c>
      <c r="AG8" s="278">
        <v>4658</v>
      </c>
      <c r="AH8" s="283">
        <v>4658</v>
      </c>
      <c r="AI8" s="277">
        <v>2</v>
      </c>
      <c r="AJ8" s="281">
        <v>1</v>
      </c>
      <c r="AK8" s="278">
        <v>3</v>
      </c>
      <c r="AL8" s="280">
        <v>0</v>
      </c>
      <c r="AM8" s="281">
        <v>176</v>
      </c>
      <c r="AN8" s="281">
        <v>195</v>
      </c>
      <c r="AO8" s="281">
        <v>224</v>
      </c>
      <c r="AP8" s="281">
        <v>138</v>
      </c>
      <c r="AQ8" s="281">
        <v>84</v>
      </c>
      <c r="AR8" s="278">
        <v>817</v>
      </c>
      <c r="AS8" s="283">
        <v>820</v>
      </c>
      <c r="AT8" s="277">
        <v>20</v>
      </c>
      <c r="AU8" s="281">
        <v>34</v>
      </c>
      <c r="AV8" s="278">
        <v>54</v>
      </c>
      <c r="AW8" s="280">
        <v>0</v>
      </c>
      <c r="AX8" s="281">
        <v>250</v>
      </c>
      <c r="AY8" s="281">
        <v>227</v>
      </c>
      <c r="AZ8" s="281">
        <v>187</v>
      </c>
      <c r="BA8" s="281">
        <v>138</v>
      </c>
      <c r="BB8" s="281">
        <v>61</v>
      </c>
      <c r="BC8" s="278">
        <v>863</v>
      </c>
      <c r="BD8" s="283">
        <v>917</v>
      </c>
      <c r="BE8" s="277">
        <v>0</v>
      </c>
      <c r="BF8" s="281">
        <v>7</v>
      </c>
      <c r="BG8" s="278">
        <v>7</v>
      </c>
      <c r="BH8" s="280">
        <v>0</v>
      </c>
      <c r="BI8" s="281">
        <v>481</v>
      </c>
      <c r="BJ8" s="281">
        <v>556</v>
      </c>
      <c r="BK8" s="281">
        <v>585</v>
      </c>
      <c r="BL8" s="281">
        <v>381</v>
      </c>
      <c r="BM8" s="281">
        <v>240</v>
      </c>
      <c r="BN8" s="282">
        <v>2243</v>
      </c>
      <c r="BO8" s="283">
        <v>2250</v>
      </c>
      <c r="BP8" s="277">
        <v>0</v>
      </c>
      <c r="BQ8" s="281">
        <v>0</v>
      </c>
      <c r="BR8" s="278">
        <v>0</v>
      </c>
      <c r="BS8" s="280">
        <v>0</v>
      </c>
      <c r="BT8" s="281">
        <v>0</v>
      </c>
      <c r="BU8" s="281">
        <v>0</v>
      </c>
      <c r="BV8" s="281">
        <v>0</v>
      </c>
      <c r="BW8" s="281">
        <v>0</v>
      </c>
      <c r="BX8" s="281">
        <v>0</v>
      </c>
      <c r="BY8" s="278">
        <v>0</v>
      </c>
      <c r="BZ8" s="283">
        <v>0</v>
      </c>
      <c r="CA8" s="277">
        <v>0</v>
      </c>
      <c r="CB8" s="281">
        <v>0</v>
      </c>
      <c r="CC8" s="278">
        <v>0</v>
      </c>
      <c r="CD8" s="280">
        <v>0</v>
      </c>
      <c r="CE8" s="281">
        <v>5</v>
      </c>
      <c r="CF8" s="281">
        <v>5</v>
      </c>
      <c r="CG8" s="281">
        <v>73</v>
      </c>
      <c r="CH8" s="281">
        <v>100</v>
      </c>
      <c r="CI8" s="281">
        <v>65</v>
      </c>
      <c r="CJ8" s="278">
        <v>248</v>
      </c>
      <c r="CK8" s="283">
        <v>248</v>
      </c>
      <c r="CL8" s="277">
        <v>0</v>
      </c>
      <c r="CM8" s="281">
        <v>0</v>
      </c>
      <c r="CN8" s="278">
        <v>0</v>
      </c>
      <c r="CO8" s="280">
        <v>0</v>
      </c>
      <c r="CP8" s="281">
        <v>61</v>
      </c>
      <c r="CQ8" s="281">
        <v>79</v>
      </c>
      <c r="CR8" s="281">
        <v>65</v>
      </c>
      <c r="CS8" s="281">
        <v>90</v>
      </c>
      <c r="CT8" s="281">
        <v>85</v>
      </c>
      <c r="CU8" s="278">
        <v>380</v>
      </c>
      <c r="CV8" s="283">
        <v>380</v>
      </c>
    </row>
    <row r="9" spans="1:100" ht="21" customHeight="1" x14ac:dyDescent="0.2">
      <c r="A9" s="262" t="s">
        <v>14</v>
      </c>
      <c r="B9" s="277">
        <v>0</v>
      </c>
      <c r="C9" s="278">
        <v>0</v>
      </c>
      <c r="D9" s="279">
        <v>0</v>
      </c>
      <c r="E9" s="280">
        <v>0</v>
      </c>
      <c r="F9" s="281">
        <v>19</v>
      </c>
      <c r="G9" s="281">
        <v>12</v>
      </c>
      <c r="H9" s="281">
        <v>17</v>
      </c>
      <c r="I9" s="281">
        <v>18</v>
      </c>
      <c r="J9" s="281">
        <v>16</v>
      </c>
      <c r="K9" s="282">
        <v>82</v>
      </c>
      <c r="L9" s="283">
        <v>82</v>
      </c>
      <c r="M9" s="277">
        <v>0</v>
      </c>
      <c r="N9" s="281">
        <v>0</v>
      </c>
      <c r="O9" s="278">
        <v>0</v>
      </c>
      <c r="P9" s="280">
        <v>0</v>
      </c>
      <c r="Q9" s="281">
        <v>2</v>
      </c>
      <c r="R9" s="281">
        <v>2</v>
      </c>
      <c r="S9" s="281">
        <v>5</v>
      </c>
      <c r="T9" s="281">
        <v>3</v>
      </c>
      <c r="U9" s="281">
        <v>2</v>
      </c>
      <c r="V9" s="278">
        <v>14</v>
      </c>
      <c r="W9" s="283">
        <v>14</v>
      </c>
      <c r="X9" s="277">
        <v>0</v>
      </c>
      <c r="Y9" s="281">
        <v>0</v>
      </c>
      <c r="Z9" s="278">
        <v>0</v>
      </c>
      <c r="AA9" s="280">
        <v>0</v>
      </c>
      <c r="AB9" s="281">
        <v>1073</v>
      </c>
      <c r="AC9" s="281">
        <v>1034</v>
      </c>
      <c r="AD9" s="281">
        <v>536</v>
      </c>
      <c r="AE9" s="281">
        <v>245</v>
      </c>
      <c r="AF9" s="281">
        <v>109</v>
      </c>
      <c r="AG9" s="278">
        <v>2997</v>
      </c>
      <c r="AH9" s="283">
        <v>2997</v>
      </c>
      <c r="AI9" s="277">
        <v>0</v>
      </c>
      <c r="AJ9" s="281">
        <v>0</v>
      </c>
      <c r="AK9" s="278">
        <v>0</v>
      </c>
      <c r="AL9" s="280">
        <v>0</v>
      </c>
      <c r="AM9" s="281">
        <v>20</v>
      </c>
      <c r="AN9" s="281">
        <v>25</v>
      </c>
      <c r="AO9" s="281">
        <v>35</v>
      </c>
      <c r="AP9" s="281">
        <v>16</v>
      </c>
      <c r="AQ9" s="281">
        <v>20</v>
      </c>
      <c r="AR9" s="278">
        <v>116</v>
      </c>
      <c r="AS9" s="283">
        <v>116</v>
      </c>
      <c r="AT9" s="277">
        <v>15</v>
      </c>
      <c r="AU9" s="281">
        <v>24</v>
      </c>
      <c r="AV9" s="278">
        <v>39</v>
      </c>
      <c r="AW9" s="280">
        <v>0</v>
      </c>
      <c r="AX9" s="281">
        <v>132</v>
      </c>
      <c r="AY9" s="281">
        <v>137</v>
      </c>
      <c r="AZ9" s="281">
        <v>115</v>
      </c>
      <c r="BA9" s="281">
        <v>79</v>
      </c>
      <c r="BB9" s="281">
        <v>24</v>
      </c>
      <c r="BC9" s="278">
        <v>487</v>
      </c>
      <c r="BD9" s="283">
        <v>526</v>
      </c>
      <c r="BE9" s="277">
        <v>0</v>
      </c>
      <c r="BF9" s="281">
        <v>3</v>
      </c>
      <c r="BG9" s="278">
        <v>3</v>
      </c>
      <c r="BH9" s="280">
        <v>0</v>
      </c>
      <c r="BI9" s="281">
        <v>259</v>
      </c>
      <c r="BJ9" s="281">
        <v>288</v>
      </c>
      <c r="BK9" s="281">
        <v>334</v>
      </c>
      <c r="BL9" s="281">
        <v>215</v>
      </c>
      <c r="BM9" s="281">
        <v>141</v>
      </c>
      <c r="BN9" s="282">
        <v>1237</v>
      </c>
      <c r="BO9" s="283">
        <v>1240</v>
      </c>
      <c r="BP9" s="277">
        <v>0</v>
      </c>
      <c r="BQ9" s="281">
        <v>0</v>
      </c>
      <c r="BR9" s="278">
        <v>0</v>
      </c>
      <c r="BS9" s="280">
        <v>0</v>
      </c>
      <c r="BT9" s="281">
        <v>0</v>
      </c>
      <c r="BU9" s="281">
        <v>0</v>
      </c>
      <c r="BV9" s="281">
        <v>0</v>
      </c>
      <c r="BW9" s="281">
        <v>0</v>
      </c>
      <c r="BX9" s="281">
        <v>0</v>
      </c>
      <c r="BY9" s="278">
        <v>0</v>
      </c>
      <c r="BZ9" s="283">
        <v>0</v>
      </c>
      <c r="CA9" s="277">
        <v>0</v>
      </c>
      <c r="CB9" s="281">
        <v>0</v>
      </c>
      <c r="CC9" s="278">
        <v>0</v>
      </c>
      <c r="CD9" s="280">
        <v>0</v>
      </c>
      <c r="CE9" s="281">
        <v>0</v>
      </c>
      <c r="CF9" s="281">
        <v>2</v>
      </c>
      <c r="CG9" s="281">
        <v>17</v>
      </c>
      <c r="CH9" s="281">
        <v>31</v>
      </c>
      <c r="CI9" s="281">
        <v>6</v>
      </c>
      <c r="CJ9" s="278">
        <v>56</v>
      </c>
      <c r="CK9" s="283">
        <v>56</v>
      </c>
      <c r="CL9" s="277">
        <v>0</v>
      </c>
      <c r="CM9" s="281">
        <v>0</v>
      </c>
      <c r="CN9" s="278">
        <v>0</v>
      </c>
      <c r="CO9" s="280">
        <v>0</v>
      </c>
      <c r="CP9" s="281">
        <v>9</v>
      </c>
      <c r="CQ9" s="281">
        <v>11</v>
      </c>
      <c r="CR9" s="281">
        <v>13</v>
      </c>
      <c r="CS9" s="281">
        <v>14</v>
      </c>
      <c r="CT9" s="281">
        <v>14</v>
      </c>
      <c r="CU9" s="278">
        <v>61</v>
      </c>
      <c r="CV9" s="283">
        <v>61</v>
      </c>
    </row>
    <row r="10" spans="1:100" ht="21" customHeight="1" x14ac:dyDescent="0.2">
      <c r="A10" s="262" t="s">
        <v>7</v>
      </c>
      <c r="B10" s="277">
        <v>0</v>
      </c>
      <c r="C10" s="278">
        <v>0</v>
      </c>
      <c r="D10" s="279">
        <v>0</v>
      </c>
      <c r="E10" s="280">
        <v>0</v>
      </c>
      <c r="F10" s="281">
        <v>4</v>
      </c>
      <c r="G10" s="281">
        <v>10</v>
      </c>
      <c r="H10" s="281">
        <v>7</v>
      </c>
      <c r="I10" s="281">
        <v>7</v>
      </c>
      <c r="J10" s="281">
        <v>7</v>
      </c>
      <c r="K10" s="282">
        <v>35</v>
      </c>
      <c r="L10" s="283">
        <v>35</v>
      </c>
      <c r="M10" s="277">
        <v>0</v>
      </c>
      <c r="N10" s="281">
        <v>0</v>
      </c>
      <c r="O10" s="278">
        <v>0</v>
      </c>
      <c r="P10" s="280">
        <v>0</v>
      </c>
      <c r="Q10" s="281">
        <v>0</v>
      </c>
      <c r="R10" s="281">
        <v>0</v>
      </c>
      <c r="S10" s="281">
        <v>0</v>
      </c>
      <c r="T10" s="281">
        <v>0</v>
      </c>
      <c r="U10" s="281">
        <v>0</v>
      </c>
      <c r="V10" s="278">
        <v>0</v>
      </c>
      <c r="W10" s="283">
        <v>0</v>
      </c>
      <c r="X10" s="277">
        <v>0</v>
      </c>
      <c r="Y10" s="281">
        <v>0</v>
      </c>
      <c r="Z10" s="278">
        <v>0</v>
      </c>
      <c r="AA10" s="280">
        <v>0</v>
      </c>
      <c r="AB10" s="281">
        <v>1040</v>
      </c>
      <c r="AC10" s="281">
        <v>615</v>
      </c>
      <c r="AD10" s="281">
        <v>279</v>
      </c>
      <c r="AE10" s="281">
        <v>135</v>
      </c>
      <c r="AF10" s="281">
        <v>52</v>
      </c>
      <c r="AG10" s="278">
        <v>2121</v>
      </c>
      <c r="AH10" s="283">
        <v>2121</v>
      </c>
      <c r="AI10" s="277">
        <v>0</v>
      </c>
      <c r="AJ10" s="281">
        <v>0</v>
      </c>
      <c r="AK10" s="278">
        <v>0</v>
      </c>
      <c r="AL10" s="280">
        <v>0</v>
      </c>
      <c r="AM10" s="281">
        <v>89</v>
      </c>
      <c r="AN10" s="281">
        <v>93</v>
      </c>
      <c r="AO10" s="281">
        <v>96</v>
      </c>
      <c r="AP10" s="281">
        <v>30</v>
      </c>
      <c r="AQ10" s="281">
        <v>17</v>
      </c>
      <c r="AR10" s="278">
        <v>325</v>
      </c>
      <c r="AS10" s="283">
        <v>325</v>
      </c>
      <c r="AT10" s="277">
        <v>6</v>
      </c>
      <c r="AU10" s="281">
        <v>10</v>
      </c>
      <c r="AV10" s="278">
        <v>16</v>
      </c>
      <c r="AW10" s="280">
        <v>0</v>
      </c>
      <c r="AX10" s="281">
        <v>57</v>
      </c>
      <c r="AY10" s="281">
        <v>40</v>
      </c>
      <c r="AZ10" s="281">
        <v>26</v>
      </c>
      <c r="BA10" s="281">
        <v>17</v>
      </c>
      <c r="BB10" s="281">
        <v>3</v>
      </c>
      <c r="BC10" s="278">
        <v>143</v>
      </c>
      <c r="BD10" s="283">
        <v>159</v>
      </c>
      <c r="BE10" s="277">
        <v>0</v>
      </c>
      <c r="BF10" s="281">
        <v>0</v>
      </c>
      <c r="BG10" s="278">
        <v>0</v>
      </c>
      <c r="BH10" s="280">
        <v>0</v>
      </c>
      <c r="BI10" s="281">
        <v>118</v>
      </c>
      <c r="BJ10" s="281">
        <v>151</v>
      </c>
      <c r="BK10" s="281">
        <v>184</v>
      </c>
      <c r="BL10" s="281">
        <v>123</v>
      </c>
      <c r="BM10" s="281">
        <v>72</v>
      </c>
      <c r="BN10" s="282">
        <v>648</v>
      </c>
      <c r="BO10" s="283">
        <v>648</v>
      </c>
      <c r="BP10" s="277">
        <v>0</v>
      </c>
      <c r="BQ10" s="281">
        <v>0</v>
      </c>
      <c r="BR10" s="278">
        <v>0</v>
      </c>
      <c r="BS10" s="280">
        <v>0</v>
      </c>
      <c r="BT10" s="281">
        <v>0</v>
      </c>
      <c r="BU10" s="281">
        <v>0</v>
      </c>
      <c r="BV10" s="281">
        <v>0</v>
      </c>
      <c r="BW10" s="281">
        <v>0</v>
      </c>
      <c r="BX10" s="281">
        <v>0</v>
      </c>
      <c r="BY10" s="278">
        <v>0</v>
      </c>
      <c r="BZ10" s="283">
        <v>0</v>
      </c>
      <c r="CA10" s="277">
        <v>0</v>
      </c>
      <c r="CB10" s="281">
        <v>0</v>
      </c>
      <c r="CC10" s="278">
        <v>0</v>
      </c>
      <c r="CD10" s="280">
        <v>0</v>
      </c>
      <c r="CE10" s="281">
        <v>0</v>
      </c>
      <c r="CF10" s="281">
        <v>0</v>
      </c>
      <c r="CG10" s="281">
        <v>0</v>
      </c>
      <c r="CH10" s="281">
        <v>0</v>
      </c>
      <c r="CI10" s="281">
        <v>0</v>
      </c>
      <c r="CJ10" s="278">
        <v>0</v>
      </c>
      <c r="CK10" s="283">
        <v>0</v>
      </c>
      <c r="CL10" s="277">
        <v>0</v>
      </c>
      <c r="CM10" s="281">
        <v>0</v>
      </c>
      <c r="CN10" s="278">
        <v>0</v>
      </c>
      <c r="CO10" s="280">
        <v>0</v>
      </c>
      <c r="CP10" s="281">
        <v>7</v>
      </c>
      <c r="CQ10" s="281">
        <v>12</v>
      </c>
      <c r="CR10" s="281">
        <v>8</v>
      </c>
      <c r="CS10" s="281">
        <v>9</v>
      </c>
      <c r="CT10" s="281">
        <v>21</v>
      </c>
      <c r="CU10" s="278">
        <v>57</v>
      </c>
      <c r="CV10" s="283">
        <v>57</v>
      </c>
    </row>
    <row r="11" spans="1:100" ht="21" customHeight="1" x14ac:dyDescent="0.2">
      <c r="A11" s="262" t="s">
        <v>8</v>
      </c>
      <c r="B11" s="277">
        <v>0</v>
      </c>
      <c r="C11" s="278">
        <v>0</v>
      </c>
      <c r="D11" s="279">
        <v>0</v>
      </c>
      <c r="E11" s="280">
        <v>0</v>
      </c>
      <c r="F11" s="281">
        <v>4</v>
      </c>
      <c r="G11" s="281">
        <v>9</v>
      </c>
      <c r="H11" s="281">
        <v>5</v>
      </c>
      <c r="I11" s="281">
        <v>5</v>
      </c>
      <c r="J11" s="281">
        <v>2</v>
      </c>
      <c r="K11" s="282">
        <v>25</v>
      </c>
      <c r="L11" s="283">
        <v>25</v>
      </c>
      <c r="M11" s="277">
        <v>0</v>
      </c>
      <c r="N11" s="281">
        <v>0</v>
      </c>
      <c r="O11" s="278">
        <v>0</v>
      </c>
      <c r="P11" s="280">
        <v>0</v>
      </c>
      <c r="Q11" s="281">
        <v>1</v>
      </c>
      <c r="R11" s="281">
        <v>1</v>
      </c>
      <c r="S11" s="281">
        <v>0</v>
      </c>
      <c r="T11" s="281">
        <v>2</v>
      </c>
      <c r="U11" s="281">
        <v>5</v>
      </c>
      <c r="V11" s="278">
        <v>9</v>
      </c>
      <c r="W11" s="283">
        <v>9</v>
      </c>
      <c r="X11" s="277">
        <v>0</v>
      </c>
      <c r="Y11" s="281">
        <v>0</v>
      </c>
      <c r="Z11" s="278">
        <v>0</v>
      </c>
      <c r="AA11" s="280">
        <v>0</v>
      </c>
      <c r="AB11" s="281">
        <v>583</v>
      </c>
      <c r="AC11" s="281">
        <v>487</v>
      </c>
      <c r="AD11" s="281">
        <v>221</v>
      </c>
      <c r="AE11" s="281">
        <v>91</v>
      </c>
      <c r="AF11" s="281">
        <v>57</v>
      </c>
      <c r="AG11" s="278">
        <v>1439</v>
      </c>
      <c r="AH11" s="283">
        <v>1439</v>
      </c>
      <c r="AI11" s="277">
        <v>0</v>
      </c>
      <c r="AJ11" s="281">
        <v>0</v>
      </c>
      <c r="AK11" s="278">
        <v>0</v>
      </c>
      <c r="AL11" s="280">
        <v>0</v>
      </c>
      <c r="AM11" s="281">
        <v>11</v>
      </c>
      <c r="AN11" s="281">
        <v>14</v>
      </c>
      <c r="AO11" s="281">
        <v>8</v>
      </c>
      <c r="AP11" s="281">
        <v>4</v>
      </c>
      <c r="AQ11" s="281">
        <v>5</v>
      </c>
      <c r="AR11" s="278">
        <v>42</v>
      </c>
      <c r="AS11" s="283">
        <v>42</v>
      </c>
      <c r="AT11" s="277">
        <v>8</v>
      </c>
      <c r="AU11" s="281">
        <v>12</v>
      </c>
      <c r="AV11" s="278">
        <v>20</v>
      </c>
      <c r="AW11" s="280">
        <v>0</v>
      </c>
      <c r="AX11" s="281">
        <v>88</v>
      </c>
      <c r="AY11" s="281">
        <v>53</v>
      </c>
      <c r="AZ11" s="281">
        <v>42</v>
      </c>
      <c r="BA11" s="281">
        <v>22</v>
      </c>
      <c r="BB11" s="281">
        <v>6</v>
      </c>
      <c r="BC11" s="278">
        <v>211</v>
      </c>
      <c r="BD11" s="283">
        <v>231</v>
      </c>
      <c r="BE11" s="277">
        <v>0</v>
      </c>
      <c r="BF11" s="281">
        <v>0</v>
      </c>
      <c r="BG11" s="278">
        <v>0</v>
      </c>
      <c r="BH11" s="280">
        <v>0</v>
      </c>
      <c r="BI11" s="281">
        <v>63</v>
      </c>
      <c r="BJ11" s="281">
        <v>73</v>
      </c>
      <c r="BK11" s="281">
        <v>79</v>
      </c>
      <c r="BL11" s="281">
        <v>61</v>
      </c>
      <c r="BM11" s="281">
        <v>32</v>
      </c>
      <c r="BN11" s="282">
        <v>308</v>
      </c>
      <c r="BO11" s="283">
        <v>308</v>
      </c>
      <c r="BP11" s="277">
        <v>0</v>
      </c>
      <c r="BQ11" s="281">
        <v>0</v>
      </c>
      <c r="BR11" s="278">
        <v>0</v>
      </c>
      <c r="BS11" s="280">
        <v>0</v>
      </c>
      <c r="BT11" s="281">
        <v>1</v>
      </c>
      <c r="BU11" s="281">
        <v>11</v>
      </c>
      <c r="BV11" s="281">
        <v>11</v>
      </c>
      <c r="BW11" s="281">
        <v>15</v>
      </c>
      <c r="BX11" s="281">
        <v>3</v>
      </c>
      <c r="BY11" s="278">
        <v>41</v>
      </c>
      <c r="BZ11" s="283">
        <v>41</v>
      </c>
      <c r="CA11" s="277">
        <v>0</v>
      </c>
      <c r="CB11" s="281">
        <v>0</v>
      </c>
      <c r="CC11" s="278">
        <v>0</v>
      </c>
      <c r="CD11" s="280">
        <v>0</v>
      </c>
      <c r="CE11" s="281">
        <v>0</v>
      </c>
      <c r="CF11" s="281">
        <v>2</v>
      </c>
      <c r="CG11" s="281">
        <v>17</v>
      </c>
      <c r="CH11" s="281">
        <v>17</v>
      </c>
      <c r="CI11" s="281">
        <v>12</v>
      </c>
      <c r="CJ11" s="278">
        <v>48</v>
      </c>
      <c r="CK11" s="283">
        <v>48</v>
      </c>
      <c r="CL11" s="277">
        <v>0</v>
      </c>
      <c r="CM11" s="281">
        <v>0</v>
      </c>
      <c r="CN11" s="278">
        <v>0</v>
      </c>
      <c r="CO11" s="280">
        <v>0</v>
      </c>
      <c r="CP11" s="281">
        <v>18</v>
      </c>
      <c r="CQ11" s="281">
        <v>12</v>
      </c>
      <c r="CR11" s="281">
        <v>12</v>
      </c>
      <c r="CS11" s="281">
        <v>11</v>
      </c>
      <c r="CT11" s="281">
        <v>8</v>
      </c>
      <c r="CU11" s="278">
        <v>61</v>
      </c>
      <c r="CV11" s="283">
        <v>61</v>
      </c>
    </row>
    <row r="12" spans="1:100" ht="21" customHeight="1" x14ac:dyDescent="0.2">
      <c r="A12" s="262" t="s">
        <v>9</v>
      </c>
      <c r="B12" s="277">
        <v>0</v>
      </c>
      <c r="C12" s="278">
        <v>0</v>
      </c>
      <c r="D12" s="279">
        <v>0</v>
      </c>
      <c r="E12" s="280">
        <v>0</v>
      </c>
      <c r="F12" s="281">
        <v>2</v>
      </c>
      <c r="G12" s="281">
        <v>5</v>
      </c>
      <c r="H12" s="281">
        <v>3</v>
      </c>
      <c r="I12" s="281">
        <v>9</v>
      </c>
      <c r="J12" s="281">
        <v>4</v>
      </c>
      <c r="K12" s="282">
        <v>23</v>
      </c>
      <c r="L12" s="283">
        <v>23</v>
      </c>
      <c r="M12" s="277">
        <v>0</v>
      </c>
      <c r="N12" s="281">
        <v>0</v>
      </c>
      <c r="O12" s="278">
        <v>0</v>
      </c>
      <c r="P12" s="280">
        <v>0</v>
      </c>
      <c r="Q12" s="281">
        <v>0</v>
      </c>
      <c r="R12" s="281">
        <v>0</v>
      </c>
      <c r="S12" s="281">
        <v>0</v>
      </c>
      <c r="T12" s="281">
        <v>0</v>
      </c>
      <c r="U12" s="281">
        <v>0</v>
      </c>
      <c r="V12" s="278">
        <v>0</v>
      </c>
      <c r="W12" s="283">
        <v>0</v>
      </c>
      <c r="X12" s="277">
        <v>0</v>
      </c>
      <c r="Y12" s="281">
        <v>0</v>
      </c>
      <c r="Z12" s="278">
        <v>0</v>
      </c>
      <c r="AA12" s="280">
        <v>0</v>
      </c>
      <c r="AB12" s="281">
        <v>418</v>
      </c>
      <c r="AC12" s="281">
        <v>283</v>
      </c>
      <c r="AD12" s="281">
        <v>165</v>
      </c>
      <c r="AE12" s="281">
        <v>84</v>
      </c>
      <c r="AF12" s="281">
        <v>29</v>
      </c>
      <c r="AG12" s="278">
        <v>979</v>
      </c>
      <c r="AH12" s="283">
        <v>979</v>
      </c>
      <c r="AI12" s="277">
        <v>0</v>
      </c>
      <c r="AJ12" s="281">
        <v>0</v>
      </c>
      <c r="AK12" s="278">
        <v>0</v>
      </c>
      <c r="AL12" s="280">
        <v>0</v>
      </c>
      <c r="AM12" s="281">
        <v>8</v>
      </c>
      <c r="AN12" s="281">
        <v>9</v>
      </c>
      <c r="AO12" s="281">
        <v>7</v>
      </c>
      <c r="AP12" s="281">
        <v>5</v>
      </c>
      <c r="AQ12" s="281">
        <v>4</v>
      </c>
      <c r="AR12" s="278">
        <v>33</v>
      </c>
      <c r="AS12" s="283">
        <v>33</v>
      </c>
      <c r="AT12" s="277">
        <v>3</v>
      </c>
      <c r="AU12" s="281">
        <v>6</v>
      </c>
      <c r="AV12" s="278">
        <v>9</v>
      </c>
      <c r="AW12" s="280">
        <v>0</v>
      </c>
      <c r="AX12" s="281">
        <v>35</v>
      </c>
      <c r="AY12" s="281">
        <v>37</v>
      </c>
      <c r="AZ12" s="281">
        <v>22</v>
      </c>
      <c r="BA12" s="281">
        <v>22</v>
      </c>
      <c r="BB12" s="281">
        <v>7</v>
      </c>
      <c r="BC12" s="278">
        <v>123</v>
      </c>
      <c r="BD12" s="283">
        <v>132</v>
      </c>
      <c r="BE12" s="277">
        <v>0</v>
      </c>
      <c r="BF12" s="281">
        <v>1</v>
      </c>
      <c r="BG12" s="278">
        <v>1</v>
      </c>
      <c r="BH12" s="280">
        <v>0</v>
      </c>
      <c r="BI12" s="281">
        <v>29</v>
      </c>
      <c r="BJ12" s="281">
        <v>52</v>
      </c>
      <c r="BK12" s="281">
        <v>97</v>
      </c>
      <c r="BL12" s="281">
        <v>44</v>
      </c>
      <c r="BM12" s="281">
        <v>25</v>
      </c>
      <c r="BN12" s="282">
        <v>247</v>
      </c>
      <c r="BO12" s="283">
        <v>248</v>
      </c>
      <c r="BP12" s="277">
        <v>0</v>
      </c>
      <c r="BQ12" s="281">
        <v>0</v>
      </c>
      <c r="BR12" s="278">
        <v>0</v>
      </c>
      <c r="BS12" s="280">
        <v>0</v>
      </c>
      <c r="BT12" s="281">
        <v>4</v>
      </c>
      <c r="BU12" s="281">
        <v>8</v>
      </c>
      <c r="BV12" s="281">
        <v>4</v>
      </c>
      <c r="BW12" s="281">
        <v>3</v>
      </c>
      <c r="BX12" s="281">
        <v>4</v>
      </c>
      <c r="BY12" s="278">
        <v>23</v>
      </c>
      <c r="BZ12" s="283">
        <v>23</v>
      </c>
      <c r="CA12" s="277">
        <v>0</v>
      </c>
      <c r="CB12" s="281">
        <v>0</v>
      </c>
      <c r="CC12" s="278">
        <v>0</v>
      </c>
      <c r="CD12" s="280">
        <v>0</v>
      </c>
      <c r="CE12" s="281">
        <v>0</v>
      </c>
      <c r="CF12" s="281">
        <v>0</v>
      </c>
      <c r="CG12" s="281">
        <v>0</v>
      </c>
      <c r="CH12" s="281">
        <v>1</v>
      </c>
      <c r="CI12" s="281">
        <v>0</v>
      </c>
      <c r="CJ12" s="278">
        <v>1</v>
      </c>
      <c r="CK12" s="283">
        <v>1</v>
      </c>
      <c r="CL12" s="277">
        <v>0</v>
      </c>
      <c r="CM12" s="281">
        <v>0</v>
      </c>
      <c r="CN12" s="278">
        <v>0</v>
      </c>
      <c r="CO12" s="280">
        <v>0</v>
      </c>
      <c r="CP12" s="281">
        <v>6</v>
      </c>
      <c r="CQ12" s="281">
        <v>3</v>
      </c>
      <c r="CR12" s="281">
        <v>11</v>
      </c>
      <c r="CS12" s="281">
        <v>11</v>
      </c>
      <c r="CT12" s="281">
        <v>10</v>
      </c>
      <c r="CU12" s="278">
        <v>41</v>
      </c>
      <c r="CV12" s="283">
        <v>41</v>
      </c>
    </row>
    <row r="13" spans="1:100" ht="21" customHeight="1" x14ac:dyDescent="0.2">
      <c r="A13" s="262" t="s">
        <v>10</v>
      </c>
      <c r="B13" s="277">
        <v>0</v>
      </c>
      <c r="C13" s="278">
        <v>0</v>
      </c>
      <c r="D13" s="279">
        <v>0</v>
      </c>
      <c r="E13" s="280">
        <v>0</v>
      </c>
      <c r="F13" s="281">
        <v>26</v>
      </c>
      <c r="G13" s="281">
        <v>12</v>
      </c>
      <c r="H13" s="281">
        <v>11</v>
      </c>
      <c r="I13" s="281">
        <v>16</v>
      </c>
      <c r="J13" s="281">
        <v>12</v>
      </c>
      <c r="K13" s="282">
        <v>77</v>
      </c>
      <c r="L13" s="283">
        <v>77</v>
      </c>
      <c r="M13" s="277">
        <v>0</v>
      </c>
      <c r="N13" s="281">
        <v>0</v>
      </c>
      <c r="O13" s="278">
        <v>0</v>
      </c>
      <c r="P13" s="280">
        <v>0</v>
      </c>
      <c r="Q13" s="281">
        <v>10</v>
      </c>
      <c r="R13" s="281">
        <v>12</v>
      </c>
      <c r="S13" s="281">
        <v>13</v>
      </c>
      <c r="T13" s="281">
        <v>12</v>
      </c>
      <c r="U13" s="281">
        <v>8</v>
      </c>
      <c r="V13" s="278">
        <v>55</v>
      </c>
      <c r="W13" s="283">
        <v>55</v>
      </c>
      <c r="X13" s="277">
        <v>0</v>
      </c>
      <c r="Y13" s="281">
        <v>0</v>
      </c>
      <c r="Z13" s="278">
        <v>0</v>
      </c>
      <c r="AA13" s="280">
        <v>0</v>
      </c>
      <c r="AB13" s="281">
        <v>560</v>
      </c>
      <c r="AC13" s="281">
        <v>268</v>
      </c>
      <c r="AD13" s="281">
        <v>123</v>
      </c>
      <c r="AE13" s="281">
        <v>62</v>
      </c>
      <c r="AF13" s="281">
        <v>31</v>
      </c>
      <c r="AG13" s="278">
        <v>1044</v>
      </c>
      <c r="AH13" s="283">
        <v>1044</v>
      </c>
      <c r="AI13" s="277">
        <v>0</v>
      </c>
      <c r="AJ13" s="281">
        <v>1</v>
      </c>
      <c r="AK13" s="278">
        <v>1</v>
      </c>
      <c r="AL13" s="280">
        <v>0</v>
      </c>
      <c r="AM13" s="281">
        <v>19</v>
      </c>
      <c r="AN13" s="281">
        <v>18</v>
      </c>
      <c r="AO13" s="281">
        <v>22</v>
      </c>
      <c r="AP13" s="281">
        <v>8</v>
      </c>
      <c r="AQ13" s="281">
        <v>7</v>
      </c>
      <c r="AR13" s="278">
        <v>74</v>
      </c>
      <c r="AS13" s="283">
        <v>75</v>
      </c>
      <c r="AT13" s="277">
        <v>8</v>
      </c>
      <c r="AU13" s="281">
        <v>23</v>
      </c>
      <c r="AV13" s="278">
        <v>31</v>
      </c>
      <c r="AW13" s="280">
        <v>0</v>
      </c>
      <c r="AX13" s="281">
        <v>100</v>
      </c>
      <c r="AY13" s="281">
        <v>90</v>
      </c>
      <c r="AZ13" s="281">
        <v>87</v>
      </c>
      <c r="BA13" s="281">
        <v>60</v>
      </c>
      <c r="BB13" s="281">
        <v>45</v>
      </c>
      <c r="BC13" s="278">
        <v>382</v>
      </c>
      <c r="BD13" s="283">
        <v>413</v>
      </c>
      <c r="BE13" s="277">
        <v>0</v>
      </c>
      <c r="BF13" s="281">
        <v>4</v>
      </c>
      <c r="BG13" s="278">
        <v>4</v>
      </c>
      <c r="BH13" s="280">
        <v>0</v>
      </c>
      <c r="BI13" s="281">
        <v>127</v>
      </c>
      <c r="BJ13" s="281">
        <v>129</v>
      </c>
      <c r="BK13" s="281">
        <v>82</v>
      </c>
      <c r="BL13" s="281">
        <v>79</v>
      </c>
      <c r="BM13" s="281">
        <v>79</v>
      </c>
      <c r="BN13" s="282">
        <v>496</v>
      </c>
      <c r="BO13" s="283">
        <v>500</v>
      </c>
      <c r="BP13" s="277">
        <v>0</v>
      </c>
      <c r="BQ13" s="281">
        <v>0</v>
      </c>
      <c r="BR13" s="278">
        <v>0</v>
      </c>
      <c r="BS13" s="280">
        <v>0</v>
      </c>
      <c r="BT13" s="281">
        <v>29</v>
      </c>
      <c r="BU13" s="281">
        <v>32</v>
      </c>
      <c r="BV13" s="281">
        <v>34</v>
      </c>
      <c r="BW13" s="281">
        <v>26</v>
      </c>
      <c r="BX13" s="281">
        <v>32</v>
      </c>
      <c r="BY13" s="278">
        <v>153</v>
      </c>
      <c r="BZ13" s="283">
        <v>153</v>
      </c>
      <c r="CA13" s="277">
        <v>0</v>
      </c>
      <c r="CB13" s="281">
        <v>0</v>
      </c>
      <c r="CC13" s="278">
        <v>0</v>
      </c>
      <c r="CD13" s="280">
        <v>0</v>
      </c>
      <c r="CE13" s="281">
        <v>1</v>
      </c>
      <c r="CF13" s="281">
        <v>0</v>
      </c>
      <c r="CG13" s="281">
        <v>4</v>
      </c>
      <c r="CH13" s="281">
        <v>17</v>
      </c>
      <c r="CI13" s="281">
        <v>21</v>
      </c>
      <c r="CJ13" s="278">
        <v>43</v>
      </c>
      <c r="CK13" s="283">
        <v>43</v>
      </c>
      <c r="CL13" s="277">
        <v>0</v>
      </c>
      <c r="CM13" s="281">
        <v>0</v>
      </c>
      <c r="CN13" s="278">
        <v>0</v>
      </c>
      <c r="CO13" s="280">
        <v>0</v>
      </c>
      <c r="CP13" s="281">
        <v>27</v>
      </c>
      <c r="CQ13" s="281">
        <v>31</v>
      </c>
      <c r="CR13" s="281">
        <v>43</v>
      </c>
      <c r="CS13" s="281">
        <v>36</v>
      </c>
      <c r="CT13" s="281">
        <v>34</v>
      </c>
      <c r="CU13" s="278">
        <v>171</v>
      </c>
      <c r="CV13" s="283">
        <v>171</v>
      </c>
    </row>
    <row r="14" spans="1:100" ht="21" customHeight="1" x14ac:dyDescent="0.2">
      <c r="A14" s="262" t="s">
        <v>11</v>
      </c>
      <c r="B14" s="277">
        <v>0</v>
      </c>
      <c r="C14" s="278">
        <v>0</v>
      </c>
      <c r="D14" s="279">
        <v>0</v>
      </c>
      <c r="E14" s="280">
        <v>0</v>
      </c>
      <c r="F14" s="281">
        <v>11</v>
      </c>
      <c r="G14" s="281">
        <v>6</v>
      </c>
      <c r="H14" s="281">
        <v>5</v>
      </c>
      <c r="I14" s="281">
        <v>5</v>
      </c>
      <c r="J14" s="281">
        <v>5</v>
      </c>
      <c r="K14" s="282">
        <v>32</v>
      </c>
      <c r="L14" s="283">
        <v>32</v>
      </c>
      <c r="M14" s="277">
        <v>0</v>
      </c>
      <c r="N14" s="281">
        <v>0</v>
      </c>
      <c r="O14" s="278">
        <v>0</v>
      </c>
      <c r="P14" s="280">
        <v>0</v>
      </c>
      <c r="Q14" s="281">
        <v>11</v>
      </c>
      <c r="R14" s="281">
        <v>11</v>
      </c>
      <c r="S14" s="281">
        <v>9</v>
      </c>
      <c r="T14" s="281">
        <v>7</v>
      </c>
      <c r="U14" s="281">
        <v>6</v>
      </c>
      <c r="V14" s="278">
        <v>44</v>
      </c>
      <c r="W14" s="283">
        <v>44</v>
      </c>
      <c r="X14" s="277">
        <v>0</v>
      </c>
      <c r="Y14" s="281">
        <v>0</v>
      </c>
      <c r="Z14" s="278">
        <v>0</v>
      </c>
      <c r="AA14" s="280">
        <v>0</v>
      </c>
      <c r="AB14" s="281">
        <v>537</v>
      </c>
      <c r="AC14" s="281">
        <v>265</v>
      </c>
      <c r="AD14" s="281">
        <v>146</v>
      </c>
      <c r="AE14" s="281">
        <v>76</v>
      </c>
      <c r="AF14" s="281">
        <v>29</v>
      </c>
      <c r="AG14" s="278">
        <v>1053</v>
      </c>
      <c r="AH14" s="283">
        <v>1053</v>
      </c>
      <c r="AI14" s="277">
        <v>0</v>
      </c>
      <c r="AJ14" s="281">
        <v>1</v>
      </c>
      <c r="AK14" s="278">
        <v>1</v>
      </c>
      <c r="AL14" s="280">
        <v>0</v>
      </c>
      <c r="AM14" s="281">
        <v>18</v>
      </c>
      <c r="AN14" s="281">
        <v>14</v>
      </c>
      <c r="AO14" s="281">
        <v>13</v>
      </c>
      <c r="AP14" s="281">
        <v>1</v>
      </c>
      <c r="AQ14" s="281">
        <v>1</v>
      </c>
      <c r="AR14" s="278">
        <v>47</v>
      </c>
      <c r="AS14" s="283">
        <v>48</v>
      </c>
      <c r="AT14" s="277">
        <v>0</v>
      </c>
      <c r="AU14" s="281">
        <v>3</v>
      </c>
      <c r="AV14" s="278">
        <v>3</v>
      </c>
      <c r="AW14" s="280">
        <v>0</v>
      </c>
      <c r="AX14" s="281">
        <v>27</v>
      </c>
      <c r="AY14" s="281">
        <v>32</v>
      </c>
      <c r="AZ14" s="281">
        <v>21</v>
      </c>
      <c r="BA14" s="281">
        <v>20</v>
      </c>
      <c r="BB14" s="281">
        <v>6</v>
      </c>
      <c r="BC14" s="278">
        <v>106</v>
      </c>
      <c r="BD14" s="283">
        <v>109</v>
      </c>
      <c r="BE14" s="277">
        <v>0</v>
      </c>
      <c r="BF14" s="281">
        <v>5</v>
      </c>
      <c r="BG14" s="278">
        <v>5</v>
      </c>
      <c r="BH14" s="280">
        <v>0</v>
      </c>
      <c r="BI14" s="281">
        <v>64</v>
      </c>
      <c r="BJ14" s="281">
        <v>76</v>
      </c>
      <c r="BK14" s="281">
        <v>66</v>
      </c>
      <c r="BL14" s="281">
        <v>54</v>
      </c>
      <c r="BM14" s="281">
        <v>26</v>
      </c>
      <c r="BN14" s="282">
        <v>286</v>
      </c>
      <c r="BO14" s="283">
        <v>291</v>
      </c>
      <c r="BP14" s="277">
        <v>0</v>
      </c>
      <c r="BQ14" s="281">
        <v>0</v>
      </c>
      <c r="BR14" s="278">
        <v>0</v>
      </c>
      <c r="BS14" s="280">
        <v>0</v>
      </c>
      <c r="BT14" s="281">
        <v>0</v>
      </c>
      <c r="BU14" s="281">
        <v>0</v>
      </c>
      <c r="BV14" s="281">
        <v>0</v>
      </c>
      <c r="BW14" s="281">
        <v>0</v>
      </c>
      <c r="BX14" s="281">
        <v>0</v>
      </c>
      <c r="BY14" s="278">
        <v>0</v>
      </c>
      <c r="BZ14" s="283">
        <v>0</v>
      </c>
      <c r="CA14" s="277">
        <v>0</v>
      </c>
      <c r="CB14" s="281">
        <v>0</v>
      </c>
      <c r="CC14" s="278">
        <v>0</v>
      </c>
      <c r="CD14" s="280">
        <v>0</v>
      </c>
      <c r="CE14" s="281">
        <v>0</v>
      </c>
      <c r="CF14" s="281">
        <v>1</v>
      </c>
      <c r="CG14" s="281">
        <v>1</v>
      </c>
      <c r="CH14" s="281">
        <v>0</v>
      </c>
      <c r="CI14" s="281">
        <v>0</v>
      </c>
      <c r="CJ14" s="278">
        <v>2</v>
      </c>
      <c r="CK14" s="283">
        <v>2</v>
      </c>
      <c r="CL14" s="277">
        <v>0</v>
      </c>
      <c r="CM14" s="281">
        <v>0</v>
      </c>
      <c r="CN14" s="278">
        <v>0</v>
      </c>
      <c r="CO14" s="280">
        <v>0</v>
      </c>
      <c r="CP14" s="281">
        <v>5</v>
      </c>
      <c r="CQ14" s="281">
        <v>4</v>
      </c>
      <c r="CR14" s="281">
        <v>2</v>
      </c>
      <c r="CS14" s="281">
        <v>7</v>
      </c>
      <c r="CT14" s="281">
        <v>4</v>
      </c>
      <c r="CU14" s="278">
        <v>22</v>
      </c>
      <c r="CV14" s="283">
        <v>22</v>
      </c>
    </row>
    <row r="15" spans="1:100" ht="21" customHeight="1" x14ac:dyDescent="0.2">
      <c r="A15" s="262" t="s">
        <v>12</v>
      </c>
      <c r="B15" s="277">
        <v>0</v>
      </c>
      <c r="C15" s="278">
        <v>0</v>
      </c>
      <c r="D15" s="279">
        <v>0</v>
      </c>
      <c r="E15" s="280">
        <v>0</v>
      </c>
      <c r="F15" s="281">
        <v>10</v>
      </c>
      <c r="G15" s="281">
        <v>3</v>
      </c>
      <c r="H15" s="281">
        <v>5</v>
      </c>
      <c r="I15" s="281">
        <v>5</v>
      </c>
      <c r="J15" s="281">
        <v>1</v>
      </c>
      <c r="K15" s="282">
        <v>24</v>
      </c>
      <c r="L15" s="283">
        <v>24</v>
      </c>
      <c r="M15" s="277">
        <v>0</v>
      </c>
      <c r="N15" s="281">
        <v>0</v>
      </c>
      <c r="O15" s="278">
        <v>0</v>
      </c>
      <c r="P15" s="280">
        <v>0</v>
      </c>
      <c r="Q15" s="281">
        <v>0</v>
      </c>
      <c r="R15" s="281">
        <v>0</v>
      </c>
      <c r="S15" s="281">
        <v>0</v>
      </c>
      <c r="T15" s="281">
        <v>0</v>
      </c>
      <c r="U15" s="281">
        <v>0</v>
      </c>
      <c r="V15" s="278">
        <v>0</v>
      </c>
      <c r="W15" s="283">
        <v>0</v>
      </c>
      <c r="X15" s="277">
        <v>0</v>
      </c>
      <c r="Y15" s="281">
        <v>0</v>
      </c>
      <c r="Z15" s="278">
        <v>0</v>
      </c>
      <c r="AA15" s="280">
        <v>0</v>
      </c>
      <c r="AB15" s="281">
        <v>405</v>
      </c>
      <c r="AC15" s="281">
        <v>226</v>
      </c>
      <c r="AD15" s="281">
        <v>151</v>
      </c>
      <c r="AE15" s="281">
        <v>74</v>
      </c>
      <c r="AF15" s="281">
        <v>39</v>
      </c>
      <c r="AG15" s="278">
        <v>895</v>
      </c>
      <c r="AH15" s="283">
        <v>895</v>
      </c>
      <c r="AI15" s="277">
        <v>0</v>
      </c>
      <c r="AJ15" s="281">
        <v>0</v>
      </c>
      <c r="AK15" s="278">
        <v>0</v>
      </c>
      <c r="AL15" s="280">
        <v>0</v>
      </c>
      <c r="AM15" s="281">
        <v>6</v>
      </c>
      <c r="AN15" s="281">
        <v>4</v>
      </c>
      <c r="AO15" s="281">
        <v>1</v>
      </c>
      <c r="AP15" s="281">
        <v>0</v>
      </c>
      <c r="AQ15" s="281">
        <v>1</v>
      </c>
      <c r="AR15" s="278">
        <v>12</v>
      </c>
      <c r="AS15" s="283">
        <v>12</v>
      </c>
      <c r="AT15" s="277">
        <v>0</v>
      </c>
      <c r="AU15" s="281">
        <v>0</v>
      </c>
      <c r="AV15" s="278">
        <v>0</v>
      </c>
      <c r="AW15" s="280">
        <v>0</v>
      </c>
      <c r="AX15" s="281">
        <v>23</v>
      </c>
      <c r="AY15" s="281">
        <v>29</v>
      </c>
      <c r="AZ15" s="281">
        <v>49</v>
      </c>
      <c r="BA15" s="281">
        <v>42</v>
      </c>
      <c r="BB15" s="281">
        <v>28</v>
      </c>
      <c r="BC15" s="278">
        <v>171</v>
      </c>
      <c r="BD15" s="283">
        <v>171</v>
      </c>
      <c r="BE15" s="277">
        <v>0</v>
      </c>
      <c r="BF15" s="281">
        <v>0</v>
      </c>
      <c r="BG15" s="278">
        <v>0</v>
      </c>
      <c r="BH15" s="280">
        <v>0</v>
      </c>
      <c r="BI15" s="281">
        <v>43</v>
      </c>
      <c r="BJ15" s="281">
        <v>40</v>
      </c>
      <c r="BK15" s="281">
        <v>50</v>
      </c>
      <c r="BL15" s="281">
        <v>33</v>
      </c>
      <c r="BM15" s="281">
        <v>32</v>
      </c>
      <c r="BN15" s="282">
        <v>198</v>
      </c>
      <c r="BO15" s="283">
        <v>198</v>
      </c>
      <c r="BP15" s="277">
        <v>0</v>
      </c>
      <c r="BQ15" s="281">
        <v>0</v>
      </c>
      <c r="BR15" s="278">
        <v>0</v>
      </c>
      <c r="BS15" s="280">
        <v>0</v>
      </c>
      <c r="BT15" s="281">
        <v>1</v>
      </c>
      <c r="BU15" s="281">
        <v>8</v>
      </c>
      <c r="BV15" s="281">
        <v>2</v>
      </c>
      <c r="BW15" s="281">
        <v>11</v>
      </c>
      <c r="BX15" s="281">
        <v>3</v>
      </c>
      <c r="BY15" s="278">
        <v>25</v>
      </c>
      <c r="BZ15" s="283">
        <v>25</v>
      </c>
      <c r="CA15" s="277">
        <v>0</v>
      </c>
      <c r="CB15" s="281">
        <v>0</v>
      </c>
      <c r="CC15" s="278">
        <v>0</v>
      </c>
      <c r="CD15" s="280">
        <v>0</v>
      </c>
      <c r="CE15" s="281">
        <v>2</v>
      </c>
      <c r="CF15" s="281">
        <v>0</v>
      </c>
      <c r="CG15" s="281">
        <v>13</v>
      </c>
      <c r="CH15" s="281">
        <v>10</v>
      </c>
      <c r="CI15" s="281">
        <v>4</v>
      </c>
      <c r="CJ15" s="278">
        <v>29</v>
      </c>
      <c r="CK15" s="283">
        <v>29</v>
      </c>
      <c r="CL15" s="277">
        <v>0</v>
      </c>
      <c r="CM15" s="281">
        <v>0</v>
      </c>
      <c r="CN15" s="278">
        <v>0</v>
      </c>
      <c r="CO15" s="280">
        <v>0</v>
      </c>
      <c r="CP15" s="281">
        <v>16</v>
      </c>
      <c r="CQ15" s="281">
        <v>10</v>
      </c>
      <c r="CR15" s="281">
        <v>21</v>
      </c>
      <c r="CS15" s="281">
        <v>25</v>
      </c>
      <c r="CT15" s="281">
        <v>17</v>
      </c>
      <c r="CU15" s="278">
        <v>89</v>
      </c>
      <c r="CV15" s="283">
        <v>89</v>
      </c>
    </row>
    <row r="16" spans="1:100" ht="21" customHeight="1" x14ac:dyDescent="0.2">
      <c r="A16" s="262" t="s">
        <v>13</v>
      </c>
      <c r="B16" s="277">
        <v>0</v>
      </c>
      <c r="C16" s="278">
        <v>0</v>
      </c>
      <c r="D16" s="279">
        <v>0</v>
      </c>
      <c r="E16" s="280">
        <v>0</v>
      </c>
      <c r="F16" s="281">
        <v>1</v>
      </c>
      <c r="G16" s="281">
        <v>1</v>
      </c>
      <c r="H16" s="281">
        <v>1</v>
      </c>
      <c r="I16" s="281">
        <v>0</v>
      </c>
      <c r="J16" s="281">
        <v>0</v>
      </c>
      <c r="K16" s="282">
        <v>3</v>
      </c>
      <c r="L16" s="283">
        <v>3</v>
      </c>
      <c r="M16" s="277">
        <v>0</v>
      </c>
      <c r="N16" s="281">
        <v>0</v>
      </c>
      <c r="O16" s="278">
        <v>0</v>
      </c>
      <c r="P16" s="280">
        <v>0</v>
      </c>
      <c r="Q16" s="281">
        <v>0</v>
      </c>
      <c r="R16" s="281">
        <v>0</v>
      </c>
      <c r="S16" s="281">
        <v>0</v>
      </c>
      <c r="T16" s="281">
        <v>0</v>
      </c>
      <c r="U16" s="281">
        <v>0</v>
      </c>
      <c r="V16" s="278">
        <v>0</v>
      </c>
      <c r="W16" s="283">
        <v>0</v>
      </c>
      <c r="X16" s="277">
        <v>0</v>
      </c>
      <c r="Y16" s="281">
        <v>0</v>
      </c>
      <c r="Z16" s="278">
        <v>0</v>
      </c>
      <c r="AA16" s="280">
        <v>0</v>
      </c>
      <c r="AB16" s="281">
        <v>126</v>
      </c>
      <c r="AC16" s="281">
        <v>122</v>
      </c>
      <c r="AD16" s="281">
        <v>49</v>
      </c>
      <c r="AE16" s="281">
        <v>39</v>
      </c>
      <c r="AF16" s="281">
        <v>12</v>
      </c>
      <c r="AG16" s="278">
        <v>348</v>
      </c>
      <c r="AH16" s="283">
        <v>348</v>
      </c>
      <c r="AI16" s="277">
        <v>0</v>
      </c>
      <c r="AJ16" s="281">
        <v>0</v>
      </c>
      <c r="AK16" s="278">
        <v>0</v>
      </c>
      <c r="AL16" s="280">
        <v>0</v>
      </c>
      <c r="AM16" s="281">
        <v>2</v>
      </c>
      <c r="AN16" s="281">
        <v>2</v>
      </c>
      <c r="AO16" s="281">
        <v>7</v>
      </c>
      <c r="AP16" s="281">
        <v>9</v>
      </c>
      <c r="AQ16" s="281">
        <v>5</v>
      </c>
      <c r="AR16" s="278">
        <v>25</v>
      </c>
      <c r="AS16" s="283">
        <v>25</v>
      </c>
      <c r="AT16" s="277">
        <v>1</v>
      </c>
      <c r="AU16" s="281">
        <v>2</v>
      </c>
      <c r="AV16" s="278">
        <v>3</v>
      </c>
      <c r="AW16" s="280">
        <v>0</v>
      </c>
      <c r="AX16" s="281">
        <v>13</v>
      </c>
      <c r="AY16" s="281">
        <v>13</v>
      </c>
      <c r="AZ16" s="281">
        <v>3</v>
      </c>
      <c r="BA16" s="281">
        <v>2</v>
      </c>
      <c r="BB16" s="281">
        <v>1</v>
      </c>
      <c r="BC16" s="278">
        <v>32</v>
      </c>
      <c r="BD16" s="283">
        <v>35</v>
      </c>
      <c r="BE16" s="277">
        <v>0</v>
      </c>
      <c r="BF16" s="281">
        <v>0</v>
      </c>
      <c r="BG16" s="278">
        <v>0</v>
      </c>
      <c r="BH16" s="280">
        <v>0</v>
      </c>
      <c r="BI16" s="281">
        <v>11</v>
      </c>
      <c r="BJ16" s="281">
        <v>15</v>
      </c>
      <c r="BK16" s="281">
        <v>27</v>
      </c>
      <c r="BL16" s="281">
        <v>15</v>
      </c>
      <c r="BM16" s="281">
        <v>9</v>
      </c>
      <c r="BN16" s="282">
        <v>77</v>
      </c>
      <c r="BO16" s="283">
        <v>77</v>
      </c>
      <c r="BP16" s="277">
        <v>0</v>
      </c>
      <c r="BQ16" s="281">
        <v>0</v>
      </c>
      <c r="BR16" s="278">
        <v>0</v>
      </c>
      <c r="BS16" s="280">
        <v>0</v>
      </c>
      <c r="BT16" s="281">
        <v>0</v>
      </c>
      <c r="BU16" s="281">
        <v>0</v>
      </c>
      <c r="BV16" s="281">
        <v>4</v>
      </c>
      <c r="BW16" s="281">
        <v>8</v>
      </c>
      <c r="BX16" s="281">
        <v>4</v>
      </c>
      <c r="BY16" s="278">
        <v>16</v>
      </c>
      <c r="BZ16" s="283">
        <v>16</v>
      </c>
      <c r="CA16" s="277">
        <v>0</v>
      </c>
      <c r="CB16" s="281">
        <v>0</v>
      </c>
      <c r="CC16" s="278">
        <v>0</v>
      </c>
      <c r="CD16" s="280">
        <v>0</v>
      </c>
      <c r="CE16" s="281">
        <v>0</v>
      </c>
      <c r="CF16" s="281">
        <v>0</v>
      </c>
      <c r="CG16" s="281">
        <v>0</v>
      </c>
      <c r="CH16" s="281">
        <v>0</v>
      </c>
      <c r="CI16" s="281">
        <v>0</v>
      </c>
      <c r="CJ16" s="278">
        <v>0</v>
      </c>
      <c r="CK16" s="283">
        <v>0</v>
      </c>
      <c r="CL16" s="277">
        <v>0</v>
      </c>
      <c r="CM16" s="281">
        <v>0</v>
      </c>
      <c r="CN16" s="278">
        <v>0</v>
      </c>
      <c r="CO16" s="280">
        <v>0</v>
      </c>
      <c r="CP16" s="281">
        <v>0</v>
      </c>
      <c r="CQ16" s="281">
        <v>0</v>
      </c>
      <c r="CR16" s="281">
        <v>0</v>
      </c>
      <c r="CS16" s="281">
        <v>0</v>
      </c>
      <c r="CT16" s="281">
        <v>0</v>
      </c>
      <c r="CU16" s="278">
        <v>0</v>
      </c>
      <c r="CV16" s="283">
        <v>0</v>
      </c>
    </row>
    <row r="17" spans="1:100" ht="21" customHeight="1" x14ac:dyDescent="0.2">
      <c r="A17" s="262" t="s">
        <v>15</v>
      </c>
      <c r="B17" s="277">
        <v>0</v>
      </c>
      <c r="C17" s="278">
        <v>0</v>
      </c>
      <c r="D17" s="279">
        <v>0</v>
      </c>
      <c r="E17" s="280">
        <v>0</v>
      </c>
      <c r="F17" s="281">
        <v>2</v>
      </c>
      <c r="G17" s="281">
        <v>4</v>
      </c>
      <c r="H17" s="281">
        <v>4</v>
      </c>
      <c r="I17" s="281">
        <v>3</v>
      </c>
      <c r="J17" s="281">
        <v>5</v>
      </c>
      <c r="K17" s="282">
        <v>18</v>
      </c>
      <c r="L17" s="283">
        <v>18</v>
      </c>
      <c r="M17" s="277">
        <v>0</v>
      </c>
      <c r="N17" s="281">
        <v>0</v>
      </c>
      <c r="O17" s="278">
        <v>0</v>
      </c>
      <c r="P17" s="280">
        <v>0</v>
      </c>
      <c r="Q17" s="281">
        <v>0</v>
      </c>
      <c r="R17" s="281">
        <v>0</v>
      </c>
      <c r="S17" s="281">
        <v>0</v>
      </c>
      <c r="T17" s="281">
        <v>0</v>
      </c>
      <c r="U17" s="281">
        <v>0</v>
      </c>
      <c r="V17" s="278">
        <v>0</v>
      </c>
      <c r="W17" s="283">
        <v>0</v>
      </c>
      <c r="X17" s="277">
        <v>0</v>
      </c>
      <c r="Y17" s="281">
        <v>0</v>
      </c>
      <c r="Z17" s="278">
        <v>0</v>
      </c>
      <c r="AA17" s="280">
        <v>0</v>
      </c>
      <c r="AB17" s="281">
        <v>149</v>
      </c>
      <c r="AC17" s="281">
        <v>159</v>
      </c>
      <c r="AD17" s="281">
        <v>71</v>
      </c>
      <c r="AE17" s="281">
        <v>32</v>
      </c>
      <c r="AF17" s="281">
        <v>12</v>
      </c>
      <c r="AG17" s="278">
        <v>423</v>
      </c>
      <c r="AH17" s="283">
        <v>423</v>
      </c>
      <c r="AI17" s="277">
        <v>0</v>
      </c>
      <c r="AJ17" s="281">
        <v>0</v>
      </c>
      <c r="AK17" s="278">
        <v>0</v>
      </c>
      <c r="AL17" s="280">
        <v>0</v>
      </c>
      <c r="AM17" s="281">
        <v>3</v>
      </c>
      <c r="AN17" s="281">
        <v>6</v>
      </c>
      <c r="AO17" s="281">
        <v>8</v>
      </c>
      <c r="AP17" s="281">
        <v>4</v>
      </c>
      <c r="AQ17" s="281">
        <v>1</v>
      </c>
      <c r="AR17" s="278">
        <v>22</v>
      </c>
      <c r="AS17" s="283">
        <v>22</v>
      </c>
      <c r="AT17" s="277">
        <v>5</v>
      </c>
      <c r="AU17" s="281">
        <v>11</v>
      </c>
      <c r="AV17" s="278">
        <v>16</v>
      </c>
      <c r="AW17" s="280">
        <v>0</v>
      </c>
      <c r="AX17" s="281">
        <v>19</v>
      </c>
      <c r="AY17" s="281">
        <v>19</v>
      </c>
      <c r="AZ17" s="281">
        <v>14</v>
      </c>
      <c r="BA17" s="281">
        <v>13</v>
      </c>
      <c r="BB17" s="281">
        <v>4</v>
      </c>
      <c r="BC17" s="278">
        <v>69</v>
      </c>
      <c r="BD17" s="283">
        <v>85</v>
      </c>
      <c r="BE17" s="277">
        <v>0</v>
      </c>
      <c r="BF17" s="281">
        <v>3</v>
      </c>
      <c r="BG17" s="278">
        <v>3</v>
      </c>
      <c r="BH17" s="280">
        <v>0</v>
      </c>
      <c r="BI17" s="281">
        <v>44</v>
      </c>
      <c r="BJ17" s="281">
        <v>28</v>
      </c>
      <c r="BK17" s="281">
        <v>40</v>
      </c>
      <c r="BL17" s="281">
        <v>31</v>
      </c>
      <c r="BM17" s="281">
        <v>12</v>
      </c>
      <c r="BN17" s="282">
        <v>155</v>
      </c>
      <c r="BO17" s="283">
        <v>158</v>
      </c>
      <c r="BP17" s="277">
        <v>0</v>
      </c>
      <c r="BQ17" s="281">
        <v>0</v>
      </c>
      <c r="BR17" s="278">
        <v>0</v>
      </c>
      <c r="BS17" s="280">
        <v>0</v>
      </c>
      <c r="BT17" s="281">
        <v>0</v>
      </c>
      <c r="BU17" s="281">
        <v>0</v>
      </c>
      <c r="BV17" s="281">
        <v>0</v>
      </c>
      <c r="BW17" s="281">
        <v>0</v>
      </c>
      <c r="BX17" s="281">
        <v>0</v>
      </c>
      <c r="BY17" s="278">
        <v>0</v>
      </c>
      <c r="BZ17" s="283">
        <v>0</v>
      </c>
      <c r="CA17" s="277">
        <v>0</v>
      </c>
      <c r="CB17" s="281">
        <v>0</v>
      </c>
      <c r="CC17" s="278">
        <v>0</v>
      </c>
      <c r="CD17" s="280">
        <v>0</v>
      </c>
      <c r="CE17" s="281">
        <v>0</v>
      </c>
      <c r="CF17" s="281">
        <v>0</v>
      </c>
      <c r="CG17" s="281">
        <v>14</v>
      </c>
      <c r="CH17" s="281">
        <v>11</v>
      </c>
      <c r="CI17" s="281">
        <v>5</v>
      </c>
      <c r="CJ17" s="278">
        <v>30</v>
      </c>
      <c r="CK17" s="283">
        <v>30</v>
      </c>
      <c r="CL17" s="277">
        <v>0</v>
      </c>
      <c r="CM17" s="281">
        <v>0</v>
      </c>
      <c r="CN17" s="278">
        <v>0</v>
      </c>
      <c r="CO17" s="280">
        <v>0</v>
      </c>
      <c r="CP17" s="281">
        <v>0</v>
      </c>
      <c r="CQ17" s="281">
        <v>0</v>
      </c>
      <c r="CR17" s="281">
        <v>0</v>
      </c>
      <c r="CS17" s="281">
        <v>0</v>
      </c>
      <c r="CT17" s="281">
        <v>0</v>
      </c>
      <c r="CU17" s="278">
        <v>0</v>
      </c>
      <c r="CV17" s="283">
        <v>0</v>
      </c>
    </row>
    <row r="18" spans="1:100" ht="21" customHeight="1" x14ac:dyDescent="0.2">
      <c r="A18" s="262" t="s">
        <v>16</v>
      </c>
      <c r="B18" s="277">
        <v>0</v>
      </c>
      <c r="C18" s="278">
        <v>0</v>
      </c>
      <c r="D18" s="279">
        <v>0</v>
      </c>
      <c r="E18" s="280">
        <v>0</v>
      </c>
      <c r="F18" s="281">
        <v>9</v>
      </c>
      <c r="G18" s="281">
        <v>14</v>
      </c>
      <c r="H18" s="281">
        <v>8</v>
      </c>
      <c r="I18" s="281">
        <v>12</v>
      </c>
      <c r="J18" s="281">
        <v>7</v>
      </c>
      <c r="K18" s="282">
        <v>50</v>
      </c>
      <c r="L18" s="283">
        <v>50</v>
      </c>
      <c r="M18" s="277">
        <v>0</v>
      </c>
      <c r="N18" s="281">
        <v>0</v>
      </c>
      <c r="O18" s="278">
        <v>0</v>
      </c>
      <c r="P18" s="280">
        <v>0</v>
      </c>
      <c r="Q18" s="281">
        <v>0</v>
      </c>
      <c r="R18" s="281">
        <v>2</v>
      </c>
      <c r="S18" s="281">
        <v>4</v>
      </c>
      <c r="T18" s="281">
        <v>3</v>
      </c>
      <c r="U18" s="281">
        <v>0</v>
      </c>
      <c r="V18" s="278">
        <v>9</v>
      </c>
      <c r="W18" s="283">
        <v>9</v>
      </c>
      <c r="X18" s="277">
        <v>0</v>
      </c>
      <c r="Y18" s="281">
        <v>0</v>
      </c>
      <c r="Z18" s="278">
        <v>0</v>
      </c>
      <c r="AA18" s="280">
        <v>0</v>
      </c>
      <c r="AB18" s="281">
        <v>168</v>
      </c>
      <c r="AC18" s="281">
        <v>186</v>
      </c>
      <c r="AD18" s="281">
        <v>91</v>
      </c>
      <c r="AE18" s="281">
        <v>39</v>
      </c>
      <c r="AF18" s="281">
        <v>20</v>
      </c>
      <c r="AG18" s="278">
        <v>504</v>
      </c>
      <c r="AH18" s="283">
        <v>504</v>
      </c>
      <c r="AI18" s="277">
        <v>0</v>
      </c>
      <c r="AJ18" s="281">
        <v>0</v>
      </c>
      <c r="AK18" s="278">
        <v>0</v>
      </c>
      <c r="AL18" s="280">
        <v>0</v>
      </c>
      <c r="AM18" s="281">
        <v>3</v>
      </c>
      <c r="AN18" s="281">
        <v>11</v>
      </c>
      <c r="AO18" s="281">
        <v>9</v>
      </c>
      <c r="AP18" s="281">
        <v>3</v>
      </c>
      <c r="AQ18" s="281">
        <v>5</v>
      </c>
      <c r="AR18" s="278">
        <v>31</v>
      </c>
      <c r="AS18" s="283">
        <v>31</v>
      </c>
      <c r="AT18" s="277">
        <v>2</v>
      </c>
      <c r="AU18" s="281">
        <v>1</v>
      </c>
      <c r="AV18" s="278">
        <v>3</v>
      </c>
      <c r="AW18" s="280">
        <v>0</v>
      </c>
      <c r="AX18" s="281">
        <v>9</v>
      </c>
      <c r="AY18" s="281">
        <v>17</v>
      </c>
      <c r="AZ18" s="281">
        <v>15</v>
      </c>
      <c r="BA18" s="281">
        <v>14</v>
      </c>
      <c r="BB18" s="281">
        <v>13</v>
      </c>
      <c r="BC18" s="278">
        <v>68</v>
      </c>
      <c r="BD18" s="283">
        <v>71</v>
      </c>
      <c r="BE18" s="277">
        <v>0</v>
      </c>
      <c r="BF18" s="281">
        <v>0</v>
      </c>
      <c r="BG18" s="278">
        <v>0</v>
      </c>
      <c r="BH18" s="280">
        <v>0</v>
      </c>
      <c r="BI18" s="281">
        <v>18</v>
      </c>
      <c r="BJ18" s="281">
        <v>47</v>
      </c>
      <c r="BK18" s="281">
        <v>63</v>
      </c>
      <c r="BL18" s="281">
        <v>32</v>
      </c>
      <c r="BM18" s="281">
        <v>28</v>
      </c>
      <c r="BN18" s="282">
        <v>188</v>
      </c>
      <c r="BO18" s="283">
        <v>188</v>
      </c>
      <c r="BP18" s="277">
        <v>0</v>
      </c>
      <c r="BQ18" s="281">
        <v>0</v>
      </c>
      <c r="BR18" s="278">
        <v>0</v>
      </c>
      <c r="BS18" s="280">
        <v>0</v>
      </c>
      <c r="BT18" s="281">
        <v>0</v>
      </c>
      <c r="BU18" s="281">
        <v>0</v>
      </c>
      <c r="BV18" s="281">
        <v>0</v>
      </c>
      <c r="BW18" s="281">
        <v>0</v>
      </c>
      <c r="BX18" s="281">
        <v>0</v>
      </c>
      <c r="BY18" s="278">
        <v>0</v>
      </c>
      <c r="BZ18" s="283">
        <v>0</v>
      </c>
      <c r="CA18" s="277">
        <v>0</v>
      </c>
      <c r="CB18" s="281">
        <v>0</v>
      </c>
      <c r="CC18" s="278">
        <v>0</v>
      </c>
      <c r="CD18" s="280">
        <v>0</v>
      </c>
      <c r="CE18" s="281">
        <v>1</v>
      </c>
      <c r="CF18" s="281">
        <v>2</v>
      </c>
      <c r="CG18" s="281">
        <v>8</v>
      </c>
      <c r="CH18" s="281">
        <v>9</v>
      </c>
      <c r="CI18" s="281">
        <v>9</v>
      </c>
      <c r="CJ18" s="278">
        <v>29</v>
      </c>
      <c r="CK18" s="283">
        <v>29</v>
      </c>
      <c r="CL18" s="277">
        <v>0</v>
      </c>
      <c r="CM18" s="281">
        <v>0</v>
      </c>
      <c r="CN18" s="278">
        <v>0</v>
      </c>
      <c r="CO18" s="280">
        <v>0</v>
      </c>
      <c r="CP18" s="281">
        <v>3</v>
      </c>
      <c r="CQ18" s="281">
        <v>5</v>
      </c>
      <c r="CR18" s="281">
        <v>5</v>
      </c>
      <c r="CS18" s="281">
        <v>1</v>
      </c>
      <c r="CT18" s="281">
        <v>3</v>
      </c>
      <c r="CU18" s="278">
        <v>17</v>
      </c>
      <c r="CV18" s="283">
        <v>17</v>
      </c>
    </row>
    <row r="19" spans="1:100" ht="21" customHeight="1" x14ac:dyDescent="0.2">
      <c r="A19" s="262" t="s">
        <v>17</v>
      </c>
      <c r="B19" s="277">
        <v>0</v>
      </c>
      <c r="C19" s="278">
        <v>0</v>
      </c>
      <c r="D19" s="279">
        <v>0</v>
      </c>
      <c r="E19" s="280">
        <v>0</v>
      </c>
      <c r="F19" s="281">
        <v>2</v>
      </c>
      <c r="G19" s="281">
        <v>4</v>
      </c>
      <c r="H19" s="281">
        <v>1</v>
      </c>
      <c r="I19" s="281">
        <v>4</v>
      </c>
      <c r="J19" s="281">
        <v>0</v>
      </c>
      <c r="K19" s="282">
        <v>11</v>
      </c>
      <c r="L19" s="283">
        <v>11</v>
      </c>
      <c r="M19" s="277">
        <v>0</v>
      </c>
      <c r="N19" s="281">
        <v>0</v>
      </c>
      <c r="O19" s="278">
        <v>0</v>
      </c>
      <c r="P19" s="280">
        <v>0</v>
      </c>
      <c r="Q19" s="281">
        <v>0</v>
      </c>
      <c r="R19" s="281">
        <v>0</v>
      </c>
      <c r="S19" s="281">
        <v>0</v>
      </c>
      <c r="T19" s="281">
        <v>0</v>
      </c>
      <c r="U19" s="281">
        <v>0</v>
      </c>
      <c r="V19" s="278">
        <v>0</v>
      </c>
      <c r="W19" s="283">
        <v>0</v>
      </c>
      <c r="X19" s="277">
        <v>0</v>
      </c>
      <c r="Y19" s="281">
        <v>0</v>
      </c>
      <c r="Z19" s="278">
        <v>0</v>
      </c>
      <c r="AA19" s="280">
        <v>0</v>
      </c>
      <c r="AB19" s="281">
        <v>245</v>
      </c>
      <c r="AC19" s="281">
        <v>287</v>
      </c>
      <c r="AD19" s="281">
        <v>130</v>
      </c>
      <c r="AE19" s="281">
        <v>75</v>
      </c>
      <c r="AF19" s="281">
        <v>49</v>
      </c>
      <c r="AG19" s="278">
        <v>786</v>
      </c>
      <c r="AH19" s="283">
        <v>786</v>
      </c>
      <c r="AI19" s="277">
        <v>0</v>
      </c>
      <c r="AJ19" s="281">
        <v>2</v>
      </c>
      <c r="AK19" s="278">
        <v>2</v>
      </c>
      <c r="AL19" s="280">
        <v>0</v>
      </c>
      <c r="AM19" s="281">
        <v>19</v>
      </c>
      <c r="AN19" s="281">
        <v>22</v>
      </c>
      <c r="AO19" s="281">
        <v>22</v>
      </c>
      <c r="AP19" s="281">
        <v>12</v>
      </c>
      <c r="AQ19" s="281">
        <v>8</v>
      </c>
      <c r="AR19" s="278">
        <v>83</v>
      </c>
      <c r="AS19" s="283">
        <v>85</v>
      </c>
      <c r="AT19" s="277">
        <v>1</v>
      </c>
      <c r="AU19" s="281">
        <v>1</v>
      </c>
      <c r="AV19" s="278">
        <v>2</v>
      </c>
      <c r="AW19" s="280">
        <v>0</v>
      </c>
      <c r="AX19" s="281">
        <v>14</v>
      </c>
      <c r="AY19" s="281">
        <v>30</v>
      </c>
      <c r="AZ19" s="281">
        <v>31</v>
      </c>
      <c r="BA19" s="281">
        <v>25</v>
      </c>
      <c r="BB19" s="281">
        <v>17</v>
      </c>
      <c r="BC19" s="278">
        <v>117</v>
      </c>
      <c r="BD19" s="283">
        <v>119</v>
      </c>
      <c r="BE19" s="277">
        <v>0</v>
      </c>
      <c r="BF19" s="281">
        <v>0</v>
      </c>
      <c r="BG19" s="278">
        <v>0</v>
      </c>
      <c r="BH19" s="280">
        <v>0</v>
      </c>
      <c r="BI19" s="281">
        <v>51</v>
      </c>
      <c r="BJ19" s="281">
        <v>67</v>
      </c>
      <c r="BK19" s="281">
        <v>57</v>
      </c>
      <c r="BL19" s="281">
        <v>34</v>
      </c>
      <c r="BM19" s="281">
        <v>20</v>
      </c>
      <c r="BN19" s="282">
        <v>229</v>
      </c>
      <c r="BO19" s="283">
        <v>229</v>
      </c>
      <c r="BP19" s="277">
        <v>0</v>
      </c>
      <c r="BQ19" s="281">
        <v>0</v>
      </c>
      <c r="BR19" s="278">
        <v>0</v>
      </c>
      <c r="BS19" s="280">
        <v>0</v>
      </c>
      <c r="BT19" s="281">
        <v>0</v>
      </c>
      <c r="BU19" s="281">
        <v>0</v>
      </c>
      <c r="BV19" s="281">
        <v>0</v>
      </c>
      <c r="BW19" s="281">
        <v>0</v>
      </c>
      <c r="BX19" s="281">
        <v>0</v>
      </c>
      <c r="BY19" s="278">
        <v>0</v>
      </c>
      <c r="BZ19" s="283">
        <v>0</v>
      </c>
      <c r="CA19" s="277">
        <v>0</v>
      </c>
      <c r="CB19" s="281">
        <v>0</v>
      </c>
      <c r="CC19" s="278">
        <v>0</v>
      </c>
      <c r="CD19" s="280">
        <v>0</v>
      </c>
      <c r="CE19" s="281">
        <v>1</v>
      </c>
      <c r="CF19" s="281">
        <v>3</v>
      </c>
      <c r="CG19" s="281">
        <v>32</v>
      </c>
      <c r="CH19" s="281">
        <v>29</v>
      </c>
      <c r="CI19" s="281">
        <v>40</v>
      </c>
      <c r="CJ19" s="278">
        <v>105</v>
      </c>
      <c r="CK19" s="283">
        <v>105</v>
      </c>
      <c r="CL19" s="277">
        <v>0</v>
      </c>
      <c r="CM19" s="281">
        <v>0</v>
      </c>
      <c r="CN19" s="278">
        <v>0</v>
      </c>
      <c r="CO19" s="280">
        <v>0</v>
      </c>
      <c r="CP19" s="281">
        <v>4</v>
      </c>
      <c r="CQ19" s="281">
        <v>0</v>
      </c>
      <c r="CR19" s="281">
        <v>1</v>
      </c>
      <c r="CS19" s="281">
        <v>5</v>
      </c>
      <c r="CT19" s="281">
        <v>8</v>
      </c>
      <c r="CU19" s="278">
        <v>18</v>
      </c>
      <c r="CV19" s="283">
        <v>18</v>
      </c>
    </row>
    <row r="20" spans="1:100" ht="21" customHeight="1" x14ac:dyDescent="0.2">
      <c r="A20" s="262" t="s">
        <v>18</v>
      </c>
      <c r="B20" s="277">
        <v>0</v>
      </c>
      <c r="C20" s="278">
        <v>0</v>
      </c>
      <c r="D20" s="279">
        <v>0</v>
      </c>
      <c r="E20" s="280">
        <v>0</v>
      </c>
      <c r="F20" s="281">
        <v>2</v>
      </c>
      <c r="G20" s="281">
        <v>1</v>
      </c>
      <c r="H20" s="281">
        <v>4</v>
      </c>
      <c r="I20" s="281">
        <v>0</v>
      </c>
      <c r="J20" s="281">
        <v>2</v>
      </c>
      <c r="K20" s="282">
        <v>9</v>
      </c>
      <c r="L20" s="283">
        <v>9</v>
      </c>
      <c r="M20" s="277">
        <v>0</v>
      </c>
      <c r="N20" s="281">
        <v>0</v>
      </c>
      <c r="O20" s="278">
        <v>0</v>
      </c>
      <c r="P20" s="280">
        <v>0</v>
      </c>
      <c r="Q20" s="281">
        <v>0</v>
      </c>
      <c r="R20" s="281">
        <v>0</v>
      </c>
      <c r="S20" s="281">
        <v>0</v>
      </c>
      <c r="T20" s="281">
        <v>0</v>
      </c>
      <c r="U20" s="281">
        <v>0</v>
      </c>
      <c r="V20" s="278">
        <v>0</v>
      </c>
      <c r="W20" s="283">
        <v>0</v>
      </c>
      <c r="X20" s="277">
        <v>0</v>
      </c>
      <c r="Y20" s="281">
        <v>0</v>
      </c>
      <c r="Z20" s="278">
        <v>0</v>
      </c>
      <c r="AA20" s="280">
        <v>0</v>
      </c>
      <c r="AB20" s="281">
        <v>281</v>
      </c>
      <c r="AC20" s="281">
        <v>233</v>
      </c>
      <c r="AD20" s="281">
        <v>87</v>
      </c>
      <c r="AE20" s="281">
        <v>36</v>
      </c>
      <c r="AF20" s="281">
        <v>13</v>
      </c>
      <c r="AG20" s="278">
        <v>650</v>
      </c>
      <c r="AH20" s="283">
        <v>650</v>
      </c>
      <c r="AI20" s="277">
        <v>0</v>
      </c>
      <c r="AJ20" s="281">
        <v>0</v>
      </c>
      <c r="AK20" s="278">
        <v>0</v>
      </c>
      <c r="AL20" s="280">
        <v>0</v>
      </c>
      <c r="AM20" s="281">
        <v>13</v>
      </c>
      <c r="AN20" s="281">
        <v>7</v>
      </c>
      <c r="AO20" s="281">
        <v>19</v>
      </c>
      <c r="AP20" s="281">
        <v>10</v>
      </c>
      <c r="AQ20" s="281">
        <v>15</v>
      </c>
      <c r="AR20" s="278">
        <v>64</v>
      </c>
      <c r="AS20" s="283">
        <v>64</v>
      </c>
      <c r="AT20" s="277">
        <v>8</v>
      </c>
      <c r="AU20" s="281">
        <v>6</v>
      </c>
      <c r="AV20" s="278">
        <v>14</v>
      </c>
      <c r="AW20" s="280">
        <v>0</v>
      </c>
      <c r="AX20" s="281">
        <v>42</v>
      </c>
      <c r="AY20" s="281">
        <v>54</v>
      </c>
      <c r="AZ20" s="281">
        <v>34</v>
      </c>
      <c r="BA20" s="281">
        <v>20</v>
      </c>
      <c r="BB20" s="281">
        <v>11</v>
      </c>
      <c r="BC20" s="278">
        <v>161</v>
      </c>
      <c r="BD20" s="283">
        <v>175</v>
      </c>
      <c r="BE20" s="277">
        <v>0</v>
      </c>
      <c r="BF20" s="281">
        <v>3</v>
      </c>
      <c r="BG20" s="278">
        <v>3</v>
      </c>
      <c r="BH20" s="280">
        <v>0</v>
      </c>
      <c r="BI20" s="281">
        <v>50</v>
      </c>
      <c r="BJ20" s="281">
        <v>89</v>
      </c>
      <c r="BK20" s="281">
        <v>95</v>
      </c>
      <c r="BL20" s="281">
        <v>43</v>
      </c>
      <c r="BM20" s="281">
        <v>28</v>
      </c>
      <c r="BN20" s="282">
        <v>305</v>
      </c>
      <c r="BO20" s="283">
        <v>308</v>
      </c>
      <c r="BP20" s="277">
        <v>0</v>
      </c>
      <c r="BQ20" s="281">
        <v>0</v>
      </c>
      <c r="BR20" s="278">
        <v>0</v>
      </c>
      <c r="BS20" s="280">
        <v>0</v>
      </c>
      <c r="BT20" s="281">
        <v>0</v>
      </c>
      <c r="BU20" s="281">
        <v>0</v>
      </c>
      <c r="BV20" s="281">
        <v>0</v>
      </c>
      <c r="BW20" s="281">
        <v>0</v>
      </c>
      <c r="BX20" s="281">
        <v>0</v>
      </c>
      <c r="BY20" s="278">
        <v>0</v>
      </c>
      <c r="BZ20" s="283">
        <v>0</v>
      </c>
      <c r="CA20" s="277">
        <v>0</v>
      </c>
      <c r="CB20" s="281">
        <v>0</v>
      </c>
      <c r="CC20" s="278">
        <v>0</v>
      </c>
      <c r="CD20" s="280">
        <v>0</v>
      </c>
      <c r="CE20" s="281">
        <v>0</v>
      </c>
      <c r="CF20" s="281">
        <v>2</v>
      </c>
      <c r="CG20" s="281">
        <v>7</v>
      </c>
      <c r="CH20" s="281">
        <v>18</v>
      </c>
      <c r="CI20" s="281">
        <v>2</v>
      </c>
      <c r="CJ20" s="278">
        <v>29</v>
      </c>
      <c r="CK20" s="283">
        <v>29</v>
      </c>
      <c r="CL20" s="277">
        <v>0</v>
      </c>
      <c r="CM20" s="281">
        <v>0</v>
      </c>
      <c r="CN20" s="278">
        <v>0</v>
      </c>
      <c r="CO20" s="280">
        <v>0</v>
      </c>
      <c r="CP20" s="281">
        <v>9</v>
      </c>
      <c r="CQ20" s="281">
        <v>7</v>
      </c>
      <c r="CR20" s="281">
        <v>16</v>
      </c>
      <c r="CS20" s="281">
        <v>24</v>
      </c>
      <c r="CT20" s="281">
        <v>19</v>
      </c>
      <c r="CU20" s="278">
        <v>75</v>
      </c>
      <c r="CV20" s="283">
        <v>75</v>
      </c>
    </row>
    <row r="21" spans="1:100" ht="21" customHeight="1" x14ac:dyDescent="0.2">
      <c r="A21" s="262" t="s">
        <v>19</v>
      </c>
      <c r="B21" s="277">
        <v>0</v>
      </c>
      <c r="C21" s="278">
        <v>0</v>
      </c>
      <c r="D21" s="279">
        <v>0</v>
      </c>
      <c r="E21" s="280">
        <v>0</v>
      </c>
      <c r="F21" s="281">
        <v>16</v>
      </c>
      <c r="G21" s="281">
        <v>6</v>
      </c>
      <c r="H21" s="281">
        <v>2</v>
      </c>
      <c r="I21" s="281">
        <v>5</v>
      </c>
      <c r="J21" s="281">
        <v>4</v>
      </c>
      <c r="K21" s="282">
        <v>33</v>
      </c>
      <c r="L21" s="283">
        <v>33</v>
      </c>
      <c r="M21" s="277">
        <v>0</v>
      </c>
      <c r="N21" s="281">
        <v>0</v>
      </c>
      <c r="O21" s="278">
        <v>0</v>
      </c>
      <c r="P21" s="280">
        <v>0</v>
      </c>
      <c r="Q21" s="281">
        <v>3</v>
      </c>
      <c r="R21" s="281">
        <v>5</v>
      </c>
      <c r="S21" s="281">
        <v>4</v>
      </c>
      <c r="T21" s="281">
        <v>1</v>
      </c>
      <c r="U21" s="281">
        <v>0</v>
      </c>
      <c r="V21" s="278">
        <v>13</v>
      </c>
      <c r="W21" s="283">
        <v>13</v>
      </c>
      <c r="X21" s="277">
        <v>0</v>
      </c>
      <c r="Y21" s="281">
        <v>0</v>
      </c>
      <c r="Z21" s="278">
        <v>0</v>
      </c>
      <c r="AA21" s="280">
        <v>0</v>
      </c>
      <c r="AB21" s="281">
        <v>137</v>
      </c>
      <c r="AC21" s="281">
        <v>112</v>
      </c>
      <c r="AD21" s="281">
        <v>51</v>
      </c>
      <c r="AE21" s="281">
        <v>27</v>
      </c>
      <c r="AF21" s="281">
        <v>13</v>
      </c>
      <c r="AG21" s="278">
        <v>340</v>
      </c>
      <c r="AH21" s="283">
        <v>340</v>
      </c>
      <c r="AI21" s="277">
        <v>0</v>
      </c>
      <c r="AJ21" s="281">
        <v>0</v>
      </c>
      <c r="AK21" s="278">
        <v>0</v>
      </c>
      <c r="AL21" s="280">
        <v>0</v>
      </c>
      <c r="AM21" s="281">
        <v>14</v>
      </c>
      <c r="AN21" s="281">
        <v>23</v>
      </c>
      <c r="AO21" s="281">
        <v>14</v>
      </c>
      <c r="AP21" s="281">
        <v>2</v>
      </c>
      <c r="AQ21" s="281">
        <v>4</v>
      </c>
      <c r="AR21" s="278">
        <v>57</v>
      </c>
      <c r="AS21" s="283">
        <v>57</v>
      </c>
      <c r="AT21" s="277">
        <v>0</v>
      </c>
      <c r="AU21" s="281">
        <v>2</v>
      </c>
      <c r="AV21" s="278">
        <v>2</v>
      </c>
      <c r="AW21" s="280">
        <v>0</v>
      </c>
      <c r="AX21" s="281">
        <v>21</v>
      </c>
      <c r="AY21" s="281">
        <v>31</v>
      </c>
      <c r="AZ21" s="281">
        <v>26</v>
      </c>
      <c r="BA21" s="281">
        <v>17</v>
      </c>
      <c r="BB21" s="281">
        <v>16</v>
      </c>
      <c r="BC21" s="278">
        <v>111</v>
      </c>
      <c r="BD21" s="283">
        <v>113</v>
      </c>
      <c r="BE21" s="277">
        <v>0</v>
      </c>
      <c r="BF21" s="281">
        <v>1</v>
      </c>
      <c r="BG21" s="278">
        <v>1</v>
      </c>
      <c r="BH21" s="280">
        <v>0</v>
      </c>
      <c r="BI21" s="281">
        <v>9</v>
      </c>
      <c r="BJ21" s="281">
        <v>20</v>
      </c>
      <c r="BK21" s="281">
        <v>26</v>
      </c>
      <c r="BL21" s="281">
        <v>14</v>
      </c>
      <c r="BM21" s="281">
        <v>13</v>
      </c>
      <c r="BN21" s="282">
        <v>82</v>
      </c>
      <c r="BO21" s="283">
        <v>83</v>
      </c>
      <c r="BP21" s="277">
        <v>0</v>
      </c>
      <c r="BQ21" s="281">
        <v>0</v>
      </c>
      <c r="BR21" s="278">
        <v>0</v>
      </c>
      <c r="BS21" s="280">
        <v>0</v>
      </c>
      <c r="BT21" s="281">
        <v>0</v>
      </c>
      <c r="BU21" s="281">
        <v>0</v>
      </c>
      <c r="BV21" s="281">
        <v>0</v>
      </c>
      <c r="BW21" s="281">
        <v>0</v>
      </c>
      <c r="BX21" s="281">
        <v>0</v>
      </c>
      <c r="BY21" s="278">
        <v>0</v>
      </c>
      <c r="BZ21" s="283">
        <v>0</v>
      </c>
      <c r="CA21" s="277">
        <v>0</v>
      </c>
      <c r="CB21" s="281">
        <v>0</v>
      </c>
      <c r="CC21" s="278">
        <v>0</v>
      </c>
      <c r="CD21" s="280">
        <v>0</v>
      </c>
      <c r="CE21" s="281">
        <v>0</v>
      </c>
      <c r="CF21" s="281">
        <v>0</v>
      </c>
      <c r="CG21" s="281">
        <v>0</v>
      </c>
      <c r="CH21" s="281">
        <v>0</v>
      </c>
      <c r="CI21" s="281">
        <v>0</v>
      </c>
      <c r="CJ21" s="278">
        <v>0</v>
      </c>
      <c r="CK21" s="283">
        <v>0</v>
      </c>
      <c r="CL21" s="277">
        <v>0</v>
      </c>
      <c r="CM21" s="281">
        <v>0</v>
      </c>
      <c r="CN21" s="278">
        <v>0</v>
      </c>
      <c r="CO21" s="280">
        <v>0</v>
      </c>
      <c r="CP21" s="281">
        <v>3</v>
      </c>
      <c r="CQ21" s="281">
        <v>2</v>
      </c>
      <c r="CR21" s="281">
        <v>2</v>
      </c>
      <c r="CS21" s="281">
        <v>5</v>
      </c>
      <c r="CT21" s="281">
        <v>12</v>
      </c>
      <c r="CU21" s="278">
        <v>24</v>
      </c>
      <c r="CV21" s="283">
        <v>24</v>
      </c>
    </row>
    <row r="22" spans="1:100" ht="21" customHeight="1" x14ac:dyDescent="0.2">
      <c r="A22" s="262" t="s">
        <v>20</v>
      </c>
      <c r="B22" s="277">
        <v>0</v>
      </c>
      <c r="C22" s="278">
        <v>0</v>
      </c>
      <c r="D22" s="279">
        <v>0</v>
      </c>
      <c r="E22" s="280">
        <v>0</v>
      </c>
      <c r="F22" s="281">
        <v>1</v>
      </c>
      <c r="G22" s="281">
        <v>0</v>
      </c>
      <c r="H22" s="281">
        <v>0</v>
      </c>
      <c r="I22" s="281">
        <v>0</v>
      </c>
      <c r="J22" s="281">
        <v>0</v>
      </c>
      <c r="K22" s="282">
        <v>1</v>
      </c>
      <c r="L22" s="283">
        <v>1</v>
      </c>
      <c r="M22" s="277">
        <v>0</v>
      </c>
      <c r="N22" s="281">
        <v>0</v>
      </c>
      <c r="O22" s="278">
        <v>0</v>
      </c>
      <c r="P22" s="280">
        <v>0</v>
      </c>
      <c r="Q22" s="281">
        <v>0</v>
      </c>
      <c r="R22" s="281">
        <v>0</v>
      </c>
      <c r="S22" s="281">
        <v>0</v>
      </c>
      <c r="T22" s="281">
        <v>0</v>
      </c>
      <c r="U22" s="281">
        <v>0</v>
      </c>
      <c r="V22" s="278">
        <v>0</v>
      </c>
      <c r="W22" s="283">
        <v>0</v>
      </c>
      <c r="X22" s="277">
        <v>0</v>
      </c>
      <c r="Y22" s="281">
        <v>0</v>
      </c>
      <c r="Z22" s="278">
        <v>0</v>
      </c>
      <c r="AA22" s="280">
        <v>0</v>
      </c>
      <c r="AB22" s="281">
        <v>159</v>
      </c>
      <c r="AC22" s="281">
        <v>73</v>
      </c>
      <c r="AD22" s="281">
        <v>40</v>
      </c>
      <c r="AE22" s="281">
        <v>18</v>
      </c>
      <c r="AF22" s="281">
        <v>6</v>
      </c>
      <c r="AG22" s="278">
        <v>296</v>
      </c>
      <c r="AH22" s="283">
        <v>296</v>
      </c>
      <c r="AI22" s="277">
        <v>0</v>
      </c>
      <c r="AJ22" s="281">
        <v>0</v>
      </c>
      <c r="AK22" s="278">
        <v>0</v>
      </c>
      <c r="AL22" s="280">
        <v>0</v>
      </c>
      <c r="AM22" s="281">
        <v>0</v>
      </c>
      <c r="AN22" s="281">
        <v>3</v>
      </c>
      <c r="AO22" s="281">
        <v>4</v>
      </c>
      <c r="AP22" s="281">
        <v>4</v>
      </c>
      <c r="AQ22" s="281">
        <v>2</v>
      </c>
      <c r="AR22" s="278">
        <v>13</v>
      </c>
      <c r="AS22" s="283">
        <v>13</v>
      </c>
      <c r="AT22" s="277">
        <v>1</v>
      </c>
      <c r="AU22" s="281">
        <v>1</v>
      </c>
      <c r="AV22" s="278">
        <v>2</v>
      </c>
      <c r="AW22" s="280">
        <v>0</v>
      </c>
      <c r="AX22" s="281">
        <v>14</v>
      </c>
      <c r="AY22" s="281">
        <v>10</v>
      </c>
      <c r="AZ22" s="281">
        <v>6</v>
      </c>
      <c r="BA22" s="281">
        <v>4</v>
      </c>
      <c r="BB22" s="281">
        <v>0</v>
      </c>
      <c r="BC22" s="278">
        <v>34</v>
      </c>
      <c r="BD22" s="283">
        <v>36</v>
      </c>
      <c r="BE22" s="277">
        <v>0</v>
      </c>
      <c r="BF22" s="281">
        <v>0</v>
      </c>
      <c r="BG22" s="278">
        <v>0</v>
      </c>
      <c r="BH22" s="280">
        <v>0</v>
      </c>
      <c r="BI22" s="281">
        <v>26</v>
      </c>
      <c r="BJ22" s="281">
        <v>23</v>
      </c>
      <c r="BK22" s="281">
        <v>37</v>
      </c>
      <c r="BL22" s="281">
        <v>25</v>
      </c>
      <c r="BM22" s="281">
        <v>7</v>
      </c>
      <c r="BN22" s="282">
        <v>118</v>
      </c>
      <c r="BO22" s="283">
        <v>118</v>
      </c>
      <c r="BP22" s="277">
        <v>0</v>
      </c>
      <c r="BQ22" s="281">
        <v>0</v>
      </c>
      <c r="BR22" s="278">
        <v>0</v>
      </c>
      <c r="BS22" s="280">
        <v>0</v>
      </c>
      <c r="BT22" s="281">
        <v>0</v>
      </c>
      <c r="BU22" s="281">
        <v>0</v>
      </c>
      <c r="BV22" s="281">
        <v>0</v>
      </c>
      <c r="BW22" s="281">
        <v>0</v>
      </c>
      <c r="BX22" s="281">
        <v>0</v>
      </c>
      <c r="BY22" s="278">
        <v>0</v>
      </c>
      <c r="BZ22" s="283">
        <v>0</v>
      </c>
      <c r="CA22" s="277">
        <v>0</v>
      </c>
      <c r="CB22" s="281">
        <v>0</v>
      </c>
      <c r="CC22" s="278">
        <v>0</v>
      </c>
      <c r="CD22" s="280">
        <v>0</v>
      </c>
      <c r="CE22" s="281">
        <v>0</v>
      </c>
      <c r="CF22" s="281">
        <v>0</v>
      </c>
      <c r="CG22" s="281">
        <v>0</v>
      </c>
      <c r="CH22" s="281">
        <v>0</v>
      </c>
      <c r="CI22" s="281">
        <v>0</v>
      </c>
      <c r="CJ22" s="278">
        <v>0</v>
      </c>
      <c r="CK22" s="283">
        <v>0</v>
      </c>
      <c r="CL22" s="277">
        <v>0</v>
      </c>
      <c r="CM22" s="281">
        <v>0</v>
      </c>
      <c r="CN22" s="278">
        <v>0</v>
      </c>
      <c r="CO22" s="280">
        <v>0</v>
      </c>
      <c r="CP22" s="281">
        <v>0</v>
      </c>
      <c r="CQ22" s="281">
        <v>0</v>
      </c>
      <c r="CR22" s="281">
        <v>0</v>
      </c>
      <c r="CS22" s="281">
        <v>0</v>
      </c>
      <c r="CT22" s="281">
        <v>0</v>
      </c>
      <c r="CU22" s="278">
        <v>0</v>
      </c>
      <c r="CV22" s="283">
        <v>0</v>
      </c>
    </row>
    <row r="23" spans="1:100" ht="21" customHeight="1" x14ac:dyDescent="0.2">
      <c r="A23" s="262" t="s">
        <v>21</v>
      </c>
      <c r="B23" s="277">
        <v>0</v>
      </c>
      <c r="C23" s="278">
        <v>0</v>
      </c>
      <c r="D23" s="279">
        <v>0</v>
      </c>
      <c r="E23" s="280">
        <v>0</v>
      </c>
      <c r="F23" s="281">
        <v>2</v>
      </c>
      <c r="G23" s="281">
        <v>4</v>
      </c>
      <c r="H23" s="281">
        <v>2</v>
      </c>
      <c r="I23" s="281">
        <v>2</v>
      </c>
      <c r="J23" s="281">
        <v>2</v>
      </c>
      <c r="K23" s="282">
        <v>12</v>
      </c>
      <c r="L23" s="283">
        <v>12</v>
      </c>
      <c r="M23" s="277">
        <v>0</v>
      </c>
      <c r="N23" s="281">
        <v>0</v>
      </c>
      <c r="O23" s="278">
        <v>0</v>
      </c>
      <c r="P23" s="280">
        <v>0</v>
      </c>
      <c r="Q23" s="281">
        <v>0</v>
      </c>
      <c r="R23" s="281">
        <v>0</v>
      </c>
      <c r="S23" s="281">
        <v>0</v>
      </c>
      <c r="T23" s="281">
        <v>0</v>
      </c>
      <c r="U23" s="281">
        <v>0</v>
      </c>
      <c r="V23" s="278">
        <v>0</v>
      </c>
      <c r="W23" s="283">
        <v>0</v>
      </c>
      <c r="X23" s="277">
        <v>0</v>
      </c>
      <c r="Y23" s="281">
        <v>0</v>
      </c>
      <c r="Z23" s="278">
        <v>0</v>
      </c>
      <c r="AA23" s="280">
        <v>0</v>
      </c>
      <c r="AB23" s="281">
        <v>183</v>
      </c>
      <c r="AC23" s="281">
        <v>198</v>
      </c>
      <c r="AD23" s="281">
        <v>58</v>
      </c>
      <c r="AE23" s="281">
        <v>30</v>
      </c>
      <c r="AF23" s="281">
        <v>10</v>
      </c>
      <c r="AG23" s="278">
        <v>479</v>
      </c>
      <c r="AH23" s="283">
        <v>479</v>
      </c>
      <c r="AI23" s="277">
        <v>0</v>
      </c>
      <c r="AJ23" s="281">
        <v>0</v>
      </c>
      <c r="AK23" s="278">
        <v>0</v>
      </c>
      <c r="AL23" s="280">
        <v>0</v>
      </c>
      <c r="AM23" s="281">
        <v>0</v>
      </c>
      <c r="AN23" s="281">
        <v>0</v>
      </c>
      <c r="AO23" s="281">
        <v>0</v>
      </c>
      <c r="AP23" s="281">
        <v>0</v>
      </c>
      <c r="AQ23" s="281">
        <v>0</v>
      </c>
      <c r="AR23" s="278">
        <v>0</v>
      </c>
      <c r="AS23" s="283">
        <v>0</v>
      </c>
      <c r="AT23" s="277">
        <v>1</v>
      </c>
      <c r="AU23" s="281">
        <v>1</v>
      </c>
      <c r="AV23" s="278">
        <v>2</v>
      </c>
      <c r="AW23" s="280">
        <v>0</v>
      </c>
      <c r="AX23" s="281">
        <v>10</v>
      </c>
      <c r="AY23" s="281">
        <v>7</v>
      </c>
      <c r="AZ23" s="281">
        <v>22</v>
      </c>
      <c r="BA23" s="281">
        <v>9</v>
      </c>
      <c r="BB23" s="281">
        <v>5</v>
      </c>
      <c r="BC23" s="278">
        <v>53</v>
      </c>
      <c r="BD23" s="283">
        <v>55</v>
      </c>
      <c r="BE23" s="277">
        <v>0</v>
      </c>
      <c r="BF23" s="281">
        <v>0</v>
      </c>
      <c r="BG23" s="278">
        <v>0</v>
      </c>
      <c r="BH23" s="280">
        <v>0</v>
      </c>
      <c r="BI23" s="281">
        <v>20</v>
      </c>
      <c r="BJ23" s="281">
        <v>27</v>
      </c>
      <c r="BK23" s="281">
        <v>26</v>
      </c>
      <c r="BL23" s="281">
        <v>14</v>
      </c>
      <c r="BM23" s="281">
        <v>11</v>
      </c>
      <c r="BN23" s="282">
        <v>98</v>
      </c>
      <c r="BO23" s="283">
        <v>98</v>
      </c>
      <c r="BP23" s="277">
        <v>0</v>
      </c>
      <c r="BQ23" s="281">
        <v>0</v>
      </c>
      <c r="BR23" s="278">
        <v>0</v>
      </c>
      <c r="BS23" s="280">
        <v>0</v>
      </c>
      <c r="BT23" s="281">
        <v>0</v>
      </c>
      <c r="BU23" s="281">
        <v>0</v>
      </c>
      <c r="BV23" s="281">
        <v>0</v>
      </c>
      <c r="BW23" s="281">
        <v>0</v>
      </c>
      <c r="BX23" s="281">
        <v>0</v>
      </c>
      <c r="BY23" s="278">
        <v>0</v>
      </c>
      <c r="BZ23" s="283">
        <v>0</v>
      </c>
      <c r="CA23" s="277">
        <v>0</v>
      </c>
      <c r="CB23" s="281">
        <v>0</v>
      </c>
      <c r="CC23" s="278">
        <v>0</v>
      </c>
      <c r="CD23" s="280">
        <v>0</v>
      </c>
      <c r="CE23" s="281">
        <v>0</v>
      </c>
      <c r="CF23" s="281">
        <v>0</v>
      </c>
      <c r="CG23" s="281">
        <v>0</v>
      </c>
      <c r="CH23" s="281">
        <v>0</v>
      </c>
      <c r="CI23" s="281">
        <v>0</v>
      </c>
      <c r="CJ23" s="278">
        <v>0</v>
      </c>
      <c r="CK23" s="283">
        <v>0</v>
      </c>
      <c r="CL23" s="277">
        <v>0</v>
      </c>
      <c r="CM23" s="281">
        <v>0</v>
      </c>
      <c r="CN23" s="278">
        <v>0</v>
      </c>
      <c r="CO23" s="280">
        <v>0</v>
      </c>
      <c r="CP23" s="281">
        <v>1</v>
      </c>
      <c r="CQ23" s="281">
        <v>4</v>
      </c>
      <c r="CR23" s="281">
        <v>2</v>
      </c>
      <c r="CS23" s="281">
        <v>2</v>
      </c>
      <c r="CT23" s="281">
        <v>5</v>
      </c>
      <c r="CU23" s="278">
        <v>14</v>
      </c>
      <c r="CV23" s="283">
        <v>14</v>
      </c>
    </row>
    <row r="24" spans="1:100" ht="21" customHeight="1" x14ac:dyDescent="0.2">
      <c r="A24" s="262" t="s">
        <v>22</v>
      </c>
      <c r="B24" s="277">
        <v>0</v>
      </c>
      <c r="C24" s="278">
        <v>0</v>
      </c>
      <c r="D24" s="279">
        <v>0</v>
      </c>
      <c r="E24" s="280">
        <v>0</v>
      </c>
      <c r="F24" s="281">
        <v>5</v>
      </c>
      <c r="G24" s="281">
        <v>6</v>
      </c>
      <c r="H24" s="281">
        <v>3</v>
      </c>
      <c r="I24" s="281">
        <v>0</v>
      </c>
      <c r="J24" s="281">
        <v>0</v>
      </c>
      <c r="K24" s="282">
        <v>14</v>
      </c>
      <c r="L24" s="283">
        <v>14</v>
      </c>
      <c r="M24" s="277">
        <v>0</v>
      </c>
      <c r="N24" s="281">
        <v>0</v>
      </c>
      <c r="O24" s="278">
        <v>0</v>
      </c>
      <c r="P24" s="280">
        <v>0</v>
      </c>
      <c r="Q24" s="281">
        <v>0</v>
      </c>
      <c r="R24" s="281">
        <v>0</v>
      </c>
      <c r="S24" s="281">
        <v>0</v>
      </c>
      <c r="T24" s="281">
        <v>0</v>
      </c>
      <c r="U24" s="281">
        <v>0</v>
      </c>
      <c r="V24" s="278">
        <v>0</v>
      </c>
      <c r="W24" s="283">
        <v>0</v>
      </c>
      <c r="X24" s="277">
        <v>0</v>
      </c>
      <c r="Y24" s="281">
        <v>0</v>
      </c>
      <c r="Z24" s="278">
        <v>0</v>
      </c>
      <c r="AA24" s="280">
        <v>0</v>
      </c>
      <c r="AB24" s="281">
        <v>125</v>
      </c>
      <c r="AC24" s="281">
        <v>84</v>
      </c>
      <c r="AD24" s="281">
        <v>30</v>
      </c>
      <c r="AE24" s="281">
        <v>18</v>
      </c>
      <c r="AF24" s="281">
        <v>5</v>
      </c>
      <c r="AG24" s="278">
        <v>262</v>
      </c>
      <c r="AH24" s="283">
        <v>262</v>
      </c>
      <c r="AI24" s="277">
        <v>1</v>
      </c>
      <c r="AJ24" s="281">
        <v>0</v>
      </c>
      <c r="AK24" s="278">
        <v>1</v>
      </c>
      <c r="AL24" s="280">
        <v>0</v>
      </c>
      <c r="AM24" s="281">
        <v>7</v>
      </c>
      <c r="AN24" s="281">
        <v>7</v>
      </c>
      <c r="AO24" s="281">
        <v>5</v>
      </c>
      <c r="AP24" s="281">
        <v>2</v>
      </c>
      <c r="AQ24" s="281">
        <v>2</v>
      </c>
      <c r="AR24" s="278">
        <v>23</v>
      </c>
      <c r="AS24" s="283">
        <v>24</v>
      </c>
      <c r="AT24" s="277">
        <v>4</v>
      </c>
      <c r="AU24" s="281">
        <v>4</v>
      </c>
      <c r="AV24" s="278">
        <v>8</v>
      </c>
      <c r="AW24" s="280">
        <v>0</v>
      </c>
      <c r="AX24" s="281">
        <v>19</v>
      </c>
      <c r="AY24" s="281">
        <v>13</v>
      </c>
      <c r="AZ24" s="281">
        <v>13</v>
      </c>
      <c r="BA24" s="281">
        <v>8</v>
      </c>
      <c r="BB24" s="281">
        <v>5</v>
      </c>
      <c r="BC24" s="278">
        <v>58</v>
      </c>
      <c r="BD24" s="283">
        <v>66</v>
      </c>
      <c r="BE24" s="277">
        <v>0</v>
      </c>
      <c r="BF24" s="281">
        <v>0</v>
      </c>
      <c r="BG24" s="278">
        <v>0</v>
      </c>
      <c r="BH24" s="280">
        <v>0</v>
      </c>
      <c r="BI24" s="281">
        <v>13</v>
      </c>
      <c r="BJ24" s="281">
        <v>17</v>
      </c>
      <c r="BK24" s="281">
        <v>12</v>
      </c>
      <c r="BL24" s="281">
        <v>7</v>
      </c>
      <c r="BM24" s="281">
        <v>2</v>
      </c>
      <c r="BN24" s="282">
        <v>51</v>
      </c>
      <c r="BO24" s="283">
        <v>51</v>
      </c>
      <c r="BP24" s="277">
        <v>0</v>
      </c>
      <c r="BQ24" s="281">
        <v>0</v>
      </c>
      <c r="BR24" s="278">
        <v>0</v>
      </c>
      <c r="BS24" s="280">
        <v>0</v>
      </c>
      <c r="BT24" s="281">
        <v>0</v>
      </c>
      <c r="BU24" s="281">
        <v>0</v>
      </c>
      <c r="BV24" s="281">
        <v>0</v>
      </c>
      <c r="BW24" s="281">
        <v>0</v>
      </c>
      <c r="BX24" s="281">
        <v>0</v>
      </c>
      <c r="BY24" s="278">
        <v>0</v>
      </c>
      <c r="BZ24" s="283">
        <v>0</v>
      </c>
      <c r="CA24" s="277">
        <v>0</v>
      </c>
      <c r="CB24" s="281">
        <v>0</v>
      </c>
      <c r="CC24" s="278">
        <v>0</v>
      </c>
      <c r="CD24" s="280">
        <v>0</v>
      </c>
      <c r="CE24" s="281">
        <v>0</v>
      </c>
      <c r="CF24" s="281">
        <v>0</v>
      </c>
      <c r="CG24" s="281">
        <v>3</v>
      </c>
      <c r="CH24" s="281">
        <v>22</v>
      </c>
      <c r="CI24" s="281">
        <v>7</v>
      </c>
      <c r="CJ24" s="278">
        <v>32</v>
      </c>
      <c r="CK24" s="283">
        <v>32</v>
      </c>
      <c r="CL24" s="277">
        <v>0</v>
      </c>
      <c r="CM24" s="281">
        <v>0</v>
      </c>
      <c r="CN24" s="278">
        <v>0</v>
      </c>
      <c r="CO24" s="280">
        <v>0</v>
      </c>
      <c r="CP24" s="281">
        <v>0</v>
      </c>
      <c r="CQ24" s="281">
        <v>0</v>
      </c>
      <c r="CR24" s="281">
        <v>0</v>
      </c>
      <c r="CS24" s="281">
        <v>0</v>
      </c>
      <c r="CT24" s="281">
        <v>0</v>
      </c>
      <c r="CU24" s="278">
        <v>0</v>
      </c>
      <c r="CV24" s="283">
        <v>0</v>
      </c>
    </row>
    <row r="25" spans="1:100" ht="21" customHeight="1" x14ac:dyDescent="0.2">
      <c r="A25" s="262" t="s">
        <v>23</v>
      </c>
      <c r="B25" s="277">
        <v>0</v>
      </c>
      <c r="C25" s="278">
        <v>0</v>
      </c>
      <c r="D25" s="279">
        <v>0</v>
      </c>
      <c r="E25" s="280">
        <v>0</v>
      </c>
      <c r="F25" s="281">
        <v>1</v>
      </c>
      <c r="G25" s="281">
        <v>1</v>
      </c>
      <c r="H25" s="281">
        <v>0</v>
      </c>
      <c r="I25" s="281">
        <v>0</v>
      </c>
      <c r="J25" s="281">
        <v>1</v>
      </c>
      <c r="K25" s="282">
        <v>3</v>
      </c>
      <c r="L25" s="283">
        <v>3</v>
      </c>
      <c r="M25" s="277">
        <v>0</v>
      </c>
      <c r="N25" s="281">
        <v>0</v>
      </c>
      <c r="O25" s="278">
        <v>0</v>
      </c>
      <c r="P25" s="280">
        <v>0</v>
      </c>
      <c r="Q25" s="281">
        <v>0</v>
      </c>
      <c r="R25" s="281">
        <v>0</v>
      </c>
      <c r="S25" s="281">
        <v>0</v>
      </c>
      <c r="T25" s="281">
        <v>0</v>
      </c>
      <c r="U25" s="281">
        <v>0</v>
      </c>
      <c r="V25" s="278">
        <v>0</v>
      </c>
      <c r="W25" s="283">
        <v>0</v>
      </c>
      <c r="X25" s="277">
        <v>0</v>
      </c>
      <c r="Y25" s="281">
        <v>0</v>
      </c>
      <c r="Z25" s="278">
        <v>0</v>
      </c>
      <c r="AA25" s="280">
        <v>0</v>
      </c>
      <c r="AB25" s="281">
        <v>48</v>
      </c>
      <c r="AC25" s="281">
        <v>44</v>
      </c>
      <c r="AD25" s="281">
        <v>13</v>
      </c>
      <c r="AE25" s="281">
        <v>9</v>
      </c>
      <c r="AF25" s="281">
        <v>2</v>
      </c>
      <c r="AG25" s="278">
        <v>116</v>
      </c>
      <c r="AH25" s="283">
        <v>116</v>
      </c>
      <c r="AI25" s="277">
        <v>0</v>
      </c>
      <c r="AJ25" s="281">
        <v>0</v>
      </c>
      <c r="AK25" s="278">
        <v>0</v>
      </c>
      <c r="AL25" s="280">
        <v>0</v>
      </c>
      <c r="AM25" s="281">
        <v>0</v>
      </c>
      <c r="AN25" s="281">
        <v>0</v>
      </c>
      <c r="AO25" s="281">
        <v>1</v>
      </c>
      <c r="AP25" s="281">
        <v>1</v>
      </c>
      <c r="AQ25" s="281">
        <v>0</v>
      </c>
      <c r="AR25" s="278">
        <v>2</v>
      </c>
      <c r="AS25" s="283">
        <v>2</v>
      </c>
      <c r="AT25" s="277">
        <v>0</v>
      </c>
      <c r="AU25" s="281">
        <v>0</v>
      </c>
      <c r="AV25" s="278">
        <v>0</v>
      </c>
      <c r="AW25" s="280">
        <v>0</v>
      </c>
      <c r="AX25" s="281">
        <v>7</v>
      </c>
      <c r="AY25" s="281">
        <v>2</v>
      </c>
      <c r="AZ25" s="281">
        <v>5</v>
      </c>
      <c r="BA25" s="281">
        <v>1</v>
      </c>
      <c r="BB25" s="281">
        <v>0</v>
      </c>
      <c r="BC25" s="278">
        <v>15</v>
      </c>
      <c r="BD25" s="283">
        <v>15</v>
      </c>
      <c r="BE25" s="277">
        <v>0</v>
      </c>
      <c r="BF25" s="281">
        <v>1</v>
      </c>
      <c r="BG25" s="278">
        <v>1</v>
      </c>
      <c r="BH25" s="280">
        <v>0</v>
      </c>
      <c r="BI25" s="281">
        <v>27</v>
      </c>
      <c r="BJ25" s="281">
        <v>19</v>
      </c>
      <c r="BK25" s="281">
        <v>18</v>
      </c>
      <c r="BL25" s="281">
        <v>14</v>
      </c>
      <c r="BM25" s="281">
        <v>8</v>
      </c>
      <c r="BN25" s="282">
        <v>86</v>
      </c>
      <c r="BO25" s="283">
        <v>87</v>
      </c>
      <c r="BP25" s="277">
        <v>0</v>
      </c>
      <c r="BQ25" s="281">
        <v>0</v>
      </c>
      <c r="BR25" s="278">
        <v>0</v>
      </c>
      <c r="BS25" s="280">
        <v>0</v>
      </c>
      <c r="BT25" s="281">
        <v>0</v>
      </c>
      <c r="BU25" s="281">
        <v>0</v>
      </c>
      <c r="BV25" s="281">
        <v>0</v>
      </c>
      <c r="BW25" s="281">
        <v>0</v>
      </c>
      <c r="BX25" s="281">
        <v>0</v>
      </c>
      <c r="BY25" s="278">
        <v>0</v>
      </c>
      <c r="BZ25" s="283">
        <v>0</v>
      </c>
      <c r="CA25" s="277">
        <v>0</v>
      </c>
      <c r="CB25" s="281">
        <v>0</v>
      </c>
      <c r="CC25" s="278">
        <v>0</v>
      </c>
      <c r="CD25" s="280">
        <v>0</v>
      </c>
      <c r="CE25" s="281">
        <v>0</v>
      </c>
      <c r="CF25" s="281">
        <v>0</v>
      </c>
      <c r="CG25" s="281">
        <v>0</v>
      </c>
      <c r="CH25" s="281">
        <v>0</v>
      </c>
      <c r="CI25" s="281">
        <v>0</v>
      </c>
      <c r="CJ25" s="278">
        <v>0</v>
      </c>
      <c r="CK25" s="283">
        <v>0</v>
      </c>
      <c r="CL25" s="277">
        <v>0</v>
      </c>
      <c r="CM25" s="281">
        <v>0</v>
      </c>
      <c r="CN25" s="278">
        <v>0</v>
      </c>
      <c r="CO25" s="280">
        <v>0</v>
      </c>
      <c r="CP25" s="281">
        <v>0</v>
      </c>
      <c r="CQ25" s="281">
        <v>0</v>
      </c>
      <c r="CR25" s="281">
        <v>1</v>
      </c>
      <c r="CS25" s="281">
        <v>1</v>
      </c>
      <c r="CT25" s="281">
        <v>0</v>
      </c>
      <c r="CU25" s="278">
        <v>2</v>
      </c>
      <c r="CV25" s="283">
        <v>2</v>
      </c>
    </row>
    <row r="26" spans="1:100" ht="21" customHeight="1" x14ac:dyDescent="0.2">
      <c r="A26" s="262" t="s">
        <v>24</v>
      </c>
      <c r="B26" s="277">
        <v>0</v>
      </c>
      <c r="C26" s="278">
        <v>0</v>
      </c>
      <c r="D26" s="279">
        <v>0</v>
      </c>
      <c r="E26" s="280">
        <v>0</v>
      </c>
      <c r="F26" s="281">
        <v>3</v>
      </c>
      <c r="G26" s="281">
        <v>2</v>
      </c>
      <c r="H26" s="281">
        <v>1</v>
      </c>
      <c r="I26" s="281">
        <v>2</v>
      </c>
      <c r="J26" s="281">
        <v>1</v>
      </c>
      <c r="K26" s="282">
        <v>9</v>
      </c>
      <c r="L26" s="283">
        <v>9</v>
      </c>
      <c r="M26" s="277">
        <v>0</v>
      </c>
      <c r="N26" s="281">
        <v>0</v>
      </c>
      <c r="O26" s="278">
        <v>0</v>
      </c>
      <c r="P26" s="280">
        <v>0</v>
      </c>
      <c r="Q26" s="281">
        <v>0</v>
      </c>
      <c r="R26" s="281">
        <v>0</v>
      </c>
      <c r="S26" s="281">
        <v>0</v>
      </c>
      <c r="T26" s="281">
        <v>0</v>
      </c>
      <c r="U26" s="281">
        <v>0</v>
      </c>
      <c r="V26" s="278">
        <v>0</v>
      </c>
      <c r="W26" s="283">
        <v>0</v>
      </c>
      <c r="X26" s="277">
        <v>0</v>
      </c>
      <c r="Y26" s="281">
        <v>0</v>
      </c>
      <c r="Z26" s="278">
        <v>0</v>
      </c>
      <c r="AA26" s="280">
        <v>0</v>
      </c>
      <c r="AB26" s="281">
        <v>34</v>
      </c>
      <c r="AC26" s="281">
        <v>14</v>
      </c>
      <c r="AD26" s="281">
        <v>13</v>
      </c>
      <c r="AE26" s="281">
        <v>6</v>
      </c>
      <c r="AF26" s="281">
        <v>2</v>
      </c>
      <c r="AG26" s="278">
        <v>69</v>
      </c>
      <c r="AH26" s="283">
        <v>69</v>
      </c>
      <c r="AI26" s="277">
        <v>0</v>
      </c>
      <c r="AJ26" s="281">
        <v>0</v>
      </c>
      <c r="AK26" s="278">
        <v>0</v>
      </c>
      <c r="AL26" s="280">
        <v>0</v>
      </c>
      <c r="AM26" s="281">
        <v>10</v>
      </c>
      <c r="AN26" s="281">
        <v>8</v>
      </c>
      <c r="AO26" s="281">
        <v>5</v>
      </c>
      <c r="AP26" s="281">
        <v>2</v>
      </c>
      <c r="AQ26" s="281">
        <v>1</v>
      </c>
      <c r="AR26" s="278">
        <v>26</v>
      </c>
      <c r="AS26" s="283">
        <v>26</v>
      </c>
      <c r="AT26" s="277">
        <v>6</v>
      </c>
      <c r="AU26" s="281">
        <v>5</v>
      </c>
      <c r="AV26" s="278">
        <v>11</v>
      </c>
      <c r="AW26" s="280">
        <v>0</v>
      </c>
      <c r="AX26" s="281">
        <v>15</v>
      </c>
      <c r="AY26" s="281">
        <v>8</v>
      </c>
      <c r="AZ26" s="281">
        <v>3</v>
      </c>
      <c r="BA26" s="281">
        <v>3</v>
      </c>
      <c r="BB26" s="281">
        <v>3</v>
      </c>
      <c r="BC26" s="278">
        <v>32</v>
      </c>
      <c r="BD26" s="283">
        <v>43</v>
      </c>
      <c r="BE26" s="277">
        <v>0</v>
      </c>
      <c r="BF26" s="281">
        <v>0</v>
      </c>
      <c r="BG26" s="278">
        <v>0</v>
      </c>
      <c r="BH26" s="280">
        <v>0</v>
      </c>
      <c r="BI26" s="281">
        <v>1</v>
      </c>
      <c r="BJ26" s="281">
        <v>5</v>
      </c>
      <c r="BK26" s="281">
        <v>13</v>
      </c>
      <c r="BL26" s="281">
        <v>6</v>
      </c>
      <c r="BM26" s="281">
        <v>3</v>
      </c>
      <c r="BN26" s="282">
        <v>28</v>
      </c>
      <c r="BO26" s="283">
        <v>28</v>
      </c>
      <c r="BP26" s="277">
        <v>0</v>
      </c>
      <c r="BQ26" s="281">
        <v>0</v>
      </c>
      <c r="BR26" s="278">
        <v>0</v>
      </c>
      <c r="BS26" s="280">
        <v>0</v>
      </c>
      <c r="BT26" s="281">
        <v>0</v>
      </c>
      <c r="BU26" s="281">
        <v>0</v>
      </c>
      <c r="BV26" s="281">
        <v>0</v>
      </c>
      <c r="BW26" s="281">
        <v>0</v>
      </c>
      <c r="BX26" s="281">
        <v>0</v>
      </c>
      <c r="BY26" s="278">
        <v>0</v>
      </c>
      <c r="BZ26" s="283">
        <v>0</v>
      </c>
      <c r="CA26" s="277">
        <v>0</v>
      </c>
      <c r="CB26" s="281">
        <v>0</v>
      </c>
      <c r="CC26" s="278">
        <v>0</v>
      </c>
      <c r="CD26" s="280">
        <v>0</v>
      </c>
      <c r="CE26" s="281">
        <v>0</v>
      </c>
      <c r="CF26" s="281">
        <v>0</v>
      </c>
      <c r="CG26" s="281">
        <v>0</v>
      </c>
      <c r="CH26" s="281">
        <v>0</v>
      </c>
      <c r="CI26" s="281">
        <v>0</v>
      </c>
      <c r="CJ26" s="278">
        <v>0</v>
      </c>
      <c r="CK26" s="283">
        <v>0</v>
      </c>
      <c r="CL26" s="277">
        <v>0</v>
      </c>
      <c r="CM26" s="281">
        <v>0</v>
      </c>
      <c r="CN26" s="278">
        <v>0</v>
      </c>
      <c r="CO26" s="280">
        <v>0</v>
      </c>
      <c r="CP26" s="281">
        <v>0</v>
      </c>
      <c r="CQ26" s="281">
        <v>0</v>
      </c>
      <c r="CR26" s="281">
        <v>0</v>
      </c>
      <c r="CS26" s="281">
        <v>0</v>
      </c>
      <c r="CT26" s="281">
        <v>0</v>
      </c>
      <c r="CU26" s="278">
        <v>0</v>
      </c>
      <c r="CV26" s="283">
        <v>0</v>
      </c>
    </row>
    <row r="27" spans="1:100" ht="21" customHeight="1" x14ac:dyDescent="0.2">
      <c r="A27" s="262" t="s">
        <v>25</v>
      </c>
      <c r="B27" s="277">
        <v>0</v>
      </c>
      <c r="C27" s="278">
        <v>0</v>
      </c>
      <c r="D27" s="279">
        <v>0</v>
      </c>
      <c r="E27" s="280">
        <v>0</v>
      </c>
      <c r="F27" s="281">
        <v>0</v>
      </c>
      <c r="G27" s="281">
        <v>0</v>
      </c>
      <c r="H27" s="281">
        <v>0</v>
      </c>
      <c r="I27" s="281">
        <v>0</v>
      </c>
      <c r="J27" s="281">
        <v>0</v>
      </c>
      <c r="K27" s="282">
        <v>0</v>
      </c>
      <c r="L27" s="283">
        <v>0</v>
      </c>
      <c r="M27" s="277">
        <v>0</v>
      </c>
      <c r="N27" s="281">
        <v>0</v>
      </c>
      <c r="O27" s="278">
        <v>0</v>
      </c>
      <c r="P27" s="280">
        <v>0</v>
      </c>
      <c r="Q27" s="281">
        <v>0</v>
      </c>
      <c r="R27" s="281">
        <v>0</v>
      </c>
      <c r="S27" s="281">
        <v>0</v>
      </c>
      <c r="T27" s="281">
        <v>0</v>
      </c>
      <c r="U27" s="281">
        <v>0</v>
      </c>
      <c r="V27" s="278">
        <v>0</v>
      </c>
      <c r="W27" s="283">
        <v>0</v>
      </c>
      <c r="X27" s="277">
        <v>0</v>
      </c>
      <c r="Y27" s="281">
        <v>0</v>
      </c>
      <c r="Z27" s="278">
        <v>0</v>
      </c>
      <c r="AA27" s="280">
        <v>0</v>
      </c>
      <c r="AB27" s="281">
        <v>78</v>
      </c>
      <c r="AC27" s="281">
        <v>29</v>
      </c>
      <c r="AD27" s="281">
        <v>13</v>
      </c>
      <c r="AE27" s="281">
        <v>8</v>
      </c>
      <c r="AF27" s="281">
        <v>2</v>
      </c>
      <c r="AG27" s="278">
        <v>130</v>
      </c>
      <c r="AH27" s="283">
        <v>130</v>
      </c>
      <c r="AI27" s="277">
        <v>0</v>
      </c>
      <c r="AJ27" s="281">
        <v>0</v>
      </c>
      <c r="AK27" s="278">
        <v>0</v>
      </c>
      <c r="AL27" s="280">
        <v>0</v>
      </c>
      <c r="AM27" s="281">
        <v>7</v>
      </c>
      <c r="AN27" s="281">
        <v>2</v>
      </c>
      <c r="AO27" s="281">
        <v>2</v>
      </c>
      <c r="AP27" s="281">
        <v>0</v>
      </c>
      <c r="AQ27" s="281">
        <v>1</v>
      </c>
      <c r="AR27" s="278">
        <v>12</v>
      </c>
      <c r="AS27" s="283">
        <v>12</v>
      </c>
      <c r="AT27" s="277">
        <v>0</v>
      </c>
      <c r="AU27" s="281">
        <v>0</v>
      </c>
      <c r="AV27" s="278">
        <v>0</v>
      </c>
      <c r="AW27" s="280">
        <v>0</v>
      </c>
      <c r="AX27" s="281">
        <v>4</v>
      </c>
      <c r="AY27" s="281">
        <v>2</v>
      </c>
      <c r="AZ27" s="281">
        <v>4</v>
      </c>
      <c r="BA27" s="281">
        <v>0</v>
      </c>
      <c r="BB27" s="281">
        <v>1</v>
      </c>
      <c r="BC27" s="278">
        <v>11</v>
      </c>
      <c r="BD27" s="283">
        <v>11</v>
      </c>
      <c r="BE27" s="277">
        <v>0</v>
      </c>
      <c r="BF27" s="281">
        <v>0</v>
      </c>
      <c r="BG27" s="278">
        <v>0</v>
      </c>
      <c r="BH27" s="280">
        <v>0</v>
      </c>
      <c r="BI27" s="281">
        <v>12</v>
      </c>
      <c r="BJ27" s="281">
        <v>6</v>
      </c>
      <c r="BK27" s="281">
        <v>7</v>
      </c>
      <c r="BL27" s="281">
        <v>6</v>
      </c>
      <c r="BM27" s="281">
        <v>0</v>
      </c>
      <c r="BN27" s="282">
        <v>31</v>
      </c>
      <c r="BO27" s="283">
        <v>31</v>
      </c>
      <c r="BP27" s="277">
        <v>0</v>
      </c>
      <c r="BQ27" s="281">
        <v>0</v>
      </c>
      <c r="BR27" s="278">
        <v>0</v>
      </c>
      <c r="BS27" s="280">
        <v>0</v>
      </c>
      <c r="BT27" s="281">
        <v>0</v>
      </c>
      <c r="BU27" s="281">
        <v>0</v>
      </c>
      <c r="BV27" s="281">
        <v>0</v>
      </c>
      <c r="BW27" s="281">
        <v>0</v>
      </c>
      <c r="BX27" s="281">
        <v>0</v>
      </c>
      <c r="BY27" s="278">
        <v>0</v>
      </c>
      <c r="BZ27" s="283">
        <v>0</v>
      </c>
      <c r="CA27" s="277">
        <v>0</v>
      </c>
      <c r="CB27" s="281">
        <v>0</v>
      </c>
      <c r="CC27" s="278">
        <v>0</v>
      </c>
      <c r="CD27" s="280">
        <v>0</v>
      </c>
      <c r="CE27" s="281">
        <v>0</v>
      </c>
      <c r="CF27" s="281">
        <v>0</v>
      </c>
      <c r="CG27" s="281">
        <v>0</v>
      </c>
      <c r="CH27" s="281">
        <v>0</v>
      </c>
      <c r="CI27" s="281">
        <v>0</v>
      </c>
      <c r="CJ27" s="278">
        <v>0</v>
      </c>
      <c r="CK27" s="283">
        <v>0</v>
      </c>
      <c r="CL27" s="277">
        <v>0</v>
      </c>
      <c r="CM27" s="281">
        <v>0</v>
      </c>
      <c r="CN27" s="278">
        <v>0</v>
      </c>
      <c r="CO27" s="280">
        <v>0</v>
      </c>
      <c r="CP27" s="281">
        <v>0</v>
      </c>
      <c r="CQ27" s="281">
        <v>0</v>
      </c>
      <c r="CR27" s="281">
        <v>0</v>
      </c>
      <c r="CS27" s="281">
        <v>0</v>
      </c>
      <c r="CT27" s="281">
        <v>0</v>
      </c>
      <c r="CU27" s="278">
        <v>0</v>
      </c>
      <c r="CV27" s="283">
        <v>0</v>
      </c>
    </row>
    <row r="28" spans="1:100" ht="21" customHeight="1" x14ac:dyDescent="0.2">
      <c r="A28" s="262" t="s">
        <v>26</v>
      </c>
      <c r="B28" s="277">
        <v>0</v>
      </c>
      <c r="C28" s="278">
        <v>0</v>
      </c>
      <c r="D28" s="279">
        <v>0</v>
      </c>
      <c r="E28" s="280">
        <v>0</v>
      </c>
      <c r="F28" s="281">
        <v>0</v>
      </c>
      <c r="G28" s="281">
        <v>0</v>
      </c>
      <c r="H28" s="281">
        <v>0</v>
      </c>
      <c r="I28" s="281">
        <v>0</v>
      </c>
      <c r="J28" s="281">
        <v>0</v>
      </c>
      <c r="K28" s="282">
        <v>0</v>
      </c>
      <c r="L28" s="283">
        <v>0</v>
      </c>
      <c r="M28" s="277">
        <v>0</v>
      </c>
      <c r="N28" s="281">
        <v>0</v>
      </c>
      <c r="O28" s="278">
        <v>0</v>
      </c>
      <c r="P28" s="280">
        <v>0</v>
      </c>
      <c r="Q28" s="281">
        <v>0</v>
      </c>
      <c r="R28" s="281">
        <v>0</v>
      </c>
      <c r="S28" s="281">
        <v>0</v>
      </c>
      <c r="T28" s="281">
        <v>0</v>
      </c>
      <c r="U28" s="281">
        <v>0</v>
      </c>
      <c r="V28" s="278">
        <v>0</v>
      </c>
      <c r="W28" s="283">
        <v>0</v>
      </c>
      <c r="X28" s="277">
        <v>0</v>
      </c>
      <c r="Y28" s="281">
        <v>0</v>
      </c>
      <c r="Z28" s="278">
        <v>0</v>
      </c>
      <c r="AA28" s="280">
        <v>0</v>
      </c>
      <c r="AB28" s="281">
        <v>45</v>
      </c>
      <c r="AC28" s="281">
        <v>40</v>
      </c>
      <c r="AD28" s="281">
        <v>19</v>
      </c>
      <c r="AE28" s="281">
        <v>11</v>
      </c>
      <c r="AF28" s="281">
        <v>12</v>
      </c>
      <c r="AG28" s="278">
        <v>127</v>
      </c>
      <c r="AH28" s="283">
        <v>127</v>
      </c>
      <c r="AI28" s="277">
        <v>0</v>
      </c>
      <c r="AJ28" s="281">
        <v>0</v>
      </c>
      <c r="AK28" s="278">
        <v>0</v>
      </c>
      <c r="AL28" s="280">
        <v>0</v>
      </c>
      <c r="AM28" s="281">
        <v>1</v>
      </c>
      <c r="AN28" s="281">
        <v>2</v>
      </c>
      <c r="AO28" s="281">
        <v>4</v>
      </c>
      <c r="AP28" s="281">
        <v>1</v>
      </c>
      <c r="AQ28" s="281">
        <v>3</v>
      </c>
      <c r="AR28" s="278">
        <v>11</v>
      </c>
      <c r="AS28" s="283">
        <v>11</v>
      </c>
      <c r="AT28" s="277">
        <v>1</v>
      </c>
      <c r="AU28" s="281">
        <v>0</v>
      </c>
      <c r="AV28" s="278">
        <v>1</v>
      </c>
      <c r="AW28" s="280">
        <v>0</v>
      </c>
      <c r="AX28" s="281">
        <v>7</v>
      </c>
      <c r="AY28" s="281">
        <v>6</v>
      </c>
      <c r="AZ28" s="281">
        <v>5</v>
      </c>
      <c r="BA28" s="281">
        <v>1</v>
      </c>
      <c r="BB28" s="281">
        <v>3</v>
      </c>
      <c r="BC28" s="278">
        <v>22</v>
      </c>
      <c r="BD28" s="283">
        <v>23</v>
      </c>
      <c r="BE28" s="277">
        <v>0</v>
      </c>
      <c r="BF28" s="281">
        <v>0</v>
      </c>
      <c r="BG28" s="278">
        <v>0</v>
      </c>
      <c r="BH28" s="280">
        <v>0</v>
      </c>
      <c r="BI28" s="281">
        <v>11</v>
      </c>
      <c r="BJ28" s="281">
        <v>10</v>
      </c>
      <c r="BK28" s="281">
        <v>19</v>
      </c>
      <c r="BL28" s="281">
        <v>9</v>
      </c>
      <c r="BM28" s="281">
        <v>4</v>
      </c>
      <c r="BN28" s="282">
        <v>53</v>
      </c>
      <c r="BO28" s="283">
        <v>53</v>
      </c>
      <c r="BP28" s="277">
        <v>0</v>
      </c>
      <c r="BQ28" s="281">
        <v>0</v>
      </c>
      <c r="BR28" s="278">
        <v>0</v>
      </c>
      <c r="BS28" s="280">
        <v>0</v>
      </c>
      <c r="BT28" s="281">
        <v>0</v>
      </c>
      <c r="BU28" s="281">
        <v>0</v>
      </c>
      <c r="BV28" s="281">
        <v>0</v>
      </c>
      <c r="BW28" s="281">
        <v>0</v>
      </c>
      <c r="BX28" s="281">
        <v>0</v>
      </c>
      <c r="BY28" s="278">
        <v>0</v>
      </c>
      <c r="BZ28" s="283">
        <v>0</v>
      </c>
      <c r="CA28" s="277">
        <v>0</v>
      </c>
      <c r="CB28" s="281">
        <v>0</v>
      </c>
      <c r="CC28" s="278">
        <v>0</v>
      </c>
      <c r="CD28" s="280">
        <v>0</v>
      </c>
      <c r="CE28" s="281">
        <v>0</v>
      </c>
      <c r="CF28" s="281">
        <v>1</v>
      </c>
      <c r="CG28" s="281">
        <v>0</v>
      </c>
      <c r="CH28" s="281">
        <v>0</v>
      </c>
      <c r="CI28" s="281">
        <v>0</v>
      </c>
      <c r="CJ28" s="278">
        <v>1</v>
      </c>
      <c r="CK28" s="283">
        <v>1</v>
      </c>
      <c r="CL28" s="277">
        <v>0</v>
      </c>
      <c r="CM28" s="281">
        <v>0</v>
      </c>
      <c r="CN28" s="278">
        <v>0</v>
      </c>
      <c r="CO28" s="280">
        <v>0</v>
      </c>
      <c r="CP28" s="281">
        <v>0</v>
      </c>
      <c r="CQ28" s="281">
        <v>0</v>
      </c>
      <c r="CR28" s="281">
        <v>0</v>
      </c>
      <c r="CS28" s="281">
        <v>0</v>
      </c>
      <c r="CT28" s="281">
        <v>0</v>
      </c>
      <c r="CU28" s="278">
        <v>0</v>
      </c>
      <c r="CV28" s="283">
        <v>0</v>
      </c>
    </row>
    <row r="29" spans="1:100" ht="21" customHeight="1" x14ac:dyDescent="0.2">
      <c r="A29" s="262" t="s">
        <v>27</v>
      </c>
      <c r="B29" s="277">
        <v>0</v>
      </c>
      <c r="C29" s="278">
        <v>0</v>
      </c>
      <c r="D29" s="279">
        <v>0</v>
      </c>
      <c r="E29" s="280">
        <v>0</v>
      </c>
      <c r="F29" s="281">
        <v>0</v>
      </c>
      <c r="G29" s="281">
        <v>2</v>
      </c>
      <c r="H29" s="281">
        <v>0</v>
      </c>
      <c r="I29" s="281">
        <v>0</v>
      </c>
      <c r="J29" s="281">
        <v>0</v>
      </c>
      <c r="K29" s="282">
        <v>2</v>
      </c>
      <c r="L29" s="283">
        <v>2</v>
      </c>
      <c r="M29" s="277">
        <v>0</v>
      </c>
      <c r="N29" s="281">
        <v>0</v>
      </c>
      <c r="O29" s="278">
        <v>0</v>
      </c>
      <c r="P29" s="280">
        <v>0</v>
      </c>
      <c r="Q29" s="281">
        <v>0</v>
      </c>
      <c r="R29" s="281">
        <v>0</v>
      </c>
      <c r="S29" s="281">
        <v>0</v>
      </c>
      <c r="T29" s="281">
        <v>0</v>
      </c>
      <c r="U29" s="281">
        <v>0</v>
      </c>
      <c r="V29" s="278">
        <v>0</v>
      </c>
      <c r="W29" s="283">
        <v>0</v>
      </c>
      <c r="X29" s="277">
        <v>0</v>
      </c>
      <c r="Y29" s="281">
        <v>0</v>
      </c>
      <c r="Z29" s="278">
        <v>0</v>
      </c>
      <c r="AA29" s="280">
        <v>0</v>
      </c>
      <c r="AB29" s="281">
        <v>31</v>
      </c>
      <c r="AC29" s="281">
        <v>15</v>
      </c>
      <c r="AD29" s="281">
        <v>9</v>
      </c>
      <c r="AE29" s="281">
        <v>2</v>
      </c>
      <c r="AF29" s="281">
        <v>1</v>
      </c>
      <c r="AG29" s="278">
        <v>58</v>
      </c>
      <c r="AH29" s="283">
        <v>58</v>
      </c>
      <c r="AI29" s="277">
        <v>0</v>
      </c>
      <c r="AJ29" s="281">
        <v>0</v>
      </c>
      <c r="AK29" s="278">
        <v>0</v>
      </c>
      <c r="AL29" s="280">
        <v>0</v>
      </c>
      <c r="AM29" s="281">
        <v>2</v>
      </c>
      <c r="AN29" s="281">
        <v>1</v>
      </c>
      <c r="AO29" s="281">
        <v>2</v>
      </c>
      <c r="AP29" s="281">
        <v>1</v>
      </c>
      <c r="AQ29" s="281">
        <v>1</v>
      </c>
      <c r="AR29" s="278">
        <v>7</v>
      </c>
      <c r="AS29" s="283">
        <v>7</v>
      </c>
      <c r="AT29" s="277">
        <v>0</v>
      </c>
      <c r="AU29" s="281">
        <v>0</v>
      </c>
      <c r="AV29" s="278">
        <v>0</v>
      </c>
      <c r="AW29" s="280">
        <v>0</v>
      </c>
      <c r="AX29" s="281">
        <v>0</v>
      </c>
      <c r="AY29" s="281">
        <v>1</v>
      </c>
      <c r="AZ29" s="281">
        <v>0</v>
      </c>
      <c r="BA29" s="281">
        <v>0</v>
      </c>
      <c r="BB29" s="281">
        <v>0</v>
      </c>
      <c r="BC29" s="278">
        <v>1</v>
      </c>
      <c r="BD29" s="283">
        <v>1</v>
      </c>
      <c r="BE29" s="277">
        <v>0</v>
      </c>
      <c r="BF29" s="281">
        <v>0</v>
      </c>
      <c r="BG29" s="278">
        <v>0</v>
      </c>
      <c r="BH29" s="280">
        <v>0</v>
      </c>
      <c r="BI29" s="281">
        <v>19</v>
      </c>
      <c r="BJ29" s="281">
        <v>5</v>
      </c>
      <c r="BK29" s="281">
        <v>6</v>
      </c>
      <c r="BL29" s="281">
        <v>1</v>
      </c>
      <c r="BM29" s="281">
        <v>3</v>
      </c>
      <c r="BN29" s="282">
        <v>34</v>
      </c>
      <c r="BO29" s="283">
        <v>34</v>
      </c>
      <c r="BP29" s="277">
        <v>0</v>
      </c>
      <c r="BQ29" s="281">
        <v>0</v>
      </c>
      <c r="BR29" s="278">
        <v>0</v>
      </c>
      <c r="BS29" s="280">
        <v>0</v>
      </c>
      <c r="BT29" s="281">
        <v>0</v>
      </c>
      <c r="BU29" s="281">
        <v>0</v>
      </c>
      <c r="BV29" s="281">
        <v>0</v>
      </c>
      <c r="BW29" s="281">
        <v>0</v>
      </c>
      <c r="BX29" s="281">
        <v>0</v>
      </c>
      <c r="BY29" s="278">
        <v>0</v>
      </c>
      <c r="BZ29" s="283">
        <v>0</v>
      </c>
      <c r="CA29" s="277">
        <v>0</v>
      </c>
      <c r="CB29" s="281">
        <v>0</v>
      </c>
      <c r="CC29" s="278">
        <v>0</v>
      </c>
      <c r="CD29" s="280">
        <v>0</v>
      </c>
      <c r="CE29" s="281">
        <v>0</v>
      </c>
      <c r="CF29" s="281">
        <v>0</v>
      </c>
      <c r="CG29" s="281">
        <v>10</v>
      </c>
      <c r="CH29" s="281">
        <v>9</v>
      </c>
      <c r="CI29" s="281">
        <v>2</v>
      </c>
      <c r="CJ29" s="278">
        <v>21</v>
      </c>
      <c r="CK29" s="283">
        <v>21</v>
      </c>
      <c r="CL29" s="277">
        <v>0</v>
      </c>
      <c r="CM29" s="281">
        <v>0</v>
      </c>
      <c r="CN29" s="278">
        <v>0</v>
      </c>
      <c r="CO29" s="280">
        <v>0</v>
      </c>
      <c r="CP29" s="281">
        <v>0</v>
      </c>
      <c r="CQ29" s="281">
        <v>0</v>
      </c>
      <c r="CR29" s="281">
        <v>1</v>
      </c>
      <c r="CS29" s="281">
        <v>0</v>
      </c>
      <c r="CT29" s="281">
        <v>0</v>
      </c>
      <c r="CU29" s="278">
        <v>1</v>
      </c>
      <c r="CV29" s="283">
        <v>1</v>
      </c>
    </row>
    <row r="30" spans="1:100" ht="21" customHeight="1" x14ac:dyDescent="0.2">
      <c r="A30" s="262" t="s">
        <v>28</v>
      </c>
      <c r="B30" s="277">
        <v>0</v>
      </c>
      <c r="C30" s="278">
        <v>0</v>
      </c>
      <c r="D30" s="279">
        <v>0</v>
      </c>
      <c r="E30" s="280">
        <v>0</v>
      </c>
      <c r="F30" s="281">
        <v>0</v>
      </c>
      <c r="G30" s="281">
        <v>0</v>
      </c>
      <c r="H30" s="281">
        <v>0</v>
      </c>
      <c r="I30" s="281">
        <v>0</v>
      </c>
      <c r="J30" s="281">
        <v>0</v>
      </c>
      <c r="K30" s="282">
        <v>0</v>
      </c>
      <c r="L30" s="283">
        <v>0</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23</v>
      </c>
      <c r="AC30" s="281">
        <v>14</v>
      </c>
      <c r="AD30" s="281">
        <v>1</v>
      </c>
      <c r="AE30" s="281">
        <v>4</v>
      </c>
      <c r="AF30" s="281">
        <v>1</v>
      </c>
      <c r="AG30" s="278">
        <v>43</v>
      </c>
      <c r="AH30" s="283">
        <v>43</v>
      </c>
      <c r="AI30" s="277">
        <v>0</v>
      </c>
      <c r="AJ30" s="281">
        <v>0</v>
      </c>
      <c r="AK30" s="278">
        <v>0</v>
      </c>
      <c r="AL30" s="280">
        <v>0</v>
      </c>
      <c r="AM30" s="281">
        <v>2</v>
      </c>
      <c r="AN30" s="281">
        <v>1</v>
      </c>
      <c r="AO30" s="281">
        <v>2</v>
      </c>
      <c r="AP30" s="281">
        <v>0</v>
      </c>
      <c r="AQ30" s="281">
        <v>1</v>
      </c>
      <c r="AR30" s="278">
        <v>6</v>
      </c>
      <c r="AS30" s="283">
        <v>6</v>
      </c>
      <c r="AT30" s="277">
        <v>0</v>
      </c>
      <c r="AU30" s="281">
        <v>0</v>
      </c>
      <c r="AV30" s="278">
        <v>0</v>
      </c>
      <c r="AW30" s="280">
        <v>0</v>
      </c>
      <c r="AX30" s="281">
        <v>0</v>
      </c>
      <c r="AY30" s="281">
        <v>0</v>
      </c>
      <c r="AZ30" s="281">
        <v>0</v>
      </c>
      <c r="BA30" s="281">
        <v>0</v>
      </c>
      <c r="BB30" s="281">
        <v>0</v>
      </c>
      <c r="BC30" s="278">
        <v>0</v>
      </c>
      <c r="BD30" s="283">
        <v>0</v>
      </c>
      <c r="BE30" s="277">
        <v>0</v>
      </c>
      <c r="BF30" s="281">
        <v>0</v>
      </c>
      <c r="BG30" s="278">
        <v>0</v>
      </c>
      <c r="BH30" s="280">
        <v>0</v>
      </c>
      <c r="BI30" s="281">
        <v>0</v>
      </c>
      <c r="BJ30" s="281">
        <v>4</v>
      </c>
      <c r="BK30" s="281">
        <v>6</v>
      </c>
      <c r="BL30" s="281">
        <v>1</v>
      </c>
      <c r="BM30" s="281">
        <v>4</v>
      </c>
      <c r="BN30" s="282">
        <v>15</v>
      </c>
      <c r="BO30" s="283">
        <v>15</v>
      </c>
      <c r="BP30" s="277">
        <v>0</v>
      </c>
      <c r="BQ30" s="281">
        <v>0</v>
      </c>
      <c r="BR30" s="278">
        <v>0</v>
      </c>
      <c r="BS30" s="280">
        <v>0</v>
      </c>
      <c r="BT30" s="281">
        <v>0</v>
      </c>
      <c r="BU30" s="281">
        <v>0</v>
      </c>
      <c r="BV30" s="281">
        <v>0</v>
      </c>
      <c r="BW30" s="281">
        <v>0</v>
      </c>
      <c r="BX30" s="281">
        <v>0</v>
      </c>
      <c r="BY30" s="278">
        <v>0</v>
      </c>
      <c r="BZ30" s="283">
        <v>0</v>
      </c>
      <c r="CA30" s="277">
        <v>0</v>
      </c>
      <c r="CB30" s="281">
        <v>0</v>
      </c>
      <c r="CC30" s="278">
        <v>0</v>
      </c>
      <c r="CD30" s="280">
        <v>0</v>
      </c>
      <c r="CE30" s="281">
        <v>0</v>
      </c>
      <c r="CF30" s="281">
        <v>0</v>
      </c>
      <c r="CG30" s="281">
        <v>1</v>
      </c>
      <c r="CH30" s="281">
        <v>0</v>
      </c>
      <c r="CI30" s="281">
        <v>0</v>
      </c>
      <c r="CJ30" s="278">
        <v>1</v>
      </c>
      <c r="CK30" s="283">
        <v>1</v>
      </c>
      <c r="CL30" s="277">
        <v>0</v>
      </c>
      <c r="CM30" s="281">
        <v>0</v>
      </c>
      <c r="CN30" s="278">
        <v>0</v>
      </c>
      <c r="CO30" s="280">
        <v>0</v>
      </c>
      <c r="CP30" s="281">
        <v>0</v>
      </c>
      <c r="CQ30" s="281">
        <v>0</v>
      </c>
      <c r="CR30" s="281">
        <v>0</v>
      </c>
      <c r="CS30" s="281">
        <v>0</v>
      </c>
      <c r="CT30" s="281">
        <v>0</v>
      </c>
      <c r="CU30" s="278">
        <v>0</v>
      </c>
      <c r="CV30" s="283">
        <v>0</v>
      </c>
    </row>
    <row r="31" spans="1:100" ht="21" customHeight="1" x14ac:dyDescent="0.2">
      <c r="A31" s="262" t="s">
        <v>29</v>
      </c>
      <c r="B31" s="277">
        <v>0</v>
      </c>
      <c r="C31" s="278">
        <v>0</v>
      </c>
      <c r="D31" s="279">
        <v>0</v>
      </c>
      <c r="E31" s="280">
        <v>0</v>
      </c>
      <c r="F31" s="281">
        <v>0</v>
      </c>
      <c r="G31" s="281">
        <v>0</v>
      </c>
      <c r="H31" s="281">
        <v>0</v>
      </c>
      <c r="I31" s="281">
        <v>0</v>
      </c>
      <c r="J31" s="281">
        <v>0</v>
      </c>
      <c r="K31" s="282">
        <v>0</v>
      </c>
      <c r="L31" s="283">
        <v>0</v>
      </c>
      <c r="M31" s="277">
        <v>0</v>
      </c>
      <c r="N31" s="281">
        <v>0</v>
      </c>
      <c r="O31" s="278">
        <v>0</v>
      </c>
      <c r="P31" s="280">
        <v>0</v>
      </c>
      <c r="Q31" s="281">
        <v>0</v>
      </c>
      <c r="R31" s="281">
        <v>0</v>
      </c>
      <c r="S31" s="281">
        <v>0</v>
      </c>
      <c r="T31" s="281">
        <v>0</v>
      </c>
      <c r="U31" s="281">
        <v>0</v>
      </c>
      <c r="V31" s="278">
        <v>0</v>
      </c>
      <c r="W31" s="283">
        <v>0</v>
      </c>
      <c r="X31" s="277">
        <v>0</v>
      </c>
      <c r="Y31" s="281">
        <v>0</v>
      </c>
      <c r="Z31" s="278">
        <v>0</v>
      </c>
      <c r="AA31" s="280">
        <v>0</v>
      </c>
      <c r="AB31" s="281">
        <v>16</v>
      </c>
      <c r="AC31" s="281">
        <v>19</v>
      </c>
      <c r="AD31" s="281">
        <v>4</v>
      </c>
      <c r="AE31" s="281">
        <v>1</v>
      </c>
      <c r="AF31" s="281">
        <v>0</v>
      </c>
      <c r="AG31" s="278">
        <v>40</v>
      </c>
      <c r="AH31" s="283">
        <v>40</v>
      </c>
      <c r="AI31" s="277">
        <v>0</v>
      </c>
      <c r="AJ31" s="281">
        <v>0</v>
      </c>
      <c r="AK31" s="278">
        <v>0</v>
      </c>
      <c r="AL31" s="280">
        <v>0</v>
      </c>
      <c r="AM31" s="281">
        <v>0</v>
      </c>
      <c r="AN31" s="281">
        <v>1</v>
      </c>
      <c r="AO31" s="281">
        <v>3</v>
      </c>
      <c r="AP31" s="281">
        <v>1</v>
      </c>
      <c r="AQ31" s="281">
        <v>0</v>
      </c>
      <c r="AR31" s="278">
        <v>5</v>
      </c>
      <c r="AS31" s="283">
        <v>5</v>
      </c>
      <c r="AT31" s="277">
        <v>1</v>
      </c>
      <c r="AU31" s="281">
        <v>2</v>
      </c>
      <c r="AV31" s="278">
        <v>3</v>
      </c>
      <c r="AW31" s="280">
        <v>0</v>
      </c>
      <c r="AX31" s="281">
        <v>3</v>
      </c>
      <c r="AY31" s="281">
        <v>2</v>
      </c>
      <c r="AZ31" s="281">
        <v>3</v>
      </c>
      <c r="BA31" s="281">
        <v>5</v>
      </c>
      <c r="BB31" s="281">
        <v>1</v>
      </c>
      <c r="BC31" s="278">
        <v>14</v>
      </c>
      <c r="BD31" s="283">
        <v>17</v>
      </c>
      <c r="BE31" s="277">
        <v>0</v>
      </c>
      <c r="BF31" s="281">
        <v>0</v>
      </c>
      <c r="BG31" s="278">
        <v>0</v>
      </c>
      <c r="BH31" s="280">
        <v>0</v>
      </c>
      <c r="BI31" s="281">
        <v>3</v>
      </c>
      <c r="BJ31" s="281">
        <v>3</v>
      </c>
      <c r="BK31" s="281">
        <v>2</v>
      </c>
      <c r="BL31" s="281">
        <v>1</v>
      </c>
      <c r="BM31" s="281">
        <v>3</v>
      </c>
      <c r="BN31" s="282">
        <v>12</v>
      </c>
      <c r="BO31" s="283">
        <v>12</v>
      </c>
      <c r="BP31" s="277">
        <v>0</v>
      </c>
      <c r="BQ31" s="281">
        <v>0</v>
      </c>
      <c r="BR31" s="278">
        <v>0</v>
      </c>
      <c r="BS31" s="280">
        <v>0</v>
      </c>
      <c r="BT31" s="281">
        <v>0</v>
      </c>
      <c r="BU31" s="281">
        <v>0</v>
      </c>
      <c r="BV31" s="281">
        <v>0</v>
      </c>
      <c r="BW31" s="281">
        <v>0</v>
      </c>
      <c r="BX31" s="281">
        <v>0</v>
      </c>
      <c r="BY31" s="278">
        <v>0</v>
      </c>
      <c r="BZ31" s="283">
        <v>0</v>
      </c>
      <c r="CA31" s="277">
        <v>0</v>
      </c>
      <c r="CB31" s="281">
        <v>0</v>
      </c>
      <c r="CC31" s="278">
        <v>0</v>
      </c>
      <c r="CD31" s="280">
        <v>0</v>
      </c>
      <c r="CE31" s="281">
        <v>0</v>
      </c>
      <c r="CF31" s="281">
        <v>4</v>
      </c>
      <c r="CG31" s="281">
        <v>8</v>
      </c>
      <c r="CH31" s="281">
        <v>9</v>
      </c>
      <c r="CI31" s="281">
        <v>4</v>
      </c>
      <c r="CJ31" s="278">
        <v>25</v>
      </c>
      <c r="CK31" s="283">
        <v>25</v>
      </c>
      <c r="CL31" s="277">
        <v>0</v>
      </c>
      <c r="CM31" s="281">
        <v>0</v>
      </c>
      <c r="CN31" s="278">
        <v>0</v>
      </c>
      <c r="CO31" s="280">
        <v>0</v>
      </c>
      <c r="CP31" s="281">
        <v>0</v>
      </c>
      <c r="CQ31" s="281">
        <v>0</v>
      </c>
      <c r="CR31" s="281">
        <v>0</v>
      </c>
      <c r="CS31" s="281">
        <v>0</v>
      </c>
      <c r="CT31" s="281">
        <v>0</v>
      </c>
      <c r="CU31" s="278">
        <v>0</v>
      </c>
      <c r="CV31" s="283">
        <v>0</v>
      </c>
    </row>
    <row r="32" spans="1:100" ht="21" customHeight="1" x14ac:dyDescent="0.2">
      <c r="A32" s="262" t="s">
        <v>30</v>
      </c>
      <c r="B32" s="277">
        <v>0</v>
      </c>
      <c r="C32" s="278">
        <v>0</v>
      </c>
      <c r="D32" s="279">
        <v>0</v>
      </c>
      <c r="E32" s="280">
        <v>0</v>
      </c>
      <c r="F32" s="281">
        <v>1</v>
      </c>
      <c r="G32" s="281">
        <v>0</v>
      </c>
      <c r="H32" s="281">
        <v>1</v>
      </c>
      <c r="I32" s="281">
        <v>0</v>
      </c>
      <c r="J32" s="281">
        <v>0</v>
      </c>
      <c r="K32" s="282">
        <v>2</v>
      </c>
      <c r="L32" s="283">
        <v>2</v>
      </c>
      <c r="M32" s="277">
        <v>0</v>
      </c>
      <c r="N32" s="281">
        <v>0</v>
      </c>
      <c r="O32" s="278">
        <v>0</v>
      </c>
      <c r="P32" s="280">
        <v>0</v>
      </c>
      <c r="Q32" s="281">
        <v>0</v>
      </c>
      <c r="R32" s="281">
        <v>0</v>
      </c>
      <c r="S32" s="281">
        <v>0</v>
      </c>
      <c r="T32" s="281">
        <v>0</v>
      </c>
      <c r="U32" s="281">
        <v>0</v>
      </c>
      <c r="V32" s="278">
        <v>0</v>
      </c>
      <c r="W32" s="283">
        <v>0</v>
      </c>
      <c r="X32" s="277">
        <v>0</v>
      </c>
      <c r="Y32" s="281">
        <v>0</v>
      </c>
      <c r="Z32" s="278">
        <v>0</v>
      </c>
      <c r="AA32" s="280">
        <v>0</v>
      </c>
      <c r="AB32" s="281">
        <v>24</v>
      </c>
      <c r="AC32" s="281">
        <v>13</v>
      </c>
      <c r="AD32" s="281">
        <v>10</v>
      </c>
      <c r="AE32" s="281">
        <v>4</v>
      </c>
      <c r="AF32" s="281">
        <v>0</v>
      </c>
      <c r="AG32" s="278">
        <v>51</v>
      </c>
      <c r="AH32" s="283">
        <v>51</v>
      </c>
      <c r="AI32" s="277">
        <v>1</v>
      </c>
      <c r="AJ32" s="281">
        <v>0</v>
      </c>
      <c r="AK32" s="278">
        <v>1</v>
      </c>
      <c r="AL32" s="280">
        <v>0</v>
      </c>
      <c r="AM32" s="281">
        <v>1</v>
      </c>
      <c r="AN32" s="281">
        <v>2</v>
      </c>
      <c r="AO32" s="281">
        <v>2</v>
      </c>
      <c r="AP32" s="281">
        <v>0</v>
      </c>
      <c r="AQ32" s="281">
        <v>0</v>
      </c>
      <c r="AR32" s="278">
        <v>5</v>
      </c>
      <c r="AS32" s="283">
        <v>6</v>
      </c>
      <c r="AT32" s="277">
        <v>0</v>
      </c>
      <c r="AU32" s="281">
        <v>0</v>
      </c>
      <c r="AV32" s="278">
        <v>0</v>
      </c>
      <c r="AW32" s="280">
        <v>0</v>
      </c>
      <c r="AX32" s="281">
        <v>0</v>
      </c>
      <c r="AY32" s="281">
        <v>0</v>
      </c>
      <c r="AZ32" s="281">
        <v>0</v>
      </c>
      <c r="BA32" s="281">
        <v>2</v>
      </c>
      <c r="BB32" s="281">
        <v>0</v>
      </c>
      <c r="BC32" s="278">
        <v>2</v>
      </c>
      <c r="BD32" s="283">
        <v>2</v>
      </c>
      <c r="BE32" s="277">
        <v>0</v>
      </c>
      <c r="BF32" s="281">
        <v>0</v>
      </c>
      <c r="BG32" s="278">
        <v>0</v>
      </c>
      <c r="BH32" s="280">
        <v>0</v>
      </c>
      <c r="BI32" s="281">
        <v>8</v>
      </c>
      <c r="BJ32" s="281">
        <v>3</v>
      </c>
      <c r="BK32" s="281">
        <v>7</v>
      </c>
      <c r="BL32" s="281">
        <v>3</v>
      </c>
      <c r="BM32" s="281">
        <v>2</v>
      </c>
      <c r="BN32" s="282">
        <v>23</v>
      </c>
      <c r="BO32" s="283">
        <v>23</v>
      </c>
      <c r="BP32" s="277">
        <v>0</v>
      </c>
      <c r="BQ32" s="281">
        <v>0</v>
      </c>
      <c r="BR32" s="278">
        <v>0</v>
      </c>
      <c r="BS32" s="280">
        <v>0</v>
      </c>
      <c r="BT32" s="281">
        <v>0</v>
      </c>
      <c r="BU32" s="281">
        <v>0</v>
      </c>
      <c r="BV32" s="281">
        <v>0</v>
      </c>
      <c r="BW32" s="281">
        <v>0</v>
      </c>
      <c r="BX32" s="281">
        <v>0</v>
      </c>
      <c r="BY32" s="278">
        <v>0</v>
      </c>
      <c r="BZ32" s="283">
        <v>0</v>
      </c>
      <c r="CA32" s="277">
        <v>0</v>
      </c>
      <c r="CB32" s="281">
        <v>0</v>
      </c>
      <c r="CC32" s="278">
        <v>0</v>
      </c>
      <c r="CD32" s="280">
        <v>0</v>
      </c>
      <c r="CE32" s="281">
        <v>0</v>
      </c>
      <c r="CF32" s="281">
        <v>0</v>
      </c>
      <c r="CG32" s="281">
        <v>0</v>
      </c>
      <c r="CH32" s="281">
        <v>0</v>
      </c>
      <c r="CI32" s="281">
        <v>0</v>
      </c>
      <c r="CJ32" s="278">
        <v>0</v>
      </c>
      <c r="CK32" s="283">
        <v>0</v>
      </c>
      <c r="CL32" s="277">
        <v>0</v>
      </c>
      <c r="CM32" s="281">
        <v>0</v>
      </c>
      <c r="CN32" s="278">
        <v>0</v>
      </c>
      <c r="CO32" s="280">
        <v>0</v>
      </c>
      <c r="CP32" s="281">
        <v>0</v>
      </c>
      <c r="CQ32" s="281">
        <v>0</v>
      </c>
      <c r="CR32" s="281">
        <v>0</v>
      </c>
      <c r="CS32" s="281">
        <v>0</v>
      </c>
      <c r="CT32" s="281">
        <v>0</v>
      </c>
      <c r="CU32" s="278">
        <v>0</v>
      </c>
      <c r="CV32" s="283">
        <v>0</v>
      </c>
    </row>
    <row r="33" spans="1:100" ht="21" customHeight="1" x14ac:dyDescent="0.2">
      <c r="A33" s="262" t="s">
        <v>31</v>
      </c>
      <c r="B33" s="277">
        <v>0</v>
      </c>
      <c r="C33" s="278">
        <v>0</v>
      </c>
      <c r="D33" s="279">
        <v>0</v>
      </c>
      <c r="E33" s="280">
        <v>0</v>
      </c>
      <c r="F33" s="281">
        <v>0</v>
      </c>
      <c r="G33" s="281">
        <v>2</v>
      </c>
      <c r="H33" s="281">
        <v>0</v>
      </c>
      <c r="I33" s="281">
        <v>0</v>
      </c>
      <c r="J33" s="281">
        <v>0</v>
      </c>
      <c r="K33" s="282">
        <v>2</v>
      </c>
      <c r="L33" s="283">
        <v>2</v>
      </c>
      <c r="M33" s="277">
        <v>0</v>
      </c>
      <c r="N33" s="281">
        <v>0</v>
      </c>
      <c r="O33" s="278">
        <v>0</v>
      </c>
      <c r="P33" s="280">
        <v>0</v>
      </c>
      <c r="Q33" s="281">
        <v>0</v>
      </c>
      <c r="R33" s="281">
        <v>0</v>
      </c>
      <c r="S33" s="281">
        <v>0</v>
      </c>
      <c r="T33" s="281">
        <v>0</v>
      </c>
      <c r="U33" s="281">
        <v>0</v>
      </c>
      <c r="V33" s="278">
        <v>0</v>
      </c>
      <c r="W33" s="283">
        <v>0</v>
      </c>
      <c r="X33" s="277">
        <v>0</v>
      </c>
      <c r="Y33" s="281">
        <v>0</v>
      </c>
      <c r="Z33" s="278">
        <v>0</v>
      </c>
      <c r="AA33" s="280">
        <v>0</v>
      </c>
      <c r="AB33" s="281">
        <v>28</v>
      </c>
      <c r="AC33" s="281">
        <v>19</v>
      </c>
      <c r="AD33" s="281">
        <v>8</v>
      </c>
      <c r="AE33" s="281">
        <v>2</v>
      </c>
      <c r="AF33" s="281">
        <v>2</v>
      </c>
      <c r="AG33" s="278">
        <v>59</v>
      </c>
      <c r="AH33" s="283">
        <v>59</v>
      </c>
      <c r="AI33" s="277">
        <v>0</v>
      </c>
      <c r="AJ33" s="281">
        <v>0</v>
      </c>
      <c r="AK33" s="278">
        <v>0</v>
      </c>
      <c r="AL33" s="280">
        <v>0</v>
      </c>
      <c r="AM33" s="281">
        <v>0</v>
      </c>
      <c r="AN33" s="281">
        <v>1</v>
      </c>
      <c r="AO33" s="281">
        <v>1</v>
      </c>
      <c r="AP33" s="281">
        <v>0</v>
      </c>
      <c r="AQ33" s="281">
        <v>0</v>
      </c>
      <c r="AR33" s="278">
        <v>2</v>
      </c>
      <c r="AS33" s="283">
        <v>2</v>
      </c>
      <c r="AT33" s="277">
        <v>0</v>
      </c>
      <c r="AU33" s="281">
        <v>2</v>
      </c>
      <c r="AV33" s="278">
        <v>2</v>
      </c>
      <c r="AW33" s="280">
        <v>0</v>
      </c>
      <c r="AX33" s="281">
        <v>6</v>
      </c>
      <c r="AY33" s="281">
        <v>8</v>
      </c>
      <c r="AZ33" s="281">
        <v>6</v>
      </c>
      <c r="BA33" s="281">
        <v>1</v>
      </c>
      <c r="BB33" s="281">
        <v>1</v>
      </c>
      <c r="BC33" s="278">
        <v>22</v>
      </c>
      <c r="BD33" s="283">
        <v>24</v>
      </c>
      <c r="BE33" s="277">
        <v>0</v>
      </c>
      <c r="BF33" s="281">
        <v>0</v>
      </c>
      <c r="BG33" s="278">
        <v>0</v>
      </c>
      <c r="BH33" s="280">
        <v>0</v>
      </c>
      <c r="BI33" s="281">
        <v>7</v>
      </c>
      <c r="BJ33" s="281">
        <v>10</v>
      </c>
      <c r="BK33" s="281">
        <v>13</v>
      </c>
      <c r="BL33" s="281">
        <v>9</v>
      </c>
      <c r="BM33" s="281">
        <v>3</v>
      </c>
      <c r="BN33" s="282">
        <v>42</v>
      </c>
      <c r="BO33" s="283">
        <v>42</v>
      </c>
      <c r="BP33" s="277">
        <v>0</v>
      </c>
      <c r="BQ33" s="281">
        <v>0</v>
      </c>
      <c r="BR33" s="278">
        <v>0</v>
      </c>
      <c r="BS33" s="280">
        <v>0</v>
      </c>
      <c r="BT33" s="281">
        <v>0</v>
      </c>
      <c r="BU33" s="281">
        <v>0</v>
      </c>
      <c r="BV33" s="281">
        <v>0</v>
      </c>
      <c r="BW33" s="281">
        <v>0</v>
      </c>
      <c r="BX33" s="281">
        <v>0</v>
      </c>
      <c r="BY33" s="278">
        <v>0</v>
      </c>
      <c r="BZ33" s="283">
        <v>0</v>
      </c>
      <c r="CA33" s="277">
        <v>0</v>
      </c>
      <c r="CB33" s="281">
        <v>0</v>
      </c>
      <c r="CC33" s="278">
        <v>0</v>
      </c>
      <c r="CD33" s="280">
        <v>0</v>
      </c>
      <c r="CE33" s="281">
        <v>0</v>
      </c>
      <c r="CF33" s="281">
        <v>0</v>
      </c>
      <c r="CG33" s="281">
        <v>0</v>
      </c>
      <c r="CH33" s="281">
        <v>0</v>
      </c>
      <c r="CI33" s="281">
        <v>0</v>
      </c>
      <c r="CJ33" s="278">
        <v>0</v>
      </c>
      <c r="CK33" s="283">
        <v>0</v>
      </c>
      <c r="CL33" s="277">
        <v>0</v>
      </c>
      <c r="CM33" s="281">
        <v>0</v>
      </c>
      <c r="CN33" s="278">
        <v>0</v>
      </c>
      <c r="CO33" s="280">
        <v>0</v>
      </c>
      <c r="CP33" s="281">
        <v>0</v>
      </c>
      <c r="CQ33" s="281">
        <v>0</v>
      </c>
      <c r="CR33" s="281">
        <v>0</v>
      </c>
      <c r="CS33" s="281">
        <v>0</v>
      </c>
      <c r="CT33" s="281">
        <v>0</v>
      </c>
      <c r="CU33" s="278">
        <v>0</v>
      </c>
      <c r="CV33" s="283">
        <v>0</v>
      </c>
    </row>
    <row r="34" spans="1:100" ht="21" customHeight="1" x14ac:dyDescent="0.2">
      <c r="A34" s="262" t="s">
        <v>32</v>
      </c>
      <c r="B34" s="277">
        <v>0</v>
      </c>
      <c r="C34" s="278">
        <v>0</v>
      </c>
      <c r="D34" s="279">
        <v>0</v>
      </c>
      <c r="E34" s="280">
        <v>0</v>
      </c>
      <c r="F34" s="281">
        <v>2</v>
      </c>
      <c r="G34" s="281">
        <v>2</v>
      </c>
      <c r="H34" s="281">
        <v>0</v>
      </c>
      <c r="I34" s="281">
        <v>4</v>
      </c>
      <c r="J34" s="281">
        <v>0</v>
      </c>
      <c r="K34" s="282">
        <v>8</v>
      </c>
      <c r="L34" s="283">
        <v>8</v>
      </c>
      <c r="M34" s="277">
        <v>0</v>
      </c>
      <c r="N34" s="281">
        <v>0</v>
      </c>
      <c r="O34" s="278">
        <v>0</v>
      </c>
      <c r="P34" s="280">
        <v>0</v>
      </c>
      <c r="Q34" s="281">
        <v>0</v>
      </c>
      <c r="R34" s="281">
        <v>0</v>
      </c>
      <c r="S34" s="281">
        <v>0</v>
      </c>
      <c r="T34" s="281">
        <v>0</v>
      </c>
      <c r="U34" s="281">
        <v>0</v>
      </c>
      <c r="V34" s="278">
        <v>0</v>
      </c>
      <c r="W34" s="283">
        <v>0</v>
      </c>
      <c r="X34" s="277">
        <v>0</v>
      </c>
      <c r="Y34" s="281">
        <v>0</v>
      </c>
      <c r="Z34" s="278">
        <v>0</v>
      </c>
      <c r="AA34" s="280">
        <v>0</v>
      </c>
      <c r="AB34" s="281">
        <v>39</v>
      </c>
      <c r="AC34" s="281">
        <v>24</v>
      </c>
      <c r="AD34" s="281">
        <v>7</v>
      </c>
      <c r="AE34" s="281">
        <v>3</v>
      </c>
      <c r="AF34" s="281">
        <v>2</v>
      </c>
      <c r="AG34" s="278">
        <v>75</v>
      </c>
      <c r="AH34" s="283">
        <v>75</v>
      </c>
      <c r="AI34" s="277">
        <v>0</v>
      </c>
      <c r="AJ34" s="281">
        <v>0</v>
      </c>
      <c r="AK34" s="278">
        <v>0</v>
      </c>
      <c r="AL34" s="280">
        <v>0</v>
      </c>
      <c r="AM34" s="281">
        <v>1</v>
      </c>
      <c r="AN34" s="281">
        <v>0</v>
      </c>
      <c r="AO34" s="281">
        <v>3</v>
      </c>
      <c r="AP34" s="281">
        <v>1</v>
      </c>
      <c r="AQ34" s="281">
        <v>1</v>
      </c>
      <c r="AR34" s="278">
        <v>6</v>
      </c>
      <c r="AS34" s="283">
        <v>6</v>
      </c>
      <c r="AT34" s="277">
        <v>0</v>
      </c>
      <c r="AU34" s="281">
        <v>0</v>
      </c>
      <c r="AV34" s="278">
        <v>0</v>
      </c>
      <c r="AW34" s="280">
        <v>0</v>
      </c>
      <c r="AX34" s="281">
        <v>1</v>
      </c>
      <c r="AY34" s="281">
        <v>0</v>
      </c>
      <c r="AZ34" s="281">
        <v>0</v>
      </c>
      <c r="BA34" s="281">
        <v>2</v>
      </c>
      <c r="BB34" s="281">
        <v>0</v>
      </c>
      <c r="BC34" s="278">
        <v>3</v>
      </c>
      <c r="BD34" s="283">
        <v>3</v>
      </c>
      <c r="BE34" s="277">
        <v>0</v>
      </c>
      <c r="BF34" s="281">
        <v>0</v>
      </c>
      <c r="BG34" s="278">
        <v>0</v>
      </c>
      <c r="BH34" s="280">
        <v>0</v>
      </c>
      <c r="BI34" s="281">
        <v>2</v>
      </c>
      <c r="BJ34" s="281">
        <v>6</v>
      </c>
      <c r="BK34" s="281">
        <v>11</v>
      </c>
      <c r="BL34" s="281">
        <v>8</v>
      </c>
      <c r="BM34" s="281">
        <v>5</v>
      </c>
      <c r="BN34" s="282">
        <v>32</v>
      </c>
      <c r="BO34" s="283">
        <v>32</v>
      </c>
      <c r="BP34" s="277">
        <v>0</v>
      </c>
      <c r="BQ34" s="281">
        <v>0</v>
      </c>
      <c r="BR34" s="278">
        <v>0</v>
      </c>
      <c r="BS34" s="280">
        <v>0</v>
      </c>
      <c r="BT34" s="281">
        <v>0</v>
      </c>
      <c r="BU34" s="281">
        <v>0</v>
      </c>
      <c r="BV34" s="281">
        <v>0</v>
      </c>
      <c r="BW34" s="281">
        <v>0</v>
      </c>
      <c r="BX34" s="281">
        <v>0</v>
      </c>
      <c r="BY34" s="278">
        <v>0</v>
      </c>
      <c r="BZ34" s="283">
        <v>0</v>
      </c>
      <c r="CA34" s="277">
        <v>0</v>
      </c>
      <c r="CB34" s="281">
        <v>0</v>
      </c>
      <c r="CC34" s="278">
        <v>0</v>
      </c>
      <c r="CD34" s="280">
        <v>0</v>
      </c>
      <c r="CE34" s="281">
        <v>1</v>
      </c>
      <c r="CF34" s="281">
        <v>1</v>
      </c>
      <c r="CG34" s="281">
        <v>12</v>
      </c>
      <c r="CH34" s="281">
        <v>10</v>
      </c>
      <c r="CI34" s="281">
        <v>2</v>
      </c>
      <c r="CJ34" s="278">
        <v>26</v>
      </c>
      <c r="CK34" s="283">
        <v>26</v>
      </c>
      <c r="CL34" s="277">
        <v>0</v>
      </c>
      <c r="CM34" s="281">
        <v>0</v>
      </c>
      <c r="CN34" s="278">
        <v>0</v>
      </c>
      <c r="CO34" s="280">
        <v>0</v>
      </c>
      <c r="CP34" s="281">
        <v>0</v>
      </c>
      <c r="CQ34" s="281">
        <v>0</v>
      </c>
      <c r="CR34" s="281">
        <v>0</v>
      </c>
      <c r="CS34" s="281">
        <v>0</v>
      </c>
      <c r="CT34" s="281">
        <v>0</v>
      </c>
      <c r="CU34" s="278">
        <v>0</v>
      </c>
      <c r="CV34" s="283">
        <v>0</v>
      </c>
    </row>
    <row r="35" spans="1:100" ht="21" customHeight="1" x14ac:dyDescent="0.2">
      <c r="A35" s="262" t="s">
        <v>33</v>
      </c>
      <c r="B35" s="277">
        <v>0</v>
      </c>
      <c r="C35" s="278">
        <v>0</v>
      </c>
      <c r="D35" s="279">
        <v>0</v>
      </c>
      <c r="E35" s="280">
        <v>0</v>
      </c>
      <c r="F35" s="281">
        <v>0</v>
      </c>
      <c r="G35" s="281">
        <v>0</v>
      </c>
      <c r="H35" s="281">
        <v>0</v>
      </c>
      <c r="I35" s="281">
        <v>0</v>
      </c>
      <c r="J35" s="281">
        <v>0</v>
      </c>
      <c r="K35" s="282">
        <v>0</v>
      </c>
      <c r="L35" s="283">
        <v>0</v>
      </c>
      <c r="M35" s="277">
        <v>0</v>
      </c>
      <c r="N35" s="281">
        <v>0</v>
      </c>
      <c r="O35" s="278">
        <v>0</v>
      </c>
      <c r="P35" s="280">
        <v>0</v>
      </c>
      <c r="Q35" s="281">
        <v>0</v>
      </c>
      <c r="R35" s="281">
        <v>0</v>
      </c>
      <c r="S35" s="281">
        <v>0</v>
      </c>
      <c r="T35" s="281">
        <v>0</v>
      </c>
      <c r="U35" s="281">
        <v>0</v>
      </c>
      <c r="V35" s="278">
        <v>0</v>
      </c>
      <c r="W35" s="283">
        <v>0</v>
      </c>
      <c r="X35" s="277">
        <v>0</v>
      </c>
      <c r="Y35" s="281">
        <v>0</v>
      </c>
      <c r="Z35" s="278">
        <v>0</v>
      </c>
      <c r="AA35" s="280">
        <v>0</v>
      </c>
      <c r="AB35" s="281">
        <v>33</v>
      </c>
      <c r="AC35" s="281">
        <v>12</v>
      </c>
      <c r="AD35" s="281">
        <v>9</v>
      </c>
      <c r="AE35" s="281">
        <v>4</v>
      </c>
      <c r="AF35" s="281">
        <v>1</v>
      </c>
      <c r="AG35" s="278">
        <v>59</v>
      </c>
      <c r="AH35" s="283">
        <v>59</v>
      </c>
      <c r="AI35" s="277">
        <v>0</v>
      </c>
      <c r="AJ35" s="281">
        <v>0</v>
      </c>
      <c r="AK35" s="278">
        <v>0</v>
      </c>
      <c r="AL35" s="280">
        <v>0</v>
      </c>
      <c r="AM35" s="281">
        <v>1</v>
      </c>
      <c r="AN35" s="281">
        <v>0</v>
      </c>
      <c r="AO35" s="281">
        <v>0</v>
      </c>
      <c r="AP35" s="281">
        <v>0</v>
      </c>
      <c r="AQ35" s="281">
        <v>0</v>
      </c>
      <c r="AR35" s="278">
        <v>1</v>
      </c>
      <c r="AS35" s="283">
        <v>1</v>
      </c>
      <c r="AT35" s="277">
        <v>0</v>
      </c>
      <c r="AU35" s="281">
        <v>0</v>
      </c>
      <c r="AV35" s="278">
        <v>0</v>
      </c>
      <c r="AW35" s="280">
        <v>0</v>
      </c>
      <c r="AX35" s="281">
        <v>0</v>
      </c>
      <c r="AY35" s="281">
        <v>0</v>
      </c>
      <c r="AZ35" s="281">
        <v>0</v>
      </c>
      <c r="BA35" s="281">
        <v>0</v>
      </c>
      <c r="BB35" s="281">
        <v>0</v>
      </c>
      <c r="BC35" s="278">
        <v>0</v>
      </c>
      <c r="BD35" s="283">
        <v>0</v>
      </c>
      <c r="BE35" s="277">
        <v>0</v>
      </c>
      <c r="BF35" s="281">
        <v>2</v>
      </c>
      <c r="BG35" s="278">
        <v>2</v>
      </c>
      <c r="BH35" s="280">
        <v>0</v>
      </c>
      <c r="BI35" s="281">
        <v>2</v>
      </c>
      <c r="BJ35" s="281">
        <v>3</v>
      </c>
      <c r="BK35" s="281">
        <v>9</v>
      </c>
      <c r="BL35" s="281">
        <v>1</v>
      </c>
      <c r="BM35" s="281">
        <v>1</v>
      </c>
      <c r="BN35" s="282">
        <v>16</v>
      </c>
      <c r="BO35" s="283">
        <v>18</v>
      </c>
      <c r="BP35" s="277">
        <v>0</v>
      </c>
      <c r="BQ35" s="281">
        <v>0</v>
      </c>
      <c r="BR35" s="278">
        <v>0</v>
      </c>
      <c r="BS35" s="280">
        <v>0</v>
      </c>
      <c r="BT35" s="281">
        <v>0</v>
      </c>
      <c r="BU35" s="281">
        <v>0</v>
      </c>
      <c r="BV35" s="281">
        <v>0</v>
      </c>
      <c r="BW35" s="281">
        <v>0</v>
      </c>
      <c r="BX35" s="281">
        <v>0</v>
      </c>
      <c r="BY35" s="278">
        <v>0</v>
      </c>
      <c r="BZ35" s="283">
        <v>0</v>
      </c>
      <c r="CA35" s="277">
        <v>0</v>
      </c>
      <c r="CB35" s="281">
        <v>0</v>
      </c>
      <c r="CC35" s="278">
        <v>0</v>
      </c>
      <c r="CD35" s="280">
        <v>0</v>
      </c>
      <c r="CE35" s="281">
        <v>0</v>
      </c>
      <c r="CF35" s="281">
        <v>0</v>
      </c>
      <c r="CG35" s="281">
        <v>0</v>
      </c>
      <c r="CH35" s="281">
        <v>0</v>
      </c>
      <c r="CI35" s="281">
        <v>0</v>
      </c>
      <c r="CJ35" s="278">
        <v>0</v>
      </c>
      <c r="CK35" s="283">
        <v>0</v>
      </c>
      <c r="CL35" s="277">
        <v>0</v>
      </c>
      <c r="CM35" s="281">
        <v>0</v>
      </c>
      <c r="CN35" s="278">
        <v>0</v>
      </c>
      <c r="CO35" s="280">
        <v>0</v>
      </c>
      <c r="CP35" s="281">
        <v>5</v>
      </c>
      <c r="CQ35" s="281">
        <v>8</v>
      </c>
      <c r="CR35" s="281">
        <v>7</v>
      </c>
      <c r="CS35" s="281">
        <v>2</v>
      </c>
      <c r="CT35" s="281">
        <v>4</v>
      </c>
      <c r="CU35" s="278">
        <v>26</v>
      </c>
      <c r="CV35" s="283">
        <v>26</v>
      </c>
    </row>
    <row r="36" spans="1:100" ht="21" customHeight="1" x14ac:dyDescent="0.2">
      <c r="A36" s="262" t="s">
        <v>34</v>
      </c>
      <c r="B36" s="277">
        <v>0</v>
      </c>
      <c r="C36" s="278">
        <v>0</v>
      </c>
      <c r="D36" s="279">
        <v>0</v>
      </c>
      <c r="E36" s="280">
        <v>0</v>
      </c>
      <c r="F36" s="281">
        <v>0</v>
      </c>
      <c r="G36" s="281">
        <v>0</v>
      </c>
      <c r="H36" s="281">
        <v>0</v>
      </c>
      <c r="I36" s="281">
        <v>0</v>
      </c>
      <c r="J36" s="281">
        <v>0</v>
      </c>
      <c r="K36" s="282">
        <v>0</v>
      </c>
      <c r="L36" s="283">
        <v>0</v>
      </c>
      <c r="M36" s="277">
        <v>0</v>
      </c>
      <c r="N36" s="281">
        <v>0</v>
      </c>
      <c r="O36" s="278">
        <v>0</v>
      </c>
      <c r="P36" s="280">
        <v>0</v>
      </c>
      <c r="Q36" s="281">
        <v>0</v>
      </c>
      <c r="R36" s="281">
        <v>0</v>
      </c>
      <c r="S36" s="281">
        <v>0</v>
      </c>
      <c r="T36" s="281">
        <v>0</v>
      </c>
      <c r="U36" s="281">
        <v>0</v>
      </c>
      <c r="V36" s="278">
        <v>0</v>
      </c>
      <c r="W36" s="283">
        <v>0</v>
      </c>
      <c r="X36" s="277">
        <v>0</v>
      </c>
      <c r="Y36" s="281">
        <v>0</v>
      </c>
      <c r="Z36" s="278">
        <v>0</v>
      </c>
      <c r="AA36" s="280">
        <v>0</v>
      </c>
      <c r="AB36" s="281">
        <v>16</v>
      </c>
      <c r="AC36" s="281">
        <v>4</v>
      </c>
      <c r="AD36" s="281">
        <v>4</v>
      </c>
      <c r="AE36" s="281">
        <v>0</v>
      </c>
      <c r="AF36" s="281">
        <v>0</v>
      </c>
      <c r="AG36" s="278">
        <v>24</v>
      </c>
      <c r="AH36" s="283">
        <v>24</v>
      </c>
      <c r="AI36" s="277">
        <v>0</v>
      </c>
      <c r="AJ36" s="281">
        <v>0</v>
      </c>
      <c r="AK36" s="278">
        <v>0</v>
      </c>
      <c r="AL36" s="280">
        <v>0</v>
      </c>
      <c r="AM36" s="281">
        <v>0</v>
      </c>
      <c r="AN36" s="281">
        <v>0</v>
      </c>
      <c r="AO36" s="281">
        <v>0</v>
      </c>
      <c r="AP36" s="281">
        <v>1</v>
      </c>
      <c r="AQ36" s="281">
        <v>0</v>
      </c>
      <c r="AR36" s="278">
        <v>1</v>
      </c>
      <c r="AS36" s="283">
        <v>1</v>
      </c>
      <c r="AT36" s="277">
        <v>1</v>
      </c>
      <c r="AU36" s="281">
        <v>2</v>
      </c>
      <c r="AV36" s="278">
        <v>3</v>
      </c>
      <c r="AW36" s="280">
        <v>0</v>
      </c>
      <c r="AX36" s="281">
        <v>8</v>
      </c>
      <c r="AY36" s="281">
        <v>6</v>
      </c>
      <c r="AZ36" s="281">
        <v>4</v>
      </c>
      <c r="BA36" s="281">
        <v>2</v>
      </c>
      <c r="BB36" s="281">
        <v>0</v>
      </c>
      <c r="BC36" s="278">
        <v>20</v>
      </c>
      <c r="BD36" s="283">
        <v>23</v>
      </c>
      <c r="BE36" s="277">
        <v>0</v>
      </c>
      <c r="BF36" s="281">
        <v>0</v>
      </c>
      <c r="BG36" s="278">
        <v>0</v>
      </c>
      <c r="BH36" s="280">
        <v>0</v>
      </c>
      <c r="BI36" s="281">
        <v>2</v>
      </c>
      <c r="BJ36" s="281">
        <v>3</v>
      </c>
      <c r="BK36" s="281">
        <v>2</v>
      </c>
      <c r="BL36" s="281">
        <v>2</v>
      </c>
      <c r="BM36" s="281">
        <v>4</v>
      </c>
      <c r="BN36" s="282">
        <v>13</v>
      </c>
      <c r="BO36" s="283">
        <v>13</v>
      </c>
      <c r="BP36" s="277">
        <v>0</v>
      </c>
      <c r="BQ36" s="281">
        <v>0</v>
      </c>
      <c r="BR36" s="278">
        <v>0</v>
      </c>
      <c r="BS36" s="280">
        <v>0</v>
      </c>
      <c r="BT36" s="281">
        <v>0</v>
      </c>
      <c r="BU36" s="281">
        <v>0</v>
      </c>
      <c r="BV36" s="281">
        <v>0</v>
      </c>
      <c r="BW36" s="281">
        <v>0</v>
      </c>
      <c r="BX36" s="281">
        <v>0</v>
      </c>
      <c r="BY36" s="278">
        <v>0</v>
      </c>
      <c r="BZ36" s="283">
        <v>0</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3</v>
      </c>
      <c r="CQ36" s="281">
        <v>13</v>
      </c>
      <c r="CR36" s="281">
        <v>5</v>
      </c>
      <c r="CS36" s="281">
        <v>4</v>
      </c>
      <c r="CT36" s="281">
        <v>0</v>
      </c>
      <c r="CU36" s="278">
        <v>25</v>
      </c>
      <c r="CV36" s="283">
        <v>25</v>
      </c>
    </row>
    <row r="37" spans="1:100" ht="21" customHeight="1" x14ac:dyDescent="0.2">
      <c r="A37" s="262" t="s">
        <v>35</v>
      </c>
      <c r="B37" s="277">
        <v>0</v>
      </c>
      <c r="C37" s="278">
        <v>0</v>
      </c>
      <c r="D37" s="279">
        <v>0</v>
      </c>
      <c r="E37" s="280">
        <v>0</v>
      </c>
      <c r="F37" s="281">
        <v>0</v>
      </c>
      <c r="G37" s="281">
        <v>1</v>
      </c>
      <c r="H37" s="281">
        <v>1</v>
      </c>
      <c r="I37" s="281">
        <v>1</v>
      </c>
      <c r="J37" s="281">
        <v>0</v>
      </c>
      <c r="K37" s="282">
        <v>3</v>
      </c>
      <c r="L37" s="283">
        <v>3</v>
      </c>
      <c r="M37" s="277">
        <v>0</v>
      </c>
      <c r="N37" s="281">
        <v>0</v>
      </c>
      <c r="O37" s="278">
        <v>0</v>
      </c>
      <c r="P37" s="280">
        <v>0</v>
      </c>
      <c r="Q37" s="281">
        <v>0</v>
      </c>
      <c r="R37" s="281">
        <v>0</v>
      </c>
      <c r="S37" s="281">
        <v>0</v>
      </c>
      <c r="T37" s="281">
        <v>0</v>
      </c>
      <c r="U37" s="281">
        <v>0</v>
      </c>
      <c r="V37" s="278">
        <v>0</v>
      </c>
      <c r="W37" s="283">
        <v>0</v>
      </c>
      <c r="X37" s="277">
        <v>0</v>
      </c>
      <c r="Y37" s="281">
        <v>0</v>
      </c>
      <c r="Z37" s="278">
        <v>0</v>
      </c>
      <c r="AA37" s="280">
        <v>0</v>
      </c>
      <c r="AB37" s="281">
        <v>15</v>
      </c>
      <c r="AC37" s="281">
        <v>16</v>
      </c>
      <c r="AD37" s="281">
        <v>10</v>
      </c>
      <c r="AE37" s="281">
        <v>9</v>
      </c>
      <c r="AF37" s="281">
        <v>1</v>
      </c>
      <c r="AG37" s="278">
        <v>51</v>
      </c>
      <c r="AH37" s="283">
        <v>51</v>
      </c>
      <c r="AI37" s="277">
        <v>0</v>
      </c>
      <c r="AJ37" s="281">
        <v>0</v>
      </c>
      <c r="AK37" s="278">
        <v>0</v>
      </c>
      <c r="AL37" s="280">
        <v>0</v>
      </c>
      <c r="AM37" s="281">
        <v>0</v>
      </c>
      <c r="AN37" s="281">
        <v>0</v>
      </c>
      <c r="AO37" s="281">
        <v>0</v>
      </c>
      <c r="AP37" s="281">
        <v>0</v>
      </c>
      <c r="AQ37" s="281">
        <v>0</v>
      </c>
      <c r="AR37" s="278">
        <v>0</v>
      </c>
      <c r="AS37" s="283">
        <v>0</v>
      </c>
      <c r="AT37" s="277">
        <v>0</v>
      </c>
      <c r="AU37" s="281">
        <v>4</v>
      </c>
      <c r="AV37" s="278">
        <v>4</v>
      </c>
      <c r="AW37" s="280">
        <v>0</v>
      </c>
      <c r="AX37" s="281">
        <v>9</v>
      </c>
      <c r="AY37" s="281">
        <v>11</v>
      </c>
      <c r="AZ37" s="281">
        <v>7</v>
      </c>
      <c r="BA37" s="281">
        <v>1</v>
      </c>
      <c r="BB37" s="281">
        <v>2</v>
      </c>
      <c r="BC37" s="278">
        <v>30</v>
      </c>
      <c r="BD37" s="283">
        <v>34</v>
      </c>
      <c r="BE37" s="277">
        <v>0</v>
      </c>
      <c r="BF37" s="281">
        <v>0</v>
      </c>
      <c r="BG37" s="278">
        <v>0</v>
      </c>
      <c r="BH37" s="280">
        <v>0</v>
      </c>
      <c r="BI37" s="281">
        <v>9</v>
      </c>
      <c r="BJ37" s="281">
        <v>16</v>
      </c>
      <c r="BK37" s="281">
        <v>17</v>
      </c>
      <c r="BL37" s="281">
        <v>14</v>
      </c>
      <c r="BM37" s="281">
        <v>5</v>
      </c>
      <c r="BN37" s="282">
        <v>61</v>
      </c>
      <c r="BO37" s="283">
        <v>61</v>
      </c>
      <c r="BP37" s="277">
        <v>0</v>
      </c>
      <c r="BQ37" s="281">
        <v>0</v>
      </c>
      <c r="BR37" s="278">
        <v>0</v>
      </c>
      <c r="BS37" s="280">
        <v>0</v>
      </c>
      <c r="BT37" s="281">
        <v>0</v>
      </c>
      <c r="BU37" s="281">
        <v>0</v>
      </c>
      <c r="BV37" s="281">
        <v>0</v>
      </c>
      <c r="BW37" s="281">
        <v>0</v>
      </c>
      <c r="BX37" s="281">
        <v>0</v>
      </c>
      <c r="BY37" s="278">
        <v>0</v>
      </c>
      <c r="BZ37" s="283">
        <v>0</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row>
    <row r="38" spans="1:100" ht="21" customHeight="1" x14ac:dyDescent="0.2">
      <c r="A38" s="262" t="s">
        <v>36</v>
      </c>
      <c r="B38" s="277">
        <v>0</v>
      </c>
      <c r="C38" s="278">
        <v>0</v>
      </c>
      <c r="D38" s="279">
        <v>0</v>
      </c>
      <c r="E38" s="280">
        <v>0</v>
      </c>
      <c r="F38" s="281">
        <v>0</v>
      </c>
      <c r="G38" s="281">
        <v>0</v>
      </c>
      <c r="H38" s="281">
        <v>0</v>
      </c>
      <c r="I38" s="281">
        <v>0</v>
      </c>
      <c r="J38" s="281">
        <v>0</v>
      </c>
      <c r="K38" s="282">
        <v>0</v>
      </c>
      <c r="L38" s="283">
        <v>0</v>
      </c>
      <c r="M38" s="277">
        <v>0</v>
      </c>
      <c r="N38" s="281">
        <v>0</v>
      </c>
      <c r="O38" s="278">
        <v>0</v>
      </c>
      <c r="P38" s="280">
        <v>0</v>
      </c>
      <c r="Q38" s="281">
        <v>0</v>
      </c>
      <c r="R38" s="281">
        <v>0</v>
      </c>
      <c r="S38" s="281">
        <v>0</v>
      </c>
      <c r="T38" s="281">
        <v>0</v>
      </c>
      <c r="U38" s="281">
        <v>0</v>
      </c>
      <c r="V38" s="278">
        <v>0</v>
      </c>
      <c r="W38" s="283">
        <v>0</v>
      </c>
      <c r="X38" s="277">
        <v>0</v>
      </c>
      <c r="Y38" s="281">
        <v>0</v>
      </c>
      <c r="Z38" s="278">
        <v>0</v>
      </c>
      <c r="AA38" s="280">
        <v>0</v>
      </c>
      <c r="AB38" s="281">
        <v>57</v>
      </c>
      <c r="AC38" s="281">
        <v>51</v>
      </c>
      <c r="AD38" s="281">
        <v>30</v>
      </c>
      <c r="AE38" s="281">
        <v>12</v>
      </c>
      <c r="AF38" s="281">
        <v>10</v>
      </c>
      <c r="AG38" s="278">
        <v>160</v>
      </c>
      <c r="AH38" s="283">
        <v>160</v>
      </c>
      <c r="AI38" s="277">
        <v>0</v>
      </c>
      <c r="AJ38" s="281">
        <v>0</v>
      </c>
      <c r="AK38" s="278">
        <v>0</v>
      </c>
      <c r="AL38" s="280">
        <v>0</v>
      </c>
      <c r="AM38" s="281">
        <v>0</v>
      </c>
      <c r="AN38" s="281">
        <v>0</v>
      </c>
      <c r="AO38" s="281">
        <v>0</v>
      </c>
      <c r="AP38" s="281">
        <v>0</v>
      </c>
      <c r="AQ38" s="281">
        <v>0</v>
      </c>
      <c r="AR38" s="278">
        <v>0</v>
      </c>
      <c r="AS38" s="283">
        <v>0</v>
      </c>
      <c r="AT38" s="277">
        <v>0</v>
      </c>
      <c r="AU38" s="281">
        <v>1</v>
      </c>
      <c r="AV38" s="278">
        <v>1</v>
      </c>
      <c r="AW38" s="280">
        <v>0</v>
      </c>
      <c r="AX38" s="281">
        <v>7</v>
      </c>
      <c r="AY38" s="281">
        <v>11</v>
      </c>
      <c r="AZ38" s="281">
        <v>4</v>
      </c>
      <c r="BA38" s="281">
        <v>3</v>
      </c>
      <c r="BB38" s="281">
        <v>1</v>
      </c>
      <c r="BC38" s="278">
        <v>26</v>
      </c>
      <c r="BD38" s="283">
        <v>27</v>
      </c>
      <c r="BE38" s="277">
        <v>0</v>
      </c>
      <c r="BF38" s="281">
        <v>0</v>
      </c>
      <c r="BG38" s="278">
        <v>0</v>
      </c>
      <c r="BH38" s="280">
        <v>0</v>
      </c>
      <c r="BI38" s="281">
        <v>5</v>
      </c>
      <c r="BJ38" s="281">
        <v>6</v>
      </c>
      <c r="BK38" s="281">
        <v>15</v>
      </c>
      <c r="BL38" s="281">
        <v>9</v>
      </c>
      <c r="BM38" s="281">
        <v>1</v>
      </c>
      <c r="BN38" s="282">
        <v>36</v>
      </c>
      <c r="BO38" s="283">
        <v>36</v>
      </c>
      <c r="BP38" s="277">
        <v>0</v>
      </c>
      <c r="BQ38" s="281">
        <v>0</v>
      </c>
      <c r="BR38" s="278">
        <v>0</v>
      </c>
      <c r="BS38" s="280">
        <v>0</v>
      </c>
      <c r="BT38" s="281">
        <v>0</v>
      </c>
      <c r="BU38" s="281">
        <v>0</v>
      </c>
      <c r="BV38" s="281">
        <v>0</v>
      </c>
      <c r="BW38" s="281">
        <v>0</v>
      </c>
      <c r="BX38" s="281">
        <v>0</v>
      </c>
      <c r="BY38" s="278">
        <v>0</v>
      </c>
      <c r="BZ38" s="283">
        <v>0</v>
      </c>
      <c r="CA38" s="277">
        <v>0</v>
      </c>
      <c r="CB38" s="281">
        <v>0</v>
      </c>
      <c r="CC38" s="278">
        <v>0</v>
      </c>
      <c r="CD38" s="280">
        <v>0</v>
      </c>
      <c r="CE38" s="281">
        <v>0</v>
      </c>
      <c r="CF38" s="281">
        <v>0</v>
      </c>
      <c r="CG38" s="281">
        <v>0</v>
      </c>
      <c r="CH38" s="281">
        <v>0</v>
      </c>
      <c r="CI38" s="281">
        <v>0</v>
      </c>
      <c r="CJ38" s="278">
        <v>0</v>
      </c>
      <c r="CK38" s="283">
        <v>0</v>
      </c>
      <c r="CL38" s="277">
        <v>0</v>
      </c>
      <c r="CM38" s="281">
        <v>0</v>
      </c>
      <c r="CN38" s="278">
        <v>0</v>
      </c>
      <c r="CO38" s="280">
        <v>0</v>
      </c>
      <c r="CP38" s="281">
        <v>0</v>
      </c>
      <c r="CQ38" s="281">
        <v>0</v>
      </c>
      <c r="CR38" s="281">
        <v>0</v>
      </c>
      <c r="CS38" s="281">
        <v>0</v>
      </c>
      <c r="CT38" s="281">
        <v>0</v>
      </c>
      <c r="CU38" s="278">
        <v>0</v>
      </c>
      <c r="CV38" s="283">
        <v>0</v>
      </c>
    </row>
    <row r="39" spans="1:100" ht="21" customHeight="1" thickBot="1" x14ac:dyDescent="0.25">
      <c r="A39" s="263" t="s">
        <v>37</v>
      </c>
      <c r="B39" s="284">
        <v>0</v>
      </c>
      <c r="C39" s="285">
        <v>0</v>
      </c>
      <c r="D39" s="286">
        <v>0</v>
      </c>
      <c r="E39" s="287">
        <v>0</v>
      </c>
      <c r="F39" s="288">
        <v>0</v>
      </c>
      <c r="G39" s="288">
        <v>0</v>
      </c>
      <c r="H39" s="288">
        <v>1</v>
      </c>
      <c r="I39" s="288">
        <v>0</v>
      </c>
      <c r="J39" s="288">
        <v>0</v>
      </c>
      <c r="K39" s="289">
        <v>1</v>
      </c>
      <c r="L39" s="290">
        <v>1</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16</v>
      </c>
      <c r="AC39" s="288">
        <v>8</v>
      </c>
      <c r="AD39" s="288">
        <v>6</v>
      </c>
      <c r="AE39" s="288">
        <v>0</v>
      </c>
      <c r="AF39" s="288">
        <v>2</v>
      </c>
      <c r="AG39" s="285">
        <v>32</v>
      </c>
      <c r="AH39" s="290">
        <v>32</v>
      </c>
      <c r="AI39" s="284">
        <v>0</v>
      </c>
      <c r="AJ39" s="288">
        <v>0</v>
      </c>
      <c r="AK39" s="285">
        <v>0</v>
      </c>
      <c r="AL39" s="287">
        <v>0</v>
      </c>
      <c r="AM39" s="288">
        <v>0</v>
      </c>
      <c r="AN39" s="288">
        <v>0</v>
      </c>
      <c r="AO39" s="288">
        <v>1</v>
      </c>
      <c r="AP39" s="288">
        <v>0</v>
      </c>
      <c r="AQ39" s="288">
        <v>1</v>
      </c>
      <c r="AR39" s="285">
        <v>2</v>
      </c>
      <c r="AS39" s="290">
        <v>2</v>
      </c>
      <c r="AT39" s="284">
        <v>0</v>
      </c>
      <c r="AU39" s="288">
        <v>0</v>
      </c>
      <c r="AV39" s="285">
        <v>0</v>
      </c>
      <c r="AW39" s="287">
        <v>0</v>
      </c>
      <c r="AX39" s="288">
        <v>0</v>
      </c>
      <c r="AY39" s="288">
        <v>0</v>
      </c>
      <c r="AZ39" s="288">
        <v>0</v>
      </c>
      <c r="BA39" s="288">
        <v>0</v>
      </c>
      <c r="BB39" s="288">
        <v>0</v>
      </c>
      <c r="BC39" s="285">
        <v>0</v>
      </c>
      <c r="BD39" s="290">
        <v>0</v>
      </c>
      <c r="BE39" s="284">
        <v>0</v>
      </c>
      <c r="BF39" s="288">
        <v>0</v>
      </c>
      <c r="BG39" s="285">
        <v>0</v>
      </c>
      <c r="BH39" s="287">
        <v>0</v>
      </c>
      <c r="BI39" s="288">
        <v>2</v>
      </c>
      <c r="BJ39" s="288">
        <v>1</v>
      </c>
      <c r="BK39" s="288">
        <v>3</v>
      </c>
      <c r="BL39" s="288">
        <v>0</v>
      </c>
      <c r="BM39" s="288">
        <v>0</v>
      </c>
      <c r="BN39" s="289">
        <v>6</v>
      </c>
      <c r="BO39" s="290">
        <v>6</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0</v>
      </c>
      <c r="CI39" s="288">
        <v>0</v>
      </c>
      <c r="CJ39" s="285">
        <v>0</v>
      </c>
      <c r="CK39" s="290">
        <v>0</v>
      </c>
      <c r="CL39" s="284">
        <v>0</v>
      </c>
      <c r="CM39" s="288">
        <v>0</v>
      </c>
      <c r="CN39" s="285">
        <v>0</v>
      </c>
      <c r="CO39" s="287">
        <v>0</v>
      </c>
      <c r="CP39" s="288">
        <v>0</v>
      </c>
      <c r="CQ39" s="288">
        <v>0</v>
      </c>
      <c r="CR39" s="288">
        <v>0</v>
      </c>
      <c r="CS39" s="288">
        <v>0</v>
      </c>
      <c r="CT39" s="288">
        <v>0</v>
      </c>
      <c r="CU39" s="285">
        <v>0</v>
      </c>
      <c r="CV39" s="290">
        <v>0</v>
      </c>
    </row>
  </sheetData>
  <mergeCells count="39">
    <mergeCell ref="P4:V4"/>
    <mergeCell ref="AT3:BD3"/>
    <mergeCell ref="H1:I1"/>
    <mergeCell ref="K1:L1"/>
    <mergeCell ref="BZ4:BZ5"/>
    <mergeCell ref="BE3:BO3"/>
    <mergeCell ref="BP3:BZ3"/>
    <mergeCell ref="BO4:BO5"/>
    <mergeCell ref="BD4:BD5"/>
    <mergeCell ref="A3:A5"/>
    <mergeCell ref="AH4:AH5"/>
    <mergeCell ref="AI4:AK4"/>
    <mergeCell ref="B3:L3"/>
    <mergeCell ref="M3:W3"/>
    <mergeCell ref="X3:AH3"/>
    <mergeCell ref="AI3:AS3"/>
    <mergeCell ref="AL4:AR4"/>
    <mergeCell ref="AS4:AS5"/>
    <mergeCell ref="B4:D4"/>
    <mergeCell ref="E4:K4"/>
    <mergeCell ref="L4:L5"/>
    <mergeCell ref="W4:W5"/>
    <mergeCell ref="X4:Z4"/>
    <mergeCell ref="AA4:AG4"/>
    <mergeCell ref="M4:O4"/>
    <mergeCell ref="CL3:CV3"/>
    <mergeCell ref="CO4:CU4"/>
    <mergeCell ref="CL4:CN4"/>
    <mergeCell ref="CA4:CC4"/>
    <mergeCell ref="AT4:AV4"/>
    <mergeCell ref="AW4:BC4"/>
    <mergeCell ref="CD4:CJ4"/>
    <mergeCell ref="BE4:BG4"/>
    <mergeCell ref="BH4:BN4"/>
    <mergeCell ref="BP4:BR4"/>
    <mergeCell ref="BS4:BY4"/>
    <mergeCell ref="CA3:CK3"/>
    <mergeCell ref="CV4:CV5"/>
    <mergeCell ref="CK4:CK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8.44140625" style="256" customWidth="1"/>
    <col min="7" max="7" width="8.77734375" style="256" customWidth="1"/>
    <col min="8" max="15" width="9" style="256"/>
    <col min="16" max="16" width="7.21875" style="256" customWidth="1"/>
    <col min="17" max="26" width="9" style="256"/>
    <col min="27" max="27" width="7.6640625" style="256" customWidth="1"/>
    <col min="28" max="37" width="9" style="256"/>
    <col min="38" max="38" width="8.5546875" style="256" customWidth="1"/>
    <col min="39" max="48" width="9" style="256"/>
    <col min="49" max="49" width="7.6640625" style="256" customWidth="1"/>
    <col min="50" max="59" width="9" style="256"/>
    <col min="60" max="60" width="7.21875" style="256" customWidth="1"/>
    <col min="61" max="70" width="9" style="256"/>
    <col min="71" max="71" width="7.21875" style="256" customWidth="1"/>
    <col min="72" max="81" width="9" style="256"/>
    <col min="82" max="82" width="7.33203125" style="256" customWidth="1"/>
    <col min="83" max="92" width="9" style="256"/>
    <col min="93" max="93" width="7.44140625" style="256" customWidth="1"/>
    <col min="94" max="16384" width="9" style="256"/>
  </cols>
  <sheetData>
    <row r="1" spans="1:100" ht="22.5" customHeight="1" x14ac:dyDescent="0.2">
      <c r="A1" s="291" t="s">
        <v>124</v>
      </c>
      <c r="H1" s="528">
        <f>第１表!F2</f>
        <v>4</v>
      </c>
      <c r="I1" s="528"/>
      <c r="J1" s="248">
        <f>第１表!G2</f>
        <v>6</v>
      </c>
      <c r="K1" s="529">
        <f>IF(J1&lt;3,J1+12-2,J1-2)</f>
        <v>4</v>
      </c>
      <c r="L1" s="529"/>
    </row>
    <row r="2" spans="1:100" s="292" customFormat="1" ht="21" customHeight="1" thickBot="1" x14ac:dyDescent="0.25">
      <c r="A2" s="291" t="s">
        <v>131</v>
      </c>
    </row>
    <row r="3" spans="1:100" ht="23.25" customHeight="1" thickBot="1" x14ac:dyDescent="0.25">
      <c r="A3" s="537"/>
      <c r="B3" s="540" t="s">
        <v>94</v>
      </c>
      <c r="C3" s="541"/>
      <c r="D3" s="541"/>
      <c r="E3" s="541"/>
      <c r="F3" s="541"/>
      <c r="G3" s="541"/>
      <c r="H3" s="541"/>
      <c r="I3" s="541"/>
      <c r="J3" s="541"/>
      <c r="K3" s="541"/>
      <c r="L3" s="542"/>
      <c r="M3" s="540" t="s">
        <v>88</v>
      </c>
      <c r="N3" s="541"/>
      <c r="O3" s="541"/>
      <c r="P3" s="541"/>
      <c r="Q3" s="541"/>
      <c r="R3" s="541"/>
      <c r="S3" s="541"/>
      <c r="T3" s="541"/>
      <c r="U3" s="541"/>
      <c r="V3" s="541"/>
      <c r="W3" s="542"/>
      <c r="X3" s="540" t="s">
        <v>142</v>
      </c>
      <c r="Y3" s="541"/>
      <c r="Z3" s="541"/>
      <c r="AA3" s="541"/>
      <c r="AB3" s="541"/>
      <c r="AC3" s="541"/>
      <c r="AD3" s="541"/>
      <c r="AE3" s="541"/>
      <c r="AF3" s="541"/>
      <c r="AG3" s="541"/>
      <c r="AH3" s="542"/>
      <c r="AI3" s="540" t="s">
        <v>90</v>
      </c>
      <c r="AJ3" s="541"/>
      <c r="AK3" s="541"/>
      <c r="AL3" s="541"/>
      <c r="AM3" s="541"/>
      <c r="AN3" s="541"/>
      <c r="AO3" s="541"/>
      <c r="AP3" s="541"/>
      <c r="AQ3" s="541"/>
      <c r="AR3" s="541"/>
      <c r="AS3" s="542"/>
      <c r="AT3" s="546" t="s">
        <v>89</v>
      </c>
      <c r="AU3" s="547"/>
      <c r="AV3" s="547"/>
      <c r="AW3" s="547"/>
      <c r="AX3" s="547"/>
      <c r="AY3" s="547"/>
      <c r="AZ3" s="547"/>
      <c r="BA3" s="547"/>
      <c r="BB3" s="547"/>
      <c r="BC3" s="547"/>
      <c r="BD3" s="548"/>
      <c r="BE3" s="546" t="s">
        <v>91</v>
      </c>
      <c r="BF3" s="547"/>
      <c r="BG3" s="547"/>
      <c r="BH3" s="547"/>
      <c r="BI3" s="547"/>
      <c r="BJ3" s="547"/>
      <c r="BK3" s="547"/>
      <c r="BL3" s="547"/>
      <c r="BM3" s="547"/>
      <c r="BN3" s="547"/>
      <c r="BO3" s="548"/>
      <c r="BP3" s="546" t="s">
        <v>92</v>
      </c>
      <c r="BQ3" s="547"/>
      <c r="BR3" s="547"/>
      <c r="BS3" s="547"/>
      <c r="BT3" s="547"/>
      <c r="BU3" s="547"/>
      <c r="BV3" s="547"/>
      <c r="BW3" s="547"/>
      <c r="BX3" s="547"/>
      <c r="BY3" s="547"/>
      <c r="BZ3" s="548"/>
      <c r="CA3" s="546" t="s">
        <v>93</v>
      </c>
      <c r="CB3" s="547"/>
      <c r="CC3" s="547"/>
      <c r="CD3" s="547"/>
      <c r="CE3" s="547"/>
      <c r="CF3" s="547"/>
      <c r="CG3" s="547"/>
      <c r="CH3" s="547"/>
      <c r="CI3" s="547"/>
      <c r="CJ3" s="547"/>
      <c r="CK3" s="548"/>
      <c r="CL3" s="547" t="s">
        <v>141</v>
      </c>
      <c r="CM3" s="547"/>
      <c r="CN3" s="547"/>
      <c r="CO3" s="547"/>
      <c r="CP3" s="547"/>
      <c r="CQ3" s="547"/>
      <c r="CR3" s="547"/>
      <c r="CS3" s="547"/>
      <c r="CT3" s="547"/>
      <c r="CU3" s="547"/>
      <c r="CV3" s="548"/>
    </row>
    <row r="4" spans="1:100"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62" t="s">
        <v>61</v>
      </c>
      <c r="AU4" s="560"/>
      <c r="AV4" s="561"/>
      <c r="AW4" s="559" t="s">
        <v>62</v>
      </c>
      <c r="AX4" s="560"/>
      <c r="AY4" s="560"/>
      <c r="AZ4" s="560"/>
      <c r="BA4" s="560"/>
      <c r="BB4" s="560"/>
      <c r="BC4" s="561"/>
      <c r="BD4" s="563" t="s">
        <v>52</v>
      </c>
      <c r="BE4" s="562" t="s">
        <v>61</v>
      </c>
      <c r="BF4" s="560"/>
      <c r="BG4" s="561"/>
      <c r="BH4" s="559" t="s">
        <v>62</v>
      </c>
      <c r="BI4" s="560"/>
      <c r="BJ4" s="560"/>
      <c r="BK4" s="560"/>
      <c r="BL4" s="560"/>
      <c r="BM4" s="560"/>
      <c r="BN4" s="561"/>
      <c r="BO4" s="563" t="s">
        <v>52</v>
      </c>
      <c r="BP4" s="562" t="s">
        <v>61</v>
      </c>
      <c r="BQ4" s="560"/>
      <c r="BR4" s="561"/>
      <c r="BS4" s="559" t="s">
        <v>62</v>
      </c>
      <c r="BT4" s="560"/>
      <c r="BU4" s="560"/>
      <c r="BV4" s="560"/>
      <c r="BW4" s="560"/>
      <c r="BX4" s="560"/>
      <c r="BY4" s="561"/>
      <c r="BZ4" s="563" t="s">
        <v>52</v>
      </c>
      <c r="CA4" s="562" t="s">
        <v>61</v>
      </c>
      <c r="CB4" s="560"/>
      <c r="CC4" s="561"/>
      <c r="CD4" s="559" t="s">
        <v>62</v>
      </c>
      <c r="CE4" s="560"/>
      <c r="CF4" s="560"/>
      <c r="CG4" s="560"/>
      <c r="CH4" s="560"/>
      <c r="CI4" s="560"/>
      <c r="CJ4" s="561"/>
      <c r="CK4" s="563" t="s">
        <v>52</v>
      </c>
      <c r="CL4" s="562" t="s">
        <v>61</v>
      </c>
      <c r="CM4" s="560"/>
      <c r="CN4" s="561"/>
      <c r="CO4" s="559" t="s">
        <v>62</v>
      </c>
      <c r="CP4" s="560"/>
      <c r="CQ4" s="560"/>
      <c r="CR4" s="560"/>
      <c r="CS4" s="560"/>
      <c r="CT4" s="560"/>
      <c r="CU4" s="561"/>
      <c r="CV4" s="563" t="s">
        <v>52</v>
      </c>
    </row>
    <row r="5" spans="1:100" ht="34.5" customHeight="1" thickBot="1" x14ac:dyDescent="0.25">
      <c r="A5" s="539"/>
      <c r="B5" s="324" t="s">
        <v>43</v>
      </c>
      <c r="C5" s="266" t="s">
        <v>44</v>
      </c>
      <c r="D5" s="267" t="s">
        <v>45</v>
      </c>
      <c r="E5" s="268" t="s">
        <v>83</v>
      </c>
      <c r="F5" s="260" t="s">
        <v>47</v>
      </c>
      <c r="G5" s="260" t="s">
        <v>48</v>
      </c>
      <c r="H5" s="260" t="s">
        <v>49</v>
      </c>
      <c r="I5" s="260" t="s">
        <v>50</v>
      </c>
      <c r="J5" s="260" t="s">
        <v>51</v>
      </c>
      <c r="K5" s="269" t="s">
        <v>45</v>
      </c>
      <c r="L5" s="531"/>
      <c r="M5" s="324" t="s">
        <v>43</v>
      </c>
      <c r="N5" s="260" t="s">
        <v>44</v>
      </c>
      <c r="O5" s="266" t="s">
        <v>45</v>
      </c>
      <c r="P5" s="268" t="s">
        <v>83</v>
      </c>
      <c r="Q5" s="260" t="s">
        <v>47</v>
      </c>
      <c r="R5" s="260" t="s">
        <v>48</v>
      </c>
      <c r="S5" s="260" t="s">
        <v>49</v>
      </c>
      <c r="T5" s="260" t="s">
        <v>50</v>
      </c>
      <c r="U5" s="260" t="s">
        <v>51</v>
      </c>
      <c r="V5" s="266" t="s">
        <v>45</v>
      </c>
      <c r="W5" s="531"/>
      <c r="X5" s="324" t="s">
        <v>43</v>
      </c>
      <c r="Y5" s="260" t="s">
        <v>44</v>
      </c>
      <c r="Z5" s="266" t="s">
        <v>45</v>
      </c>
      <c r="AA5" s="268" t="s">
        <v>83</v>
      </c>
      <c r="AB5" s="260" t="s">
        <v>47</v>
      </c>
      <c r="AC5" s="260" t="s">
        <v>48</v>
      </c>
      <c r="AD5" s="260" t="s">
        <v>49</v>
      </c>
      <c r="AE5" s="260" t="s">
        <v>50</v>
      </c>
      <c r="AF5" s="260" t="s">
        <v>51</v>
      </c>
      <c r="AG5" s="266" t="s">
        <v>45</v>
      </c>
      <c r="AH5" s="531"/>
      <c r="AI5" s="341" t="s">
        <v>43</v>
      </c>
      <c r="AJ5" s="260" t="s">
        <v>44</v>
      </c>
      <c r="AK5" s="266" t="s">
        <v>45</v>
      </c>
      <c r="AL5" s="268" t="s">
        <v>83</v>
      </c>
      <c r="AM5" s="260" t="s">
        <v>47</v>
      </c>
      <c r="AN5" s="260" t="s">
        <v>48</v>
      </c>
      <c r="AO5" s="260" t="s">
        <v>49</v>
      </c>
      <c r="AP5" s="260" t="s">
        <v>50</v>
      </c>
      <c r="AQ5" s="260" t="s">
        <v>51</v>
      </c>
      <c r="AR5" s="266" t="s">
        <v>45</v>
      </c>
      <c r="AS5" s="531"/>
      <c r="AT5" s="341" t="s">
        <v>43</v>
      </c>
      <c r="AU5" s="260" t="s">
        <v>44</v>
      </c>
      <c r="AV5" s="266" t="s">
        <v>45</v>
      </c>
      <c r="AW5" s="268" t="s">
        <v>83</v>
      </c>
      <c r="AX5" s="260" t="s">
        <v>47</v>
      </c>
      <c r="AY5" s="260" t="s">
        <v>48</v>
      </c>
      <c r="AZ5" s="260" t="s">
        <v>49</v>
      </c>
      <c r="BA5" s="260" t="s">
        <v>50</v>
      </c>
      <c r="BB5" s="260" t="s">
        <v>51</v>
      </c>
      <c r="BC5" s="266" t="s">
        <v>45</v>
      </c>
      <c r="BD5" s="564"/>
      <c r="BE5" s="341" t="s">
        <v>43</v>
      </c>
      <c r="BF5" s="260" t="s">
        <v>44</v>
      </c>
      <c r="BG5" s="266" t="s">
        <v>45</v>
      </c>
      <c r="BH5" s="268" t="s">
        <v>83</v>
      </c>
      <c r="BI5" s="260" t="s">
        <v>47</v>
      </c>
      <c r="BJ5" s="260" t="s">
        <v>48</v>
      </c>
      <c r="BK5" s="260" t="s">
        <v>49</v>
      </c>
      <c r="BL5" s="260" t="s">
        <v>50</v>
      </c>
      <c r="BM5" s="260" t="s">
        <v>51</v>
      </c>
      <c r="BN5" s="266" t="s">
        <v>45</v>
      </c>
      <c r="BO5" s="564"/>
      <c r="BP5" s="341" t="s">
        <v>43</v>
      </c>
      <c r="BQ5" s="260" t="s">
        <v>44</v>
      </c>
      <c r="BR5" s="266" t="s">
        <v>45</v>
      </c>
      <c r="BS5" s="268" t="s">
        <v>83</v>
      </c>
      <c r="BT5" s="260" t="s">
        <v>47</v>
      </c>
      <c r="BU5" s="260" t="s">
        <v>48</v>
      </c>
      <c r="BV5" s="260" t="s">
        <v>49</v>
      </c>
      <c r="BW5" s="260" t="s">
        <v>50</v>
      </c>
      <c r="BX5" s="260" t="s">
        <v>51</v>
      </c>
      <c r="BY5" s="266" t="s">
        <v>45</v>
      </c>
      <c r="BZ5" s="564"/>
      <c r="CA5" s="341" t="s">
        <v>43</v>
      </c>
      <c r="CB5" s="260" t="s">
        <v>44</v>
      </c>
      <c r="CC5" s="266" t="s">
        <v>45</v>
      </c>
      <c r="CD5" s="268" t="s">
        <v>83</v>
      </c>
      <c r="CE5" s="260" t="s">
        <v>47</v>
      </c>
      <c r="CF5" s="260" t="s">
        <v>48</v>
      </c>
      <c r="CG5" s="260" t="s">
        <v>49</v>
      </c>
      <c r="CH5" s="260" t="s">
        <v>50</v>
      </c>
      <c r="CI5" s="260" t="s">
        <v>51</v>
      </c>
      <c r="CJ5" s="266" t="s">
        <v>45</v>
      </c>
      <c r="CK5" s="564"/>
      <c r="CL5" s="341" t="s">
        <v>43</v>
      </c>
      <c r="CM5" s="260" t="s">
        <v>44</v>
      </c>
      <c r="CN5" s="266" t="s">
        <v>45</v>
      </c>
      <c r="CO5" s="268" t="s">
        <v>83</v>
      </c>
      <c r="CP5" s="260" t="s">
        <v>47</v>
      </c>
      <c r="CQ5" s="260" t="s">
        <v>48</v>
      </c>
      <c r="CR5" s="260" t="s">
        <v>49</v>
      </c>
      <c r="CS5" s="260" t="s">
        <v>50</v>
      </c>
      <c r="CT5" s="260" t="s">
        <v>51</v>
      </c>
      <c r="CU5" s="266" t="s">
        <v>45</v>
      </c>
      <c r="CV5" s="564"/>
    </row>
    <row r="6" spans="1:100" ht="21" customHeight="1" x14ac:dyDescent="0.2">
      <c r="A6" s="261" t="s">
        <v>4</v>
      </c>
      <c r="B6" s="270">
        <v>0</v>
      </c>
      <c r="C6" s="271">
        <v>0</v>
      </c>
      <c r="D6" s="272">
        <v>0</v>
      </c>
      <c r="E6" s="273">
        <v>0</v>
      </c>
      <c r="F6" s="274">
        <v>19</v>
      </c>
      <c r="G6" s="274">
        <v>32</v>
      </c>
      <c r="H6" s="274">
        <v>21</v>
      </c>
      <c r="I6" s="274">
        <v>26</v>
      </c>
      <c r="J6" s="274">
        <v>20</v>
      </c>
      <c r="K6" s="275">
        <v>118</v>
      </c>
      <c r="L6" s="276">
        <v>118</v>
      </c>
      <c r="M6" s="270">
        <v>0</v>
      </c>
      <c r="N6" s="274">
        <v>0</v>
      </c>
      <c r="O6" s="271">
        <v>0</v>
      </c>
      <c r="P6" s="273">
        <v>0</v>
      </c>
      <c r="Q6" s="274">
        <v>19</v>
      </c>
      <c r="R6" s="274">
        <v>37</v>
      </c>
      <c r="S6" s="274">
        <v>37</v>
      </c>
      <c r="T6" s="274">
        <v>31</v>
      </c>
      <c r="U6" s="274">
        <v>34</v>
      </c>
      <c r="V6" s="271">
        <v>158</v>
      </c>
      <c r="W6" s="276">
        <v>158</v>
      </c>
      <c r="X6" s="270">
        <v>0</v>
      </c>
      <c r="Y6" s="274">
        <v>0</v>
      </c>
      <c r="Z6" s="271">
        <v>0</v>
      </c>
      <c r="AA6" s="273">
        <v>0</v>
      </c>
      <c r="AB6" s="274">
        <v>946</v>
      </c>
      <c r="AC6" s="274">
        <v>742</v>
      </c>
      <c r="AD6" s="274">
        <v>372</v>
      </c>
      <c r="AE6" s="274">
        <v>173</v>
      </c>
      <c r="AF6" s="274">
        <v>67</v>
      </c>
      <c r="AG6" s="271">
        <v>2300</v>
      </c>
      <c r="AH6" s="276">
        <v>2300</v>
      </c>
      <c r="AI6" s="270">
        <v>1</v>
      </c>
      <c r="AJ6" s="274">
        <v>1</v>
      </c>
      <c r="AK6" s="271">
        <v>2</v>
      </c>
      <c r="AL6" s="273">
        <v>0</v>
      </c>
      <c r="AM6" s="274">
        <v>72</v>
      </c>
      <c r="AN6" s="274">
        <v>79</v>
      </c>
      <c r="AO6" s="274">
        <v>77</v>
      </c>
      <c r="AP6" s="274">
        <v>40</v>
      </c>
      <c r="AQ6" s="274">
        <v>20</v>
      </c>
      <c r="AR6" s="271">
        <v>288</v>
      </c>
      <c r="AS6" s="276">
        <v>290</v>
      </c>
      <c r="AT6" s="270">
        <v>13</v>
      </c>
      <c r="AU6" s="274">
        <v>11</v>
      </c>
      <c r="AV6" s="271">
        <v>24</v>
      </c>
      <c r="AW6" s="273">
        <v>0</v>
      </c>
      <c r="AX6" s="274">
        <v>85</v>
      </c>
      <c r="AY6" s="274">
        <v>86</v>
      </c>
      <c r="AZ6" s="274">
        <v>75</v>
      </c>
      <c r="BA6" s="274">
        <v>53</v>
      </c>
      <c r="BB6" s="274">
        <v>19</v>
      </c>
      <c r="BC6" s="271">
        <v>318</v>
      </c>
      <c r="BD6" s="276">
        <v>342</v>
      </c>
      <c r="BE6" s="270">
        <v>0</v>
      </c>
      <c r="BF6" s="274">
        <v>0</v>
      </c>
      <c r="BG6" s="271">
        <v>0</v>
      </c>
      <c r="BH6" s="273">
        <v>0</v>
      </c>
      <c r="BI6" s="274">
        <v>110</v>
      </c>
      <c r="BJ6" s="274">
        <v>157</v>
      </c>
      <c r="BK6" s="274">
        <v>163</v>
      </c>
      <c r="BL6" s="274">
        <v>114</v>
      </c>
      <c r="BM6" s="274">
        <v>49</v>
      </c>
      <c r="BN6" s="275">
        <v>593</v>
      </c>
      <c r="BO6" s="276">
        <v>593</v>
      </c>
      <c r="BP6" s="270">
        <v>0</v>
      </c>
      <c r="BQ6" s="274">
        <v>0</v>
      </c>
      <c r="BR6" s="271">
        <v>0</v>
      </c>
      <c r="BS6" s="273">
        <v>0</v>
      </c>
      <c r="BT6" s="274">
        <v>2</v>
      </c>
      <c r="BU6" s="274">
        <v>6</v>
      </c>
      <c r="BV6" s="274">
        <v>4</v>
      </c>
      <c r="BW6" s="274">
        <v>11</v>
      </c>
      <c r="BX6" s="274">
        <v>3</v>
      </c>
      <c r="BY6" s="271">
        <v>26</v>
      </c>
      <c r="BZ6" s="276">
        <v>26</v>
      </c>
      <c r="CA6" s="270">
        <v>0</v>
      </c>
      <c r="CB6" s="274">
        <v>0</v>
      </c>
      <c r="CC6" s="271">
        <v>0</v>
      </c>
      <c r="CD6" s="273">
        <v>0</v>
      </c>
      <c r="CE6" s="274">
        <v>0</v>
      </c>
      <c r="CF6" s="274">
        <v>1</v>
      </c>
      <c r="CG6" s="274">
        <v>19</v>
      </c>
      <c r="CH6" s="274">
        <v>14</v>
      </c>
      <c r="CI6" s="274">
        <v>8</v>
      </c>
      <c r="CJ6" s="271">
        <v>42</v>
      </c>
      <c r="CK6" s="276">
        <v>42</v>
      </c>
      <c r="CL6" s="270">
        <v>0</v>
      </c>
      <c r="CM6" s="274">
        <v>0</v>
      </c>
      <c r="CN6" s="271">
        <v>0</v>
      </c>
      <c r="CO6" s="273">
        <v>0</v>
      </c>
      <c r="CP6" s="274">
        <v>21</v>
      </c>
      <c r="CQ6" s="274">
        <v>14</v>
      </c>
      <c r="CR6" s="274">
        <v>17</v>
      </c>
      <c r="CS6" s="274">
        <v>25</v>
      </c>
      <c r="CT6" s="274">
        <v>32</v>
      </c>
      <c r="CU6" s="271">
        <v>109</v>
      </c>
      <c r="CV6" s="276">
        <v>109</v>
      </c>
    </row>
    <row r="7" spans="1:100" ht="21" customHeight="1" x14ac:dyDescent="0.2">
      <c r="A7" s="262" t="s">
        <v>5</v>
      </c>
      <c r="B7" s="277">
        <v>0</v>
      </c>
      <c r="C7" s="278">
        <v>0</v>
      </c>
      <c r="D7" s="279">
        <v>0</v>
      </c>
      <c r="E7" s="280">
        <v>0</v>
      </c>
      <c r="F7" s="281">
        <v>7</v>
      </c>
      <c r="G7" s="281">
        <v>17</v>
      </c>
      <c r="H7" s="281">
        <v>12</v>
      </c>
      <c r="I7" s="281">
        <v>11</v>
      </c>
      <c r="J7" s="281">
        <v>8</v>
      </c>
      <c r="K7" s="282">
        <v>55</v>
      </c>
      <c r="L7" s="283">
        <v>55</v>
      </c>
      <c r="M7" s="277">
        <v>0</v>
      </c>
      <c r="N7" s="281">
        <v>0</v>
      </c>
      <c r="O7" s="278">
        <v>0</v>
      </c>
      <c r="P7" s="280">
        <v>0</v>
      </c>
      <c r="Q7" s="281">
        <v>13</v>
      </c>
      <c r="R7" s="281">
        <v>27</v>
      </c>
      <c r="S7" s="281">
        <v>29</v>
      </c>
      <c r="T7" s="281">
        <v>22</v>
      </c>
      <c r="U7" s="281">
        <v>27</v>
      </c>
      <c r="V7" s="278">
        <v>118</v>
      </c>
      <c r="W7" s="283">
        <v>118</v>
      </c>
      <c r="X7" s="277">
        <v>0</v>
      </c>
      <c r="Y7" s="281">
        <v>0</v>
      </c>
      <c r="Z7" s="278">
        <v>0</v>
      </c>
      <c r="AA7" s="280">
        <v>0</v>
      </c>
      <c r="AB7" s="281">
        <v>367</v>
      </c>
      <c r="AC7" s="281">
        <v>360</v>
      </c>
      <c r="AD7" s="281">
        <v>197</v>
      </c>
      <c r="AE7" s="281">
        <v>84</v>
      </c>
      <c r="AF7" s="281">
        <v>35</v>
      </c>
      <c r="AG7" s="278">
        <v>1043</v>
      </c>
      <c r="AH7" s="283">
        <v>1043</v>
      </c>
      <c r="AI7" s="277">
        <v>0</v>
      </c>
      <c r="AJ7" s="281">
        <v>1</v>
      </c>
      <c r="AK7" s="278">
        <v>1</v>
      </c>
      <c r="AL7" s="280">
        <v>0</v>
      </c>
      <c r="AM7" s="281">
        <v>34</v>
      </c>
      <c r="AN7" s="281">
        <v>43</v>
      </c>
      <c r="AO7" s="281">
        <v>38</v>
      </c>
      <c r="AP7" s="281">
        <v>25</v>
      </c>
      <c r="AQ7" s="281">
        <v>13</v>
      </c>
      <c r="AR7" s="278">
        <v>153</v>
      </c>
      <c r="AS7" s="283">
        <v>154</v>
      </c>
      <c r="AT7" s="277">
        <v>5</v>
      </c>
      <c r="AU7" s="281">
        <v>8</v>
      </c>
      <c r="AV7" s="278">
        <v>13</v>
      </c>
      <c r="AW7" s="280">
        <v>0</v>
      </c>
      <c r="AX7" s="281">
        <v>27</v>
      </c>
      <c r="AY7" s="281">
        <v>33</v>
      </c>
      <c r="AZ7" s="281">
        <v>31</v>
      </c>
      <c r="BA7" s="281">
        <v>22</v>
      </c>
      <c r="BB7" s="281">
        <v>8</v>
      </c>
      <c r="BC7" s="278">
        <v>121</v>
      </c>
      <c r="BD7" s="283">
        <v>134</v>
      </c>
      <c r="BE7" s="277">
        <v>0</v>
      </c>
      <c r="BF7" s="281">
        <v>0</v>
      </c>
      <c r="BG7" s="278">
        <v>0</v>
      </c>
      <c r="BH7" s="280">
        <v>0</v>
      </c>
      <c r="BI7" s="281">
        <v>37</v>
      </c>
      <c r="BJ7" s="281">
        <v>64</v>
      </c>
      <c r="BK7" s="281">
        <v>62</v>
      </c>
      <c r="BL7" s="281">
        <v>39</v>
      </c>
      <c r="BM7" s="281">
        <v>15</v>
      </c>
      <c r="BN7" s="282">
        <v>217</v>
      </c>
      <c r="BO7" s="283">
        <v>217</v>
      </c>
      <c r="BP7" s="277">
        <v>0</v>
      </c>
      <c r="BQ7" s="281">
        <v>0</v>
      </c>
      <c r="BR7" s="278">
        <v>0</v>
      </c>
      <c r="BS7" s="280">
        <v>0</v>
      </c>
      <c r="BT7" s="281">
        <v>0</v>
      </c>
      <c r="BU7" s="281">
        <v>0</v>
      </c>
      <c r="BV7" s="281">
        <v>0</v>
      </c>
      <c r="BW7" s="281">
        <v>0</v>
      </c>
      <c r="BX7" s="281">
        <v>0</v>
      </c>
      <c r="BY7" s="278">
        <v>0</v>
      </c>
      <c r="BZ7" s="283">
        <v>0</v>
      </c>
      <c r="CA7" s="277">
        <v>0</v>
      </c>
      <c r="CB7" s="281">
        <v>0</v>
      </c>
      <c r="CC7" s="278">
        <v>0</v>
      </c>
      <c r="CD7" s="280">
        <v>0</v>
      </c>
      <c r="CE7" s="281">
        <v>0</v>
      </c>
      <c r="CF7" s="281">
        <v>1</v>
      </c>
      <c r="CG7" s="281">
        <v>3</v>
      </c>
      <c r="CH7" s="281">
        <v>2</v>
      </c>
      <c r="CI7" s="281">
        <v>2</v>
      </c>
      <c r="CJ7" s="278">
        <v>8</v>
      </c>
      <c r="CK7" s="283">
        <v>8</v>
      </c>
      <c r="CL7" s="277">
        <v>0</v>
      </c>
      <c r="CM7" s="281">
        <v>0</v>
      </c>
      <c r="CN7" s="278">
        <v>0</v>
      </c>
      <c r="CO7" s="280">
        <v>0</v>
      </c>
      <c r="CP7" s="281">
        <v>5</v>
      </c>
      <c r="CQ7" s="281">
        <v>5</v>
      </c>
      <c r="CR7" s="281">
        <v>1</v>
      </c>
      <c r="CS7" s="281">
        <v>6</v>
      </c>
      <c r="CT7" s="281">
        <v>19</v>
      </c>
      <c r="CU7" s="278">
        <v>36</v>
      </c>
      <c r="CV7" s="283">
        <v>36</v>
      </c>
    </row>
    <row r="8" spans="1:100" ht="21" customHeight="1" x14ac:dyDescent="0.2">
      <c r="A8" s="262" t="s">
        <v>6</v>
      </c>
      <c r="B8" s="277">
        <v>0</v>
      </c>
      <c r="C8" s="278">
        <v>0</v>
      </c>
      <c r="D8" s="279">
        <v>0</v>
      </c>
      <c r="E8" s="280">
        <v>0</v>
      </c>
      <c r="F8" s="281">
        <v>3</v>
      </c>
      <c r="G8" s="281">
        <v>7</v>
      </c>
      <c r="H8" s="281">
        <v>4</v>
      </c>
      <c r="I8" s="281">
        <v>11</v>
      </c>
      <c r="J8" s="281">
        <v>6</v>
      </c>
      <c r="K8" s="282">
        <v>31</v>
      </c>
      <c r="L8" s="283">
        <v>31</v>
      </c>
      <c r="M8" s="277">
        <v>0</v>
      </c>
      <c r="N8" s="281">
        <v>0</v>
      </c>
      <c r="O8" s="278">
        <v>0</v>
      </c>
      <c r="P8" s="280">
        <v>0</v>
      </c>
      <c r="Q8" s="281">
        <v>4</v>
      </c>
      <c r="R8" s="281">
        <v>8</v>
      </c>
      <c r="S8" s="281">
        <v>6</v>
      </c>
      <c r="T8" s="281">
        <v>9</v>
      </c>
      <c r="U8" s="281">
        <v>6</v>
      </c>
      <c r="V8" s="278">
        <v>33</v>
      </c>
      <c r="W8" s="283">
        <v>33</v>
      </c>
      <c r="X8" s="277">
        <v>0</v>
      </c>
      <c r="Y8" s="281">
        <v>0</v>
      </c>
      <c r="Z8" s="278">
        <v>0</v>
      </c>
      <c r="AA8" s="280">
        <v>0</v>
      </c>
      <c r="AB8" s="281">
        <v>107</v>
      </c>
      <c r="AC8" s="281">
        <v>65</v>
      </c>
      <c r="AD8" s="281">
        <v>42</v>
      </c>
      <c r="AE8" s="281">
        <v>26</v>
      </c>
      <c r="AF8" s="281">
        <v>6</v>
      </c>
      <c r="AG8" s="278">
        <v>246</v>
      </c>
      <c r="AH8" s="283">
        <v>246</v>
      </c>
      <c r="AI8" s="277">
        <v>0</v>
      </c>
      <c r="AJ8" s="281">
        <v>0</v>
      </c>
      <c r="AK8" s="278">
        <v>0</v>
      </c>
      <c r="AL8" s="280">
        <v>0</v>
      </c>
      <c r="AM8" s="281">
        <v>14</v>
      </c>
      <c r="AN8" s="281">
        <v>12</v>
      </c>
      <c r="AO8" s="281">
        <v>12</v>
      </c>
      <c r="AP8" s="281">
        <v>4</v>
      </c>
      <c r="AQ8" s="281">
        <v>3</v>
      </c>
      <c r="AR8" s="278">
        <v>45</v>
      </c>
      <c r="AS8" s="283">
        <v>45</v>
      </c>
      <c r="AT8" s="277">
        <v>2</v>
      </c>
      <c r="AU8" s="281">
        <v>1</v>
      </c>
      <c r="AV8" s="278">
        <v>3</v>
      </c>
      <c r="AW8" s="280">
        <v>0</v>
      </c>
      <c r="AX8" s="281">
        <v>10</v>
      </c>
      <c r="AY8" s="281">
        <v>14</v>
      </c>
      <c r="AZ8" s="281">
        <v>11</v>
      </c>
      <c r="BA8" s="281">
        <v>5</v>
      </c>
      <c r="BB8" s="281">
        <v>2</v>
      </c>
      <c r="BC8" s="278">
        <v>42</v>
      </c>
      <c r="BD8" s="283">
        <v>45</v>
      </c>
      <c r="BE8" s="277">
        <v>0</v>
      </c>
      <c r="BF8" s="281">
        <v>0</v>
      </c>
      <c r="BG8" s="278">
        <v>0</v>
      </c>
      <c r="BH8" s="280">
        <v>0</v>
      </c>
      <c r="BI8" s="281">
        <v>17</v>
      </c>
      <c r="BJ8" s="281">
        <v>24</v>
      </c>
      <c r="BK8" s="281">
        <v>31</v>
      </c>
      <c r="BL8" s="281">
        <v>19</v>
      </c>
      <c r="BM8" s="281">
        <v>10</v>
      </c>
      <c r="BN8" s="282">
        <v>101</v>
      </c>
      <c r="BO8" s="283">
        <v>101</v>
      </c>
      <c r="BP8" s="277">
        <v>0</v>
      </c>
      <c r="BQ8" s="281">
        <v>0</v>
      </c>
      <c r="BR8" s="278">
        <v>0</v>
      </c>
      <c r="BS8" s="280">
        <v>0</v>
      </c>
      <c r="BT8" s="281">
        <v>0</v>
      </c>
      <c r="BU8" s="281">
        <v>0</v>
      </c>
      <c r="BV8" s="281">
        <v>0</v>
      </c>
      <c r="BW8" s="281">
        <v>0</v>
      </c>
      <c r="BX8" s="281">
        <v>0</v>
      </c>
      <c r="BY8" s="278">
        <v>0</v>
      </c>
      <c r="BZ8" s="283">
        <v>0</v>
      </c>
      <c r="CA8" s="277">
        <v>0</v>
      </c>
      <c r="CB8" s="281">
        <v>0</v>
      </c>
      <c r="CC8" s="278">
        <v>0</v>
      </c>
      <c r="CD8" s="280">
        <v>0</v>
      </c>
      <c r="CE8" s="281">
        <v>0</v>
      </c>
      <c r="CF8" s="281">
        <v>0</v>
      </c>
      <c r="CG8" s="281">
        <v>8</v>
      </c>
      <c r="CH8" s="281">
        <v>3</v>
      </c>
      <c r="CI8" s="281">
        <v>2</v>
      </c>
      <c r="CJ8" s="278">
        <v>13</v>
      </c>
      <c r="CK8" s="283">
        <v>13</v>
      </c>
      <c r="CL8" s="277">
        <v>0</v>
      </c>
      <c r="CM8" s="281">
        <v>0</v>
      </c>
      <c r="CN8" s="278">
        <v>0</v>
      </c>
      <c r="CO8" s="280">
        <v>0</v>
      </c>
      <c r="CP8" s="281">
        <v>5</v>
      </c>
      <c r="CQ8" s="281">
        <v>3</v>
      </c>
      <c r="CR8" s="281">
        <v>1</v>
      </c>
      <c r="CS8" s="281">
        <v>5</v>
      </c>
      <c r="CT8" s="281">
        <v>5</v>
      </c>
      <c r="CU8" s="278">
        <v>19</v>
      </c>
      <c r="CV8" s="283">
        <v>19</v>
      </c>
    </row>
    <row r="9" spans="1:100" ht="21" customHeight="1" x14ac:dyDescent="0.2">
      <c r="A9" s="262" t="s">
        <v>14</v>
      </c>
      <c r="B9" s="277">
        <v>0</v>
      </c>
      <c r="C9" s="278">
        <v>0</v>
      </c>
      <c r="D9" s="279">
        <v>0</v>
      </c>
      <c r="E9" s="280">
        <v>0</v>
      </c>
      <c r="F9" s="281">
        <v>2</v>
      </c>
      <c r="G9" s="281">
        <v>2</v>
      </c>
      <c r="H9" s="281">
        <v>0</v>
      </c>
      <c r="I9" s="281">
        <v>1</v>
      </c>
      <c r="J9" s="281">
        <v>1</v>
      </c>
      <c r="K9" s="282">
        <v>6</v>
      </c>
      <c r="L9" s="283">
        <v>6</v>
      </c>
      <c r="M9" s="277">
        <v>0</v>
      </c>
      <c r="N9" s="281">
        <v>0</v>
      </c>
      <c r="O9" s="278">
        <v>0</v>
      </c>
      <c r="P9" s="280">
        <v>0</v>
      </c>
      <c r="Q9" s="281">
        <v>0</v>
      </c>
      <c r="R9" s="281">
        <v>0</v>
      </c>
      <c r="S9" s="281">
        <v>0</v>
      </c>
      <c r="T9" s="281">
        <v>0</v>
      </c>
      <c r="U9" s="281">
        <v>0</v>
      </c>
      <c r="V9" s="278">
        <v>0</v>
      </c>
      <c r="W9" s="283">
        <v>0</v>
      </c>
      <c r="X9" s="277">
        <v>0</v>
      </c>
      <c r="Y9" s="281">
        <v>0</v>
      </c>
      <c r="Z9" s="278">
        <v>0</v>
      </c>
      <c r="AA9" s="280">
        <v>0</v>
      </c>
      <c r="AB9" s="281">
        <v>77</v>
      </c>
      <c r="AC9" s="281">
        <v>60</v>
      </c>
      <c r="AD9" s="281">
        <v>33</v>
      </c>
      <c r="AE9" s="281">
        <v>11</v>
      </c>
      <c r="AF9" s="281">
        <v>4</v>
      </c>
      <c r="AG9" s="278">
        <v>185</v>
      </c>
      <c r="AH9" s="283">
        <v>185</v>
      </c>
      <c r="AI9" s="277">
        <v>0</v>
      </c>
      <c r="AJ9" s="281">
        <v>0</v>
      </c>
      <c r="AK9" s="278">
        <v>0</v>
      </c>
      <c r="AL9" s="280">
        <v>0</v>
      </c>
      <c r="AM9" s="281">
        <v>1</v>
      </c>
      <c r="AN9" s="281">
        <v>1</v>
      </c>
      <c r="AO9" s="281">
        <v>0</v>
      </c>
      <c r="AP9" s="281">
        <v>1</v>
      </c>
      <c r="AQ9" s="281">
        <v>0</v>
      </c>
      <c r="AR9" s="278">
        <v>3</v>
      </c>
      <c r="AS9" s="283">
        <v>3</v>
      </c>
      <c r="AT9" s="277">
        <v>1</v>
      </c>
      <c r="AU9" s="281">
        <v>1</v>
      </c>
      <c r="AV9" s="278">
        <v>2</v>
      </c>
      <c r="AW9" s="280">
        <v>0</v>
      </c>
      <c r="AX9" s="281">
        <v>11</v>
      </c>
      <c r="AY9" s="281">
        <v>4</v>
      </c>
      <c r="AZ9" s="281">
        <v>8</v>
      </c>
      <c r="BA9" s="281">
        <v>4</v>
      </c>
      <c r="BB9" s="281">
        <v>1</v>
      </c>
      <c r="BC9" s="278">
        <v>28</v>
      </c>
      <c r="BD9" s="283">
        <v>30</v>
      </c>
      <c r="BE9" s="277">
        <v>0</v>
      </c>
      <c r="BF9" s="281">
        <v>0</v>
      </c>
      <c r="BG9" s="278">
        <v>0</v>
      </c>
      <c r="BH9" s="280">
        <v>0</v>
      </c>
      <c r="BI9" s="281">
        <v>5</v>
      </c>
      <c r="BJ9" s="281">
        <v>12</v>
      </c>
      <c r="BK9" s="281">
        <v>15</v>
      </c>
      <c r="BL9" s="281">
        <v>13</v>
      </c>
      <c r="BM9" s="281">
        <v>5</v>
      </c>
      <c r="BN9" s="282">
        <v>50</v>
      </c>
      <c r="BO9" s="283">
        <v>50</v>
      </c>
      <c r="BP9" s="277">
        <v>0</v>
      </c>
      <c r="BQ9" s="281">
        <v>0</v>
      </c>
      <c r="BR9" s="278">
        <v>0</v>
      </c>
      <c r="BS9" s="280">
        <v>0</v>
      </c>
      <c r="BT9" s="281">
        <v>0</v>
      </c>
      <c r="BU9" s="281">
        <v>0</v>
      </c>
      <c r="BV9" s="281">
        <v>0</v>
      </c>
      <c r="BW9" s="281">
        <v>0</v>
      </c>
      <c r="BX9" s="281">
        <v>0</v>
      </c>
      <c r="BY9" s="278">
        <v>0</v>
      </c>
      <c r="BZ9" s="283">
        <v>0</v>
      </c>
      <c r="CA9" s="277">
        <v>0</v>
      </c>
      <c r="CB9" s="281">
        <v>0</v>
      </c>
      <c r="CC9" s="278">
        <v>0</v>
      </c>
      <c r="CD9" s="280">
        <v>0</v>
      </c>
      <c r="CE9" s="281">
        <v>0</v>
      </c>
      <c r="CF9" s="281">
        <v>0</v>
      </c>
      <c r="CG9" s="281">
        <v>2</v>
      </c>
      <c r="CH9" s="281">
        <v>0</v>
      </c>
      <c r="CI9" s="281">
        <v>0</v>
      </c>
      <c r="CJ9" s="278">
        <v>2</v>
      </c>
      <c r="CK9" s="283">
        <v>2</v>
      </c>
      <c r="CL9" s="277">
        <v>0</v>
      </c>
      <c r="CM9" s="281">
        <v>0</v>
      </c>
      <c r="CN9" s="278">
        <v>0</v>
      </c>
      <c r="CO9" s="280">
        <v>0</v>
      </c>
      <c r="CP9" s="281">
        <v>1</v>
      </c>
      <c r="CQ9" s="281">
        <v>0</v>
      </c>
      <c r="CR9" s="281">
        <v>0</v>
      </c>
      <c r="CS9" s="281">
        <v>2</v>
      </c>
      <c r="CT9" s="281">
        <v>2</v>
      </c>
      <c r="CU9" s="278">
        <v>5</v>
      </c>
      <c r="CV9" s="283">
        <v>5</v>
      </c>
    </row>
    <row r="10" spans="1:100" ht="21" customHeight="1" x14ac:dyDescent="0.2">
      <c r="A10" s="262" t="s">
        <v>7</v>
      </c>
      <c r="B10" s="277">
        <v>0</v>
      </c>
      <c r="C10" s="278">
        <v>0</v>
      </c>
      <c r="D10" s="279">
        <v>0</v>
      </c>
      <c r="E10" s="280">
        <v>0</v>
      </c>
      <c r="F10" s="281">
        <v>0</v>
      </c>
      <c r="G10" s="281">
        <v>0</v>
      </c>
      <c r="H10" s="281">
        <v>0</v>
      </c>
      <c r="I10" s="281">
        <v>0</v>
      </c>
      <c r="J10" s="281">
        <v>1</v>
      </c>
      <c r="K10" s="282">
        <v>1</v>
      </c>
      <c r="L10" s="283">
        <v>1</v>
      </c>
      <c r="M10" s="277">
        <v>0</v>
      </c>
      <c r="N10" s="281">
        <v>0</v>
      </c>
      <c r="O10" s="278">
        <v>0</v>
      </c>
      <c r="P10" s="280">
        <v>0</v>
      </c>
      <c r="Q10" s="281">
        <v>0</v>
      </c>
      <c r="R10" s="281">
        <v>0</v>
      </c>
      <c r="S10" s="281">
        <v>0</v>
      </c>
      <c r="T10" s="281">
        <v>0</v>
      </c>
      <c r="U10" s="281">
        <v>0</v>
      </c>
      <c r="V10" s="278">
        <v>0</v>
      </c>
      <c r="W10" s="283">
        <v>0</v>
      </c>
      <c r="X10" s="277">
        <v>0</v>
      </c>
      <c r="Y10" s="281">
        <v>0</v>
      </c>
      <c r="Z10" s="278">
        <v>0</v>
      </c>
      <c r="AA10" s="280">
        <v>0</v>
      </c>
      <c r="AB10" s="281">
        <v>92</v>
      </c>
      <c r="AC10" s="281">
        <v>40</v>
      </c>
      <c r="AD10" s="281">
        <v>14</v>
      </c>
      <c r="AE10" s="281">
        <v>8</v>
      </c>
      <c r="AF10" s="281">
        <v>4</v>
      </c>
      <c r="AG10" s="278">
        <v>158</v>
      </c>
      <c r="AH10" s="283">
        <v>158</v>
      </c>
      <c r="AI10" s="277">
        <v>0</v>
      </c>
      <c r="AJ10" s="281">
        <v>0</v>
      </c>
      <c r="AK10" s="278">
        <v>0</v>
      </c>
      <c r="AL10" s="280">
        <v>0</v>
      </c>
      <c r="AM10" s="281">
        <v>10</v>
      </c>
      <c r="AN10" s="281">
        <v>10</v>
      </c>
      <c r="AO10" s="281">
        <v>4</v>
      </c>
      <c r="AP10" s="281">
        <v>4</v>
      </c>
      <c r="AQ10" s="281">
        <v>1</v>
      </c>
      <c r="AR10" s="278">
        <v>29</v>
      </c>
      <c r="AS10" s="283">
        <v>29</v>
      </c>
      <c r="AT10" s="277">
        <v>1</v>
      </c>
      <c r="AU10" s="281">
        <v>1</v>
      </c>
      <c r="AV10" s="278">
        <v>2</v>
      </c>
      <c r="AW10" s="280">
        <v>0</v>
      </c>
      <c r="AX10" s="281">
        <v>4</v>
      </c>
      <c r="AY10" s="281">
        <v>3</v>
      </c>
      <c r="AZ10" s="281">
        <v>0</v>
      </c>
      <c r="BA10" s="281">
        <v>2</v>
      </c>
      <c r="BB10" s="281">
        <v>0</v>
      </c>
      <c r="BC10" s="278">
        <v>9</v>
      </c>
      <c r="BD10" s="283">
        <v>11</v>
      </c>
      <c r="BE10" s="277">
        <v>0</v>
      </c>
      <c r="BF10" s="281">
        <v>0</v>
      </c>
      <c r="BG10" s="278">
        <v>0</v>
      </c>
      <c r="BH10" s="280">
        <v>0</v>
      </c>
      <c r="BI10" s="281">
        <v>13</v>
      </c>
      <c r="BJ10" s="281">
        <v>3</v>
      </c>
      <c r="BK10" s="281">
        <v>16</v>
      </c>
      <c r="BL10" s="281">
        <v>8</v>
      </c>
      <c r="BM10" s="281">
        <v>2</v>
      </c>
      <c r="BN10" s="282">
        <v>42</v>
      </c>
      <c r="BO10" s="283">
        <v>42</v>
      </c>
      <c r="BP10" s="277">
        <v>0</v>
      </c>
      <c r="BQ10" s="281">
        <v>0</v>
      </c>
      <c r="BR10" s="278">
        <v>0</v>
      </c>
      <c r="BS10" s="280">
        <v>0</v>
      </c>
      <c r="BT10" s="281">
        <v>0</v>
      </c>
      <c r="BU10" s="281">
        <v>0</v>
      </c>
      <c r="BV10" s="281">
        <v>0</v>
      </c>
      <c r="BW10" s="281">
        <v>0</v>
      </c>
      <c r="BX10" s="281">
        <v>0</v>
      </c>
      <c r="BY10" s="278">
        <v>0</v>
      </c>
      <c r="BZ10" s="283">
        <v>0</v>
      </c>
      <c r="CA10" s="277">
        <v>0</v>
      </c>
      <c r="CB10" s="281">
        <v>0</v>
      </c>
      <c r="CC10" s="278">
        <v>0</v>
      </c>
      <c r="CD10" s="280">
        <v>0</v>
      </c>
      <c r="CE10" s="281">
        <v>0</v>
      </c>
      <c r="CF10" s="281">
        <v>0</v>
      </c>
      <c r="CG10" s="281">
        <v>0</v>
      </c>
      <c r="CH10" s="281">
        <v>0</v>
      </c>
      <c r="CI10" s="281">
        <v>0</v>
      </c>
      <c r="CJ10" s="278">
        <v>0</v>
      </c>
      <c r="CK10" s="283">
        <v>0</v>
      </c>
      <c r="CL10" s="277">
        <v>0</v>
      </c>
      <c r="CM10" s="281">
        <v>0</v>
      </c>
      <c r="CN10" s="278">
        <v>0</v>
      </c>
      <c r="CO10" s="280">
        <v>0</v>
      </c>
      <c r="CP10" s="281">
        <v>1</v>
      </c>
      <c r="CQ10" s="281">
        <v>1</v>
      </c>
      <c r="CR10" s="281">
        <v>0</v>
      </c>
      <c r="CS10" s="281">
        <v>2</v>
      </c>
      <c r="CT10" s="281">
        <v>1</v>
      </c>
      <c r="CU10" s="278">
        <v>5</v>
      </c>
      <c r="CV10" s="283">
        <v>5</v>
      </c>
    </row>
    <row r="11" spans="1:100" ht="21" customHeight="1" x14ac:dyDescent="0.2">
      <c r="A11" s="262" t="s">
        <v>8</v>
      </c>
      <c r="B11" s="277">
        <v>0</v>
      </c>
      <c r="C11" s="278">
        <v>0</v>
      </c>
      <c r="D11" s="279">
        <v>0</v>
      </c>
      <c r="E11" s="280">
        <v>0</v>
      </c>
      <c r="F11" s="281">
        <v>0</v>
      </c>
      <c r="G11" s="281">
        <v>0</v>
      </c>
      <c r="H11" s="281">
        <v>0</v>
      </c>
      <c r="I11" s="281">
        <v>1</v>
      </c>
      <c r="J11" s="281">
        <v>0</v>
      </c>
      <c r="K11" s="282">
        <v>1</v>
      </c>
      <c r="L11" s="283">
        <v>1</v>
      </c>
      <c r="M11" s="277">
        <v>0</v>
      </c>
      <c r="N11" s="281">
        <v>0</v>
      </c>
      <c r="O11" s="278">
        <v>0</v>
      </c>
      <c r="P11" s="280">
        <v>0</v>
      </c>
      <c r="Q11" s="281">
        <v>0</v>
      </c>
      <c r="R11" s="281">
        <v>0</v>
      </c>
      <c r="S11" s="281">
        <v>0</v>
      </c>
      <c r="T11" s="281">
        <v>0</v>
      </c>
      <c r="U11" s="281">
        <v>1</v>
      </c>
      <c r="V11" s="278">
        <v>1</v>
      </c>
      <c r="W11" s="283">
        <v>1</v>
      </c>
      <c r="X11" s="277">
        <v>0</v>
      </c>
      <c r="Y11" s="281">
        <v>0</v>
      </c>
      <c r="Z11" s="278">
        <v>0</v>
      </c>
      <c r="AA11" s="280">
        <v>0</v>
      </c>
      <c r="AB11" s="281">
        <v>33</v>
      </c>
      <c r="AC11" s="281">
        <v>33</v>
      </c>
      <c r="AD11" s="281">
        <v>9</v>
      </c>
      <c r="AE11" s="281">
        <v>7</v>
      </c>
      <c r="AF11" s="281">
        <v>1</v>
      </c>
      <c r="AG11" s="278">
        <v>83</v>
      </c>
      <c r="AH11" s="283">
        <v>83</v>
      </c>
      <c r="AI11" s="277">
        <v>0</v>
      </c>
      <c r="AJ11" s="281">
        <v>0</v>
      </c>
      <c r="AK11" s="278">
        <v>0</v>
      </c>
      <c r="AL11" s="280">
        <v>0</v>
      </c>
      <c r="AM11" s="281">
        <v>1</v>
      </c>
      <c r="AN11" s="281">
        <v>0</v>
      </c>
      <c r="AO11" s="281">
        <v>0</v>
      </c>
      <c r="AP11" s="281">
        <v>0</v>
      </c>
      <c r="AQ11" s="281">
        <v>1</v>
      </c>
      <c r="AR11" s="278">
        <v>2</v>
      </c>
      <c r="AS11" s="283">
        <v>2</v>
      </c>
      <c r="AT11" s="277">
        <v>1</v>
      </c>
      <c r="AU11" s="281">
        <v>0</v>
      </c>
      <c r="AV11" s="278">
        <v>1</v>
      </c>
      <c r="AW11" s="280">
        <v>0</v>
      </c>
      <c r="AX11" s="281">
        <v>5</v>
      </c>
      <c r="AY11" s="281">
        <v>3</v>
      </c>
      <c r="AZ11" s="281">
        <v>2</v>
      </c>
      <c r="BA11" s="281">
        <v>2</v>
      </c>
      <c r="BB11" s="281">
        <v>0</v>
      </c>
      <c r="BC11" s="278">
        <v>12</v>
      </c>
      <c r="BD11" s="283">
        <v>13</v>
      </c>
      <c r="BE11" s="277">
        <v>0</v>
      </c>
      <c r="BF11" s="281">
        <v>0</v>
      </c>
      <c r="BG11" s="278">
        <v>0</v>
      </c>
      <c r="BH11" s="280">
        <v>0</v>
      </c>
      <c r="BI11" s="281">
        <v>3</v>
      </c>
      <c r="BJ11" s="281">
        <v>3</v>
      </c>
      <c r="BK11" s="281">
        <v>5</v>
      </c>
      <c r="BL11" s="281">
        <v>4</v>
      </c>
      <c r="BM11" s="281">
        <v>1</v>
      </c>
      <c r="BN11" s="282">
        <v>16</v>
      </c>
      <c r="BO11" s="283">
        <v>16</v>
      </c>
      <c r="BP11" s="277">
        <v>0</v>
      </c>
      <c r="BQ11" s="281">
        <v>0</v>
      </c>
      <c r="BR11" s="278">
        <v>0</v>
      </c>
      <c r="BS11" s="280">
        <v>0</v>
      </c>
      <c r="BT11" s="281">
        <v>0</v>
      </c>
      <c r="BU11" s="281">
        <v>0</v>
      </c>
      <c r="BV11" s="281">
        <v>0</v>
      </c>
      <c r="BW11" s="281">
        <v>4</v>
      </c>
      <c r="BX11" s="281">
        <v>0</v>
      </c>
      <c r="BY11" s="278">
        <v>4</v>
      </c>
      <c r="BZ11" s="283">
        <v>4</v>
      </c>
      <c r="CA11" s="277">
        <v>0</v>
      </c>
      <c r="CB11" s="281">
        <v>0</v>
      </c>
      <c r="CC11" s="278">
        <v>0</v>
      </c>
      <c r="CD11" s="280">
        <v>0</v>
      </c>
      <c r="CE11" s="281">
        <v>0</v>
      </c>
      <c r="CF11" s="281">
        <v>0</v>
      </c>
      <c r="CG11" s="281">
        <v>0</v>
      </c>
      <c r="CH11" s="281">
        <v>0</v>
      </c>
      <c r="CI11" s="281">
        <v>0</v>
      </c>
      <c r="CJ11" s="278">
        <v>0</v>
      </c>
      <c r="CK11" s="283">
        <v>0</v>
      </c>
      <c r="CL11" s="277">
        <v>0</v>
      </c>
      <c r="CM11" s="281">
        <v>0</v>
      </c>
      <c r="CN11" s="278">
        <v>0</v>
      </c>
      <c r="CO11" s="280">
        <v>0</v>
      </c>
      <c r="CP11" s="281">
        <v>3</v>
      </c>
      <c r="CQ11" s="281">
        <v>0</v>
      </c>
      <c r="CR11" s="281">
        <v>0</v>
      </c>
      <c r="CS11" s="281">
        <v>2</v>
      </c>
      <c r="CT11" s="281">
        <v>1</v>
      </c>
      <c r="CU11" s="278">
        <v>6</v>
      </c>
      <c r="CV11" s="283">
        <v>6</v>
      </c>
    </row>
    <row r="12" spans="1:100" ht="21" customHeight="1" x14ac:dyDescent="0.2">
      <c r="A12" s="262" t="s">
        <v>9</v>
      </c>
      <c r="B12" s="277">
        <v>0</v>
      </c>
      <c r="C12" s="278">
        <v>0</v>
      </c>
      <c r="D12" s="279">
        <v>0</v>
      </c>
      <c r="E12" s="280">
        <v>0</v>
      </c>
      <c r="F12" s="281">
        <v>1</v>
      </c>
      <c r="G12" s="281">
        <v>0</v>
      </c>
      <c r="H12" s="281">
        <v>0</v>
      </c>
      <c r="I12" s="281">
        <v>0</v>
      </c>
      <c r="J12" s="281">
        <v>1</v>
      </c>
      <c r="K12" s="282">
        <v>2</v>
      </c>
      <c r="L12" s="283">
        <v>2</v>
      </c>
      <c r="M12" s="277">
        <v>0</v>
      </c>
      <c r="N12" s="281">
        <v>0</v>
      </c>
      <c r="O12" s="278">
        <v>0</v>
      </c>
      <c r="P12" s="280">
        <v>0</v>
      </c>
      <c r="Q12" s="281">
        <v>0</v>
      </c>
      <c r="R12" s="281">
        <v>0</v>
      </c>
      <c r="S12" s="281">
        <v>0</v>
      </c>
      <c r="T12" s="281">
        <v>0</v>
      </c>
      <c r="U12" s="281">
        <v>0</v>
      </c>
      <c r="V12" s="278">
        <v>0</v>
      </c>
      <c r="W12" s="283">
        <v>0</v>
      </c>
      <c r="X12" s="277">
        <v>0</v>
      </c>
      <c r="Y12" s="281">
        <v>0</v>
      </c>
      <c r="Z12" s="278">
        <v>0</v>
      </c>
      <c r="AA12" s="280">
        <v>0</v>
      </c>
      <c r="AB12" s="281">
        <v>37</v>
      </c>
      <c r="AC12" s="281">
        <v>28</v>
      </c>
      <c r="AD12" s="281">
        <v>14</v>
      </c>
      <c r="AE12" s="281">
        <v>12</v>
      </c>
      <c r="AF12" s="281">
        <v>0</v>
      </c>
      <c r="AG12" s="278">
        <v>91</v>
      </c>
      <c r="AH12" s="283">
        <v>91</v>
      </c>
      <c r="AI12" s="277">
        <v>0</v>
      </c>
      <c r="AJ12" s="281">
        <v>0</v>
      </c>
      <c r="AK12" s="278">
        <v>0</v>
      </c>
      <c r="AL12" s="280">
        <v>0</v>
      </c>
      <c r="AM12" s="281">
        <v>0</v>
      </c>
      <c r="AN12" s="281">
        <v>2</v>
      </c>
      <c r="AO12" s="281">
        <v>2</v>
      </c>
      <c r="AP12" s="281">
        <v>0</v>
      </c>
      <c r="AQ12" s="281">
        <v>0</v>
      </c>
      <c r="AR12" s="278">
        <v>4</v>
      </c>
      <c r="AS12" s="283">
        <v>4</v>
      </c>
      <c r="AT12" s="277">
        <v>1</v>
      </c>
      <c r="AU12" s="281">
        <v>0</v>
      </c>
      <c r="AV12" s="278">
        <v>1</v>
      </c>
      <c r="AW12" s="280">
        <v>0</v>
      </c>
      <c r="AX12" s="281">
        <v>4</v>
      </c>
      <c r="AY12" s="281">
        <v>2</v>
      </c>
      <c r="AZ12" s="281">
        <v>1</v>
      </c>
      <c r="BA12" s="281">
        <v>1</v>
      </c>
      <c r="BB12" s="281">
        <v>0</v>
      </c>
      <c r="BC12" s="278">
        <v>8</v>
      </c>
      <c r="BD12" s="283">
        <v>9</v>
      </c>
      <c r="BE12" s="277">
        <v>0</v>
      </c>
      <c r="BF12" s="281">
        <v>0</v>
      </c>
      <c r="BG12" s="278">
        <v>0</v>
      </c>
      <c r="BH12" s="280">
        <v>0</v>
      </c>
      <c r="BI12" s="281">
        <v>5</v>
      </c>
      <c r="BJ12" s="281">
        <v>6</v>
      </c>
      <c r="BK12" s="281">
        <v>5</v>
      </c>
      <c r="BL12" s="281">
        <v>2</v>
      </c>
      <c r="BM12" s="281">
        <v>4</v>
      </c>
      <c r="BN12" s="282">
        <v>22</v>
      </c>
      <c r="BO12" s="283">
        <v>22</v>
      </c>
      <c r="BP12" s="277">
        <v>0</v>
      </c>
      <c r="BQ12" s="281">
        <v>0</v>
      </c>
      <c r="BR12" s="278">
        <v>0</v>
      </c>
      <c r="BS12" s="280">
        <v>0</v>
      </c>
      <c r="BT12" s="281">
        <v>1</v>
      </c>
      <c r="BU12" s="281">
        <v>1</v>
      </c>
      <c r="BV12" s="281">
        <v>0</v>
      </c>
      <c r="BW12" s="281">
        <v>0</v>
      </c>
      <c r="BX12" s="281">
        <v>0</v>
      </c>
      <c r="BY12" s="278">
        <v>2</v>
      </c>
      <c r="BZ12" s="283">
        <v>2</v>
      </c>
      <c r="CA12" s="277">
        <v>0</v>
      </c>
      <c r="CB12" s="281">
        <v>0</v>
      </c>
      <c r="CC12" s="278">
        <v>0</v>
      </c>
      <c r="CD12" s="280">
        <v>0</v>
      </c>
      <c r="CE12" s="281">
        <v>0</v>
      </c>
      <c r="CF12" s="281">
        <v>0</v>
      </c>
      <c r="CG12" s="281">
        <v>0</v>
      </c>
      <c r="CH12" s="281">
        <v>0</v>
      </c>
      <c r="CI12" s="281">
        <v>0</v>
      </c>
      <c r="CJ12" s="278">
        <v>0</v>
      </c>
      <c r="CK12" s="283">
        <v>0</v>
      </c>
      <c r="CL12" s="277">
        <v>0</v>
      </c>
      <c r="CM12" s="281">
        <v>0</v>
      </c>
      <c r="CN12" s="278">
        <v>0</v>
      </c>
      <c r="CO12" s="280">
        <v>0</v>
      </c>
      <c r="CP12" s="281">
        <v>0</v>
      </c>
      <c r="CQ12" s="281">
        <v>1</v>
      </c>
      <c r="CR12" s="281">
        <v>3</v>
      </c>
      <c r="CS12" s="281">
        <v>0</v>
      </c>
      <c r="CT12" s="281">
        <v>0</v>
      </c>
      <c r="CU12" s="278">
        <v>4</v>
      </c>
      <c r="CV12" s="283">
        <v>4</v>
      </c>
    </row>
    <row r="13" spans="1:100" ht="21" customHeight="1" x14ac:dyDescent="0.2">
      <c r="A13" s="262" t="s">
        <v>10</v>
      </c>
      <c r="B13" s="277">
        <v>0</v>
      </c>
      <c r="C13" s="278">
        <v>0</v>
      </c>
      <c r="D13" s="279">
        <v>0</v>
      </c>
      <c r="E13" s="280">
        <v>0</v>
      </c>
      <c r="F13" s="281">
        <v>4</v>
      </c>
      <c r="G13" s="281">
        <v>1</v>
      </c>
      <c r="H13" s="281">
        <v>0</v>
      </c>
      <c r="I13" s="281">
        <v>1</v>
      </c>
      <c r="J13" s="281">
        <v>0</v>
      </c>
      <c r="K13" s="282">
        <v>6</v>
      </c>
      <c r="L13" s="283">
        <v>6</v>
      </c>
      <c r="M13" s="277">
        <v>0</v>
      </c>
      <c r="N13" s="281">
        <v>0</v>
      </c>
      <c r="O13" s="278">
        <v>0</v>
      </c>
      <c r="P13" s="280">
        <v>0</v>
      </c>
      <c r="Q13" s="281">
        <v>1</v>
      </c>
      <c r="R13" s="281">
        <v>1</v>
      </c>
      <c r="S13" s="281">
        <v>2</v>
      </c>
      <c r="T13" s="281">
        <v>0</v>
      </c>
      <c r="U13" s="281">
        <v>0</v>
      </c>
      <c r="V13" s="278">
        <v>4</v>
      </c>
      <c r="W13" s="283">
        <v>4</v>
      </c>
      <c r="X13" s="277">
        <v>0</v>
      </c>
      <c r="Y13" s="281">
        <v>0</v>
      </c>
      <c r="Z13" s="278">
        <v>0</v>
      </c>
      <c r="AA13" s="280">
        <v>0</v>
      </c>
      <c r="AB13" s="281">
        <v>49</v>
      </c>
      <c r="AC13" s="281">
        <v>25</v>
      </c>
      <c r="AD13" s="281">
        <v>3</v>
      </c>
      <c r="AE13" s="281">
        <v>3</v>
      </c>
      <c r="AF13" s="281">
        <v>2</v>
      </c>
      <c r="AG13" s="278">
        <v>82</v>
      </c>
      <c r="AH13" s="283">
        <v>82</v>
      </c>
      <c r="AI13" s="277">
        <v>0</v>
      </c>
      <c r="AJ13" s="281">
        <v>0</v>
      </c>
      <c r="AK13" s="278">
        <v>0</v>
      </c>
      <c r="AL13" s="280">
        <v>0</v>
      </c>
      <c r="AM13" s="281">
        <v>2</v>
      </c>
      <c r="AN13" s="281">
        <v>2</v>
      </c>
      <c r="AO13" s="281">
        <v>6</v>
      </c>
      <c r="AP13" s="281">
        <v>0</v>
      </c>
      <c r="AQ13" s="281">
        <v>1</v>
      </c>
      <c r="AR13" s="278">
        <v>11</v>
      </c>
      <c r="AS13" s="283">
        <v>11</v>
      </c>
      <c r="AT13" s="277">
        <v>0</v>
      </c>
      <c r="AU13" s="281">
        <v>0</v>
      </c>
      <c r="AV13" s="278">
        <v>0</v>
      </c>
      <c r="AW13" s="280">
        <v>0</v>
      </c>
      <c r="AX13" s="281">
        <v>4</v>
      </c>
      <c r="AY13" s="281">
        <v>4</v>
      </c>
      <c r="AZ13" s="281">
        <v>5</v>
      </c>
      <c r="BA13" s="281">
        <v>5</v>
      </c>
      <c r="BB13" s="281">
        <v>1</v>
      </c>
      <c r="BC13" s="278">
        <v>19</v>
      </c>
      <c r="BD13" s="283">
        <v>19</v>
      </c>
      <c r="BE13" s="277">
        <v>0</v>
      </c>
      <c r="BF13" s="281">
        <v>0</v>
      </c>
      <c r="BG13" s="278">
        <v>0</v>
      </c>
      <c r="BH13" s="280">
        <v>0</v>
      </c>
      <c r="BI13" s="281">
        <v>6</v>
      </c>
      <c r="BJ13" s="281">
        <v>10</v>
      </c>
      <c r="BK13" s="281">
        <v>4</v>
      </c>
      <c r="BL13" s="281">
        <v>6</v>
      </c>
      <c r="BM13" s="281">
        <v>5</v>
      </c>
      <c r="BN13" s="282">
        <v>31</v>
      </c>
      <c r="BO13" s="283">
        <v>31</v>
      </c>
      <c r="BP13" s="277">
        <v>0</v>
      </c>
      <c r="BQ13" s="281">
        <v>0</v>
      </c>
      <c r="BR13" s="278">
        <v>0</v>
      </c>
      <c r="BS13" s="280">
        <v>0</v>
      </c>
      <c r="BT13" s="281">
        <v>1</v>
      </c>
      <c r="BU13" s="281">
        <v>3</v>
      </c>
      <c r="BV13" s="281">
        <v>4</v>
      </c>
      <c r="BW13" s="281">
        <v>3</v>
      </c>
      <c r="BX13" s="281">
        <v>3</v>
      </c>
      <c r="BY13" s="278">
        <v>14</v>
      </c>
      <c r="BZ13" s="283">
        <v>14</v>
      </c>
      <c r="CA13" s="277">
        <v>0</v>
      </c>
      <c r="CB13" s="281">
        <v>0</v>
      </c>
      <c r="CC13" s="278">
        <v>0</v>
      </c>
      <c r="CD13" s="280">
        <v>0</v>
      </c>
      <c r="CE13" s="281">
        <v>0</v>
      </c>
      <c r="CF13" s="281">
        <v>0</v>
      </c>
      <c r="CG13" s="281">
        <v>1</v>
      </c>
      <c r="CH13" s="281">
        <v>1</v>
      </c>
      <c r="CI13" s="281">
        <v>3</v>
      </c>
      <c r="CJ13" s="278">
        <v>5</v>
      </c>
      <c r="CK13" s="283">
        <v>5</v>
      </c>
      <c r="CL13" s="277">
        <v>0</v>
      </c>
      <c r="CM13" s="281">
        <v>0</v>
      </c>
      <c r="CN13" s="278">
        <v>0</v>
      </c>
      <c r="CO13" s="280">
        <v>0</v>
      </c>
      <c r="CP13" s="281">
        <v>1</v>
      </c>
      <c r="CQ13" s="281">
        <v>2</v>
      </c>
      <c r="CR13" s="281">
        <v>4</v>
      </c>
      <c r="CS13" s="281">
        <v>0</v>
      </c>
      <c r="CT13" s="281">
        <v>2</v>
      </c>
      <c r="CU13" s="278">
        <v>9</v>
      </c>
      <c r="CV13" s="283">
        <v>9</v>
      </c>
    </row>
    <row r="14" spans="1:100" ht="21" customHeight="1" x14ac:dyDescent="0.2">
      <c r="A14" s="262" t="s">
        <v>11</v>
      </c>
      <c r="B14" s="277">
        <v>0</v>
      </c>
      <c r="C14" s="278">
        <v>0</v>
      </c>
      <c r="D14" s="279">
        <v>0</v>
      </c>
      <c r="E14" s="280">
        <v>0</v>
      </c>
      <c r="F14" s="281">
        <v>1</v>
      </c>
      <c r="G14" s="281">
        <v>0</v>
      </c>
      <c r="H14" s="281">
        <v>2</v>
      </c>
      <c r="I14" s="281">
        <v>0</v>
      </c>
      <c r="J14" s="281">
        <v>0</v>
      </c>
      <c r="K14" s="282">
        <v>3</v>
      </c>
      <c r="L14" s="283">
        <v>3</v>
      </c>
      <c r="M14" s="277">
        <v>0</v>
      </c>
      <c r="N14" s="281">
        <v>0</v>
      </c>
      <c r="O14" s="278">
        <v>0</v>
      </c>
      <c r="P14" s="280">
        <v>0</v>
      </c>
      <c r="Q14" s="281">
        <v>1</v>
      </c>
      <c r="R14" s="281">
        <v>0</v>
      </c>
      <c r="S14" s="281">
        <v>0</v>
      </c>
      <c r="T14" s="281">
        <v>0</v>
      </c>
      <c r="U14" s="281">
        <v>0</v>
      </c>
      <c r="V14" s="278">
        <v>1</v>
      </c>
      <c r="W14" s="283">
        <v>1</v>
      </c>
      <c r="X14" s="277">
        <v>0</v>
      </c>
      <c r="Y14" s="281">
        <v>0</v>
      </c>
      <c r="Z14" s="278">
        <v>0</v>
      </c>
      <c r="AA14" s="280">
        <v>0</v>
      </c>
      <c r="AB14" s="281">
        <v>26</v>
      </c>
      <c r="AC14" s="281">
        <v>7</v>
      </c>
      <c r="AD14" s="281">
        <v>12</v>
      </c>
      <c r="AE14" s="281">
        <v>3</v>
      </c>
      <c r="AF14" s="281">
        <v>2</v>
      </c>
      <c r="AG14" s="278">
        <v>50</v>
      </c>
      <c r="AH14" s="283">
        <v>50</v>
      </c>
      <c r="AI14" s="277">
        <v>0</v>
      </c>
      <c r="AJ14" s="281">
        <v>0</v>
      </c>
      <c r="AK14" s="278">
        <v>0</v>
      </c>
      <c r="AL14" s="280">
        <v>0</v>
      </c>
      <c r="AM14" s="281">
        <v>3</v>
      </c>
      <c r="AN14" s="281">
        <v>3</v>
      </c>
      <c r="AO14" s="281">
        <v>2</v>
      </c>
      <c r="AP14" s="281">
        <v>0</v>
      </c>
      <c r="AQ14" s="281">
        <v>0</v>
      </c>
      <c r="AR14" s="278">
        <v>8</v>
      </c>
      <c r="AS14" s="283">
        <v>8</v>
      </c>
      <c r="AT14" s="277">
        <v>0</v>
      </c>
      <c r="AU14" s="281">
        <v>0</v>
      </c>
      <c r="AV14" s="278">
        <v>0</v>
      </c>
      <c r="AW14" s="280">
        <v>0</v>
      </c>
      <c r="AX14" s="281">
        <v>1</v>
      </c>
      <c r="AY14" s="281">
        <v>2</v>
      </c>
      <c r="AZ14" s="281">
        <v>2</v>
      </c>
      <c r="BA14" s="281">
        <v>0</v>
      </c>
      <c r="BB14" s="281">
        <v>0</v>
      </c>
      <c r="BC14" s="278">
        <v>5</v>
      </c>
      <c r="BD14" s="283">
        <v>5</v>
      </c>
      <c r="BE14" s="277">
        <v>0</v>
      </c>
      <c r="BF14" s="281">
        <v>0</v>
      </c>
      <c r="BG14" s="278">
        <v>0</v>
      </c>
      <c r="BH14" s="280">
        <v>0</v>
      </c>
      <c r="BI14" s="281">
        <v>2</v>
      </c>
      <c r="BJ14" s="281">
        <v>1</v>
      </c>
      <c r="BK14" s="281">
        <v>1</v>
      </c>
      <c r="BL14" s="281">
        <v>3</v>
      </c>
      <c r="BM14" s="281">
        <v>0</v>
      </c>
      <c r="BN14" s="282">
        <v>7</v>
      </c>
      <c r="BO14" s="283">
        <v>7</v>
      </c>
      <c r="BP14" s="277">
        <v>0</v>
      </c>
      <c r="BQ14" s="281">
        <v>0</v>
      </c>
      <c r="BR14" s="278">
        <v>0</v>
      </c>
      <c r="BS14" s="280">
        <v>0</v>
      </c>
      <c r="BT14" s="281">
        <v>0</v>
      </c>
      <c r="BU14" s="281">
        <v>0</v>
      </c>
      <c r="BV14" s="281">
        <v>0</v>
      </c>
      <c r="BW14" s="281">
        <v>0</v>
      </c>
      <c r="BX14" s="281">
        <v>0</v>
      </c>
      <c r="BY14" s="278">
        <v>0</v>
      </c>
      <c r="BZ14" s="283">
        <v>0</v>
      </c>
      <c r="CA14" s="277">
        <v>0</v>
      </c>
      <c r="CB14" s="281">
        <v>0</v>
      </c>
      <c r="CC14" s="278">
        <v>0</v>
      </c>
      <c r="CD14" s="280">
        <v>0</v>
      </c>
      <c r="CE14" s="281">
        <v>0</v>
      </c>
      <c r="CF14" s="281">
        <v>0</v>
      </c>
      <c r="CG14" s="281">
        <v>0</v>
      </c>
      <c r="CH14" s="281">
        <v>0</v>
      </c>
      <c r="CI14" s="281">
        <v>0</v>
      </c>
      <c r="CJ14" s="278">
        <v>0</v>
      </c>
      <c r="CK14" s="283">
        <v>0</v>
      </c>
      <c r="CL14" s="277">
        <v>0</v>
      </c>
      <c r="CM14" s="281">
        <v>0</v>
      </c>
      <c r="CN14" s="278">
        <v>0</v>
      </c>
      <c r="CO14" s="280">
        <v>0</v>
      </c>
      <c r="CP14" s="281">
        <v>0</v>
      </c>
      <c r="CQ14" s="281">
        <v>1</v>
      </c>
      <c r="CR14" s="281">
        <v>0</v>
      </c>
      <c r="CS14" s="281">
        <v>0</v>
      </c>
      <c r="CT14" s="281">
        <v>0</v>
      </c>
      <c r="CU14" s="278">
        <v>1</v>
      </c>
      <c r="CV14" s="283">
        <v>1</v>
      </c>
    </row>
    <row r="15" spans="1:100" ht="21" customHeight="1" x14ac:dyDescent="0.2">
      <c r="A15" s="262" t="s">
        <v>12</v>
      </c>
      <c r="B15" s="277">
        <v>0</v>
      </c>
      <c r="C15" s="278">
        <v>0</v>
      </c>
      <c r="D15" s="279">
        <v>0</v>
      </c>
      <c r="E15" s="280">
        <v>0</v>
      </c>
      <c r="F15" s="281">
        <v>0</v>
      </c>
      <c r="G15" s="281">
        <v>1</v>
      </c>
      <c r="H15" s="281">
        <v>0</v>
      </c>
      <c r="I15" s="281">
        <v>0</v>
      </c>
      <c r="J15" s="281">
        <v>0</v>
      </c>
      <c r="K15" s="282">
        <v>1</v>
      </c>
      <c r="L15" s="283">
        <v>1</v>
      </c>
      <c r="M15" s="277">
        <v>0</v>
      </c>
      <c r="N15" s="281">
        <v>0</v>
      </c>
      <c r="O15" s="278">
        <v>0</v>
      </c>
      <c r="P15" s="280">
        <v>0</v>
      </c>
      <c r="Q15" s="281">
        <v>0</v>
      </c>
      <c r="R15" s="281">
        <v>0</v>
      </c>
      <c r="S15" s="281">
        <v>0</v>
      </c>
      <c r="T15" s="281">
        <v>0</v>
      </c>
      <c r="U15" s="281">
        <v>0</v>
      </c>
      <c r="V15" s="278">
        <v>0</v>
      </c>
      <c r="W15" s="283">
        <v>0</v>
      </c>
      <c r="X15" s="277">
        <v>0</v>
      </c>
      <c r="Y15" s="281">
        <v>0</v>
      </c>
      <c r="Z15" s="278">
        <v>0</v>
      </c>
      <c r="AA15" s="280">
        <v>0</v>
      </c>
      <c r="AB15" s="281">
        <v>29</v>
      </c>
      <c r="AC15" s="281">
        <v>17</v>
      </c>
      <c r="AD15" s="281">
        <v>14</v>
      </c>
      <c r="AE15" s="281">
        <v>2</v>
      </c>
      <c r="AF15" s="281">
        <v>3</v>
      </c>
      <c r="AG15" s="278">
        <v>65</v>
      </c>
      <c r="AH15" s="283">
        <v>65</v>
      </c>
      <c r="AI15" s="277">
        <v>0</v>
      </c>
      <c r="AJ15" s="281">
        <v>0</v>
      </c>
      <c r="AK15" s="278">
        <v>0</v>
      </c>
      <c r="AL15" s="280">
        <v>0</v>
      </c>
      <c r="AM15" s="281">
        <v>0</v>
      </c>
      <c r="AN15" s="281">
        <v>0</v>
      </c>
      <c r="AO15" s="281">
        <v>0</v>
      </c>
      <c r="AP15" s="281">
        <v>0</v>
      </c>
      <c r="AQ15" s="281">
        <v>0</v>
      </c>
      <c r="AR15" s="278">
        <v>0</v>
      </c>
      <c r="AS15" s="283">
        <v>0</v>
      </c>
      <c r="AT15" s="277">
        <v>0</v>
      </c>
      <c r="AU15" s="281">
        <v>0</v>
      </c>
      <c r="AV15" s="278">
        <v>0</v>
      </c>
      <c r="AW15" s="280">
        <v>0</v>
      </c>
      <c r="AX15" s="281">
        <v>2</v>
      </c>
      <c r="AY15" s="281">
        <v>1</v>
      </c>
      <c r="AZ15" s="281">
        <v>4</v>
      </c>
      <c r="BA15" s="281">
        <v>6</v>
      </c>
      <c r="BB15" s="281">
        <v>2</v>
      </c>
      <c r="BC15" s="278">
        <v>15</v>
      </c>
      <c r="BD15" s="283">
        <v>15</v>
      </c>
      <c r="BE15" s="277">
        <v>0</v>
      </c>
      <c r="BF15" s="281">
        <v>0</v>
      </c>
      <c r="BG15" s="278">
        <v>0</v>
      </c>
      <c r="BH15" s="280">
        <v>0</v>
      </c>
      <c r="BI15" s="281">
        <v>6</v>
      </c>
      <c r="BJ15" s="281">
        <v>4</v>
      </c>
      <c r="BK15" s="281">
        <v>1</v>
      </c>
      <c r="BL15" s="281">
        <v>5</v>
      </c>
      <c r="BM15" s="281">
        <v>1</v>
      </c>
      <c r="BN15" s="282">
        <v>17</v>
      </c>
      <c r="BO15" s="283">
        <v>17</v>
      </c>
      <c r="BP15" s="277">
        <v>0</v>
      </c>
      <c r="BQ15" s="281">
        <v>0</v>
      </c>
      <c r="BR15" s="278">
        <v>0</v>
      </c>
      <c r="BS15" s="280">
        <v>0</v>
      </c>
      <c r="BT15" s="281">
        <v>0</v>
      </c>
      <c r="BU15" s="281">
        <v>2</v>
      </c>
      <c r="BV15" s="281">
        <v>0</v>
      </c>
      <c r="BW15" s="281">
        <v>3</v>
      </c>
      <c r="BX15" s="281">
        <v>0</v>
      </c>
      <c r="BY15" s="278">
        <v>5</v>
      </c>
      <c r="BZ15" s="283">
        <v>5</v>
      </c>
      <c r="CA15" s="277">
        <v>0</v>
      </c>
      <c r="CB15" s="281">
        <v>0</v>
      </c>
      <c r="CC15" s="278">
        <v>0</v>
      </c>
      <c r="CD15" s="280">
        <v>0</v>
      </c>
      <c r="CE15" s="281">
        <v>0</v>
      </c>
      <c r="CF15" s="281">
        <v>0</v>
      </c>
      <c r="CG15" s="281">
        <v>0</v>
      </c>
      <c r="CH15" s="281">
        <v>1</v>
      </c>
      <c r="CI15" s="281">
        <v>1</v>
      </c>
      <c r="CJ15" s="278">
        <v>2</v>
      </c>
      <c r="CK15" s="283">
        <v>2</v>
      </c>
      <c r="CL15" s="277">
        <v>0</v>
      </c>
      <c r="CM15" s="281">
        <v>0</v>
      </c>
      <c r="CN15" s="278">
        <v>0</v>
      </c>
      <c r="CO15" s="280">
        <v>0</v>
      </c>
      <c r="CP15" s="281">
        <v>2</v>
      </c>
      <c r="CQ15" s="281">
        <v>1</v>
      </c>
      <c r="CR15" s="281">
        <v>2</v>
      </c>
      <c r="CS15" s="281">
        <v>4</v>
      </c>
      <c r="CT15" s="281">
        <v>1</v>
      </c>
      <c r="CU15" s="278">
        <v>10</v>
      </c>
      <c r="CV15" s="283">
        <v>10</v>
      </c>
    </row>
    <row r="16" spans="1:100" ht="21" customHeight="1" x14ac:dyDescent="0.2">
      <c r="A16" s="262" t="s">
        <v>13</v>
      </c>
      <c r="B16" s="277">
        <v>0</v>
      </c>
      <c r="C16" s="278">
        <v>0</v>
      </c>
      <c r="D16" s="279">
        <v>0</v>
      </c>
      <c r="E16" s="280">
        <v>0</v>
      </c>
      <c r="F16" s="281">
        <v>0</v>
      </c>
      <c r="G16" s="281">
        <v>0</v>
      </c>
      <c r="H16" s="281">
        <v>0</v>
      </c>
      <c r="I16" s="281">
        <v>0</v>
      </c>
      <c r="J16" s="281">
        <v>0</v>
      </c>
      <c r="K16" s="282">
        <v>0</v>
      </c>
      <c r="L16" s="283">
        <v>0</v>
      </c>
      <c r="M16" s="277">
        <v>0</v>
      </c>
      <c r="N16" s="281">
        <v>0</v>
      </c>
      <c r="O16" s="278">
        <v>0</v>
      </c>
      <c r="P16" s="280">
        <v>0</v>
      </c>
      <c r="Q16" s="281">
        <v>0</v>
      </c>
      <c r="R16" s="281">
        <v>0</v>
      </c>
      <c r="S16" s="281">
        <v>0</v>
      </c>
      <c r="T16" s="281">
        <v>0</v>
      </c>
      <c r="U16" s="281">
        <v>0</v>
      </c>
      <c r="V16" s="278">
        <v>0</v>
      </c>
      <c r="W16" s="283">
        <v>0</v>
      </c>
      <c r="X16" s="277">
        <v>0</v>
      </c>
      <c r="Y16" s="281">
        <v>0</v>
      </c>
      <c r="Z16" s="278">
        <v>0</v>
      </c>
      <c r="AA16" s="280">
        <v>0</v>
      </c>
      <c r="AB16" s="281">
        <v>12</v>
      </c>
      <c r="AC16" s="281">
        <v>9</v>
      </c>
      <c r="AD16" s="281">
        <v>4</v>
      </c>
      <c r="AE16" s="281">
        <v>1</v>
      </c>
      <c r="AF16" s="281">
        <v>1</v>
      </c>
      <c r="AG16" s="278">
        <v>27</v>
      </c>
      <c r="AH16" s="283">
        <v>27</v>
      </c>
      <c r="AI16" s="277">
        <v>0</v>
      </c>
      <c r="AJ16" s="281">
        <v>0</v>
      </c>
      <c r="AK16" s="278">
        <v>0</v>
      </c>
      <c r="AL16" s="280">
        <v>0</v>
      </c>
      <c r="AM16" s="281">
        <v>0</v>
      </c>
      <c r="AN16" s="281">
        <v>0</v>
      </c>
      <c r="AO16" s="281">
        <v>2</v>
      </c>
      <c r="AP16" s="281">
        <v>2</v>
      </c>
      <c r="AQ16" s="281">
        <v>0</v>
      </c>
      <c r="AR16" s="278">
        <v>4</v>
      </c>
      <c r="AS16" s="283">
        <v>4</v>
      </c>
      <c r="AT16" s="277">
        <v>0</v>
      </c>
      <c r="AU16" s="281">
        <v>0</v>
      </c>
      <c r="AV16" s="278">
        <v>0</v>
      </c>
      <c r="AW16" s="280">
        <v>0</v>
      </c>
      <c r="AX16" s="281">
        <v>1</v>
      </c>
      <c r="AY16" s="281">
        <v>1</v>
      </c>
      <c r="AZ16" s="281">
        <v>0</v>
      </c>
      <c r="BA16" s="281">
        <v>1</v>
      </c>
      <c r="BB16" s="281">
        <v>0</v>
      </c>
      <c r="BC16" s="278">
        <v>3</v>
      </c>
      <c r="BD16" s="283">
        <v>3</v>
      </c>
      <c r="BE16" s="277">
        <v>0</v>
      </c>
      <c r="BF16" s="281">
        <v>0</v>
      </c>
      <c r="BG16" s="278">
        <v>0</v>
      </c>
      <c r="BH16" s="280">
        <v>0</v>
      </c>
      <c r="BI16" s="281">
        <v>1</v>
      </c>
      <c r="BJ16" s="281">
        <v>0</v>
      </c>
      <c r="BK16" s="281">
        <v>2</v>
      </c>
      <c r="BL16" s="281">
        <v>2</v>
      </c>
      <c r="BM16" s="281">
        <v>0</v>
      </c>
      <c r="BN16" s="282">
        <v>5</v>
      </c>
      <c r="BO16" s="283">
        <v>5</v>
      </c>
      <c r="BP16" s="277">
        <v>0</v>
      </c>
      <c r="BQ16" s="281">
        <v>0</v>
      </c>
      <c r="BR16" s="278">
        <v>0</v>
      </c>
      <c r="BS16" s="280">
        <v>0</v>
      </c>
      <c r="BT16" s="281">
        <v>0</v>
      </c>
      <c r="BU16" s="281">
        <v>0</v>
      </c>
      <c r="BV16" s="281">
        <v>0</v>
      </c>
      <c r="BW16" s="281">
        <v>1</v>
      </c>
      <c r="BX16" s="281">
        <v>0</v>
      </c>
      <c r="BY16" s="278">
        <v>1</v>
      </c>
      <c r="BZ16" s="283">
        <v>1</v>
      </c>
      <c r="CA16" s="277">
        <v>0</v>
      </c>
      <c r="CB16" s="281">
        <v>0</v>
      </c>
      <c r="CC16" s="278">
        <v>0</v>
      </c>
      <c r="CD16" s="280">
        <v>0</v>
      </c>
      <c r="CE16" s="281">
        <v>0</v>
      </c>
      <c r="CF16" s="281">
        <v>0</v>
      </c>
      <c r="CG16" s="281">
        <v>0</v>
      </c>
      <c r="CH16" s="281">
        <v>0</v>
      </c>
      <c r="CI16" s="281">
        <v>0</v>
      </c>
      <c r="CJ16" s="278">
        <v>0</v>
      </c>
      <c r="CK16" s="283">
        <v>0</v>
      </c>
      <c r="CL16" s="277">
        <v>0</v>
      </c>
      <c r="CM16" s="281">
        <v>0</v>
      </c>
      <c r="CN16" s="278">
        <v>0</v>
      </c>
      <c r="CO16" s="280">
        <v>0</v>
      </c>
      <c r="CP16" s="281">
        <v>0</v>
      </c>
      <c r="CQ16" s="281">
        <v>0</v>
      </c>
      <c r="CR16" s="281">
        <v>0</v>
      </c>
      <c r="CS16" s="281">
        <v>0</v>
      </c>
      <c r="CT16" s="281">
        <v>0</v>
      </c>
      <c r="CU16" s="278">
        <v>0</v>
      </c>
      <c r="CV16" s="283">
        <v>0</v>
      </c>
    </row>
    <row r="17" spans="1:100" ht="21" customHeight="1" x14ac:dyDescent="0.2">
      <c r="A17" s="262" t="s">
        <v>15</v>
      </c>
      <c r="B17" s="277">
        <v>0</v>
      </c>
      <c r="C17" s="278">
        <v>0</v>
      </c>
      <c r="D17" s="279">
        <v>0</v>
      </c>
      <c r="E17" s="280">
        <v>0</v>
      </c>
      <c r="F17" s="281">
        <v>0</v>
      </c>
      <c r="G17" s="281">
        <v>0</v>
      </c>
      <c r="H17" s="281">
        <v>0</v>
      </c>
      <c r="I17" s="281">
        <v>0</v>
      </c>
      <c r="J17" s="281">
        <v>0</v>
      </c>
      <c r="K17" s="282">
        <v>0</v>
      </c>
      <c r="L17" s="283">
        <v>0</v>
      </c>
      <c r="M17" s="277">
        <v>0</v>
      </c>
      <c r="N17" s="281">
        <v>0</v>
      </c>
      <c r="O17" s="278">
        <v>0</v>
      </c>
      <c r="P17" s="280">
        <v>0</v>
      </c>
      <c r="Q17" s="281">
        <v>0</v>
      </c>
      <c r="R17" s="281">
        <v>0</v>
      </c>
      <c r="S17" s="281">
        <v>0</v>
      </c>
      <c r="T17" s="281">
        <v>0</v>
      </c>
      <c r="U17" s="281">
        <v>0</v>
      </c>
      <c r="V17" s="278">
        <v>0</v>
      </c>
      <c r="W17" s="283">
        <v>0</v>
      </c>
      <c r="X17" s="277">
        <v>0</v>
      </c>
      <c r="Y17" s="281">
        <v>0</v>
      </c>
      <c r="Z17" s="278">
        <v>0</v>
      </c>
      <c r="AA17" s="280">
        <v>0</v>
      </c>
      <c r="AB17" s="281">
        <v>5</v>
      </c>
      <c r="AC17" s="281">
        <v>9</v>
      </c>
      <c r="AD17" s="281">
        <v>2</v>
      </c>
      <c r="AE17" s="281">
        <v>1</v>
      </c>
      <c r="AF17" s="281">
        <v>1</v>
      </c>
      <c r="AG17" s="278">
        <v>18</v>
      </c>
      <c r="AH17" s="283">
        <v>18</v>
      </c>
      <c r="AI17" s="277">
        <v>0</v>
      </c>
      <c r="AJ17" s="281">
        <v>0</v>
      </c>
      <c r="AK17" s="278">
        <v>0</v>
      </c>
      <c r="AL17" s="280">
        <v>0</v>
      </c>
      <c r="AM17" s="281">
        <v>0</v>
      </c>
      <c r="AN17" s="281">
        <v>1</v>
      </c>
      <c r="AO17" s="281">
        <v>0</v>
      </c>
      <c r="AP17" s="281">
        <v>0</v>
      </c>
      <c r="AQ17" s="281">
        <v>0</v>
      </c>
      <c r="AR17" s="278">
        <v>1</v>
      </c>
      <c r="AS17" s="283">
        <v>1</v>
      </c>
      <c r="AT17" s="277">
        <v>0</v>
      </c>
      <c r="AU17" s="281">
        <v>0</v>
      </c>
      <c r="AV17" s="278">
        <v>0</v>
      </c>
      <c r="AW17" s="280">
        <v>0</v>
      </c>
      <c r="AX17" s="281">
        <v>0</v>
      </c>
      <c r="AY17" s="281">
        <v>3</v>
      </c>
      <c r="AZ17" s="281">
        <v>0</v>
      </c>
      <c r="BA17" s="281">
        <v>2</v>
      </c>
      <c r="BB17" s="281">
        <v>0</v>
      </c>
      <c r="BC17" s="278">
        <v>5</v>
      </c>
      <c r="BD17" s="283">
        <v>5</v>
      </c>
      <c r="BE17" s="277">
        <v>0</v>
      </c>
      <c r="BF17" s="281">
        <v>0</v>
      </c>
      <c r="BG17" s="278">
        <v>0</v>
      </c>
      <c r="BH17" s="280">
        <v>0</v>
      </c>
      <c r="BI17" s="281">
        <v>2</v>
      </c>
      <c r="BJ17" s="281">
        <v>2</v>
      </c>
      <c r="BK17" s="281">
        <v>0</v>
      </c>
      <c r="BL17" s="281">
        <v>1</v>
      </c>
      <c r="BM17" s="281">
        <v>0</v>
      </c>
      <c r="BN17" s="282">
        <v>5</v>
      </c>
      <c r="BO17" s="283">
        <v>5</v>
      </c>
      <c r="BP17" s="277">
        <v>0</v>
      </c>
      <c r="BQ17" s="281">
        <v>0</v>
      </c>
      <c r="BR17" s="278">
        <v>0</v>
      </c>
      <c r="BS17" s="280">
        <v>0</v>
      </c>
      <c r="BT17" s="281">
        <v>0</v>
      </c>
      <c r="BU17" s="281">
        <v>0</v>
      </c>
      <c r="BV17" s="281">
        <v>0</v>
      </c>
      <c r="BW17" s="281">
        <v>0</v>
      </c>
      <c r="BX17" s="281">
        <v>0</v>
      </c>
      <c r="BY17" s="278">
        <v>0</v>
      </c>
      <c r="BZ17" s="283">
        <v>0</v>
      </c>
      <c r="CA17" s="277">
        <v>0</v>
      </c>
      <c r="CB17" s="281">
        <v>0</v>
      </c>
      <c r="CC17" s="278">
        <v>0</v>
      </c>
      <c r="CD17" s="280">
        <v>0</v>
      </c>
      <c r="CE17" s="281">
        <v>0</v>
      </c>
      <c r="CF17" s="281">
        <v>0</v>
      </c>
      <c r="CG17" s="281">
        <v>0</v>
      </c>
      <c r="CH17" s="281">
        <v>0</v>
      </c>
      <c r="CI17" s="281">
        <v>0</v>
      </c>
      <c r="CJ17" s="278">
        <v>0</v>
      </c>
      <c r="CK17" s="283">
        <v>0</v>
      </c>
      <c r="CL17" s="277">
        <v>0</v>
      </c>
      <c r="CM17" s="281">
        <v>0</v>
      </c>
      <c r="CN17" s="278">
        <v>0</v>
      </c>
      <c r="CO17" s="280">
        <v>0</v>
      </c>
      <c r="CP17" s="281">
        <v>0</v>
      </c>
      <c r="CQ17" s="281">
        <v>0</v>
      </c>
      <c r="CR17" s="281">
        <v>0</v>
      </c>
      <c r="CS17" s="281">
        <v>0</v>
      </c>
      <c r="CT17" s="281">
        <v>0</v>
      </c>
      <c r="CU17" s="278">
        <v>0</v>
      </c>
      <c r="CV17" s="283">
        <v>0</v>
      </c>
    </row>
    <row r="18" spans="1:100" ht="21" customHeight="1" x14ac:dyDescent="0.2">
      <c r="A18" s="262" t="s">
        <v>16</v>
      </c>
      <c r="B18" s="277">
        <v>0</v>
      </c>
      <c r="C18" s="278">
        <v>0</v>
      </c>
      <c r="D18" s="279">
        <v>0</v>
      </c>
      <c r="E18" s="280">
        <v>0</v>
      </c>
      <c r="F18" s="281">
        <v>0</v>
      </c>
      <c r="G18" s="281">
        <v>0</v>
      </c>
      <c r="H18" s="281">
        <v>2</v>
      </c>
      <c r="I18" s="281">
        <v>1</v>
      </c>
      <c r="J18" s="281">
        <v>2</v>
      </c>
      <c r="K18" s="282">
        <v>5</v>
      </c>
      <c r="L18" s="283">
        <v>5</v>
      </c>
      <c r="M18" s="277">
        <v>0</v>
      </c>
      <c r="N18" s="281">
        <v>0</v>
      </c>
      <c r="O18" s="278">
        <v>0</v>
      </c>
      <c r="P18" s="280">
        <v>0</v>
      </c>
      <c r="Q18" s="281">
        <v>0</v>
      </c>
      <c r="R18" s="281">
        <v>1</v>
      </c>
      <c r="S18" s="281">
        <v>0</v>
      </c>
      <c r="T18" s="281">
        <v>0</v>
      </c>
      <c r="U18" s="281">
        <v>0</v>
      </c>
      <c r="V18" s="278">
        <v>1</v>
      </c>
      <c r="W18" s="283">
        <v>1</v>
      </c>
      <c r="X18" s="277">
        <v>0</v>
      </c>
      <c r="Y18" s="281">
        <v>0</v>
      </c>
      <c r="Z18" s="278">
        <v>0</v>
      </c>
      <c r="AA18" s="280">
        <v>0</v>
      </c>
      <c r="AB18" s="281">
        <v>9</v>
      </c>
      <c r="AC18" s="281">
        <v>14</v>
      </c>
      <c r="AD18" s="281">
        <v>1</v>
      </c>
      <c r="AE18" s="281">
        <v>1</v>
      </c>
      <c r="AF18" s="281">
        <v>1</v>
      </c>
      <c r="AG18" s="278">
        <v>26</v>
      </c>
      <c r="AH18" s="283">
        <v>26</v>
      </c>
      <c r="AI18" s="277">
        <v>0</v>
      </c>
      <c r="AJ18" s="281">
        <v>0</v>
      </c>
      <c r="AK18" s="278">
        <v>0</v>
      </c>
      <c r="AL18" s="280">
        <v>0</v>
      </c>
      <c r="AM18" s="281">
        <v>2</v>
      </c>
      <c r="AN18" s="281">
        <v>0</v>
      </c>
      <c r="AO18" s="281">
        <v>2</v>
      </c>
      <c r="AP18" s="281">
        <v>0</v>
      </c>
      <c r="AQ18" s="281">
        <v>0</v>
      </c>
      <c r="AR18" s="278">
        <v>4</v>
      </c>
      <c r="AS18" s="283">
        <v>4</v>
      </c>
      <c r="AT18" s="277">
        <v>0</v>
      </c>
      <c r="AU18" s="281">
        <v>0</v>
      </c>
      <c r="AV18" s="278">
        <v>0</v>
      </c>
      <c r="AW18" s="280">
        <v>0</v>
      </c>
      <c r="AX18" s="281">
        <v>0</v>
      </c>
      <c r="AY18" s="281">
        <v>1</v>
      </c>
      <c r="AZ18" s="281">
        <v>2</v>
      </c>
      <c r="BA18" s="281">
        <v>0</v>
      </c>
      <c r="BB18" s="281">
        <v>0</v>
      </c>
      <c r="BC18" s="278">
        <v>3</v>
      </c>
      <c r="BD18" s="283">
        <v>3</v>
      </c>
      <c r="BE18" s="277">
        <v>0</v>
      </c>
      <c r="BF18" s="281">
        <v>0</v>
      </c>
      <c r="BG18" s="278">
        <v>0</v>
      </c>
      <c r="BH18" s="280">
        <v>0</v>
      </c>
      <c r="BI18" s="281">
        <v>1</v>
      </c>
      <c r="BJ18" s="281">
        <v>5</v>
      </c>
      <c r="BK18" s="281">
        <v>3</v>
      </c>
      <c r="BL18" s="281">
        <v>1</v>
      </c>
      <c r="BM18" s="281">
        <v>3</v>
      </c>
      <c r="BN18" s="282">
        <v>13</v>
      </c>
      <c r="BO18" s="283">
        <v>13</v>
      </c>
      <c r="BP18" s="277">
        <v>0</v>
      </c>
      <c r="BQ18" s="281">
        <v>0</v>
      </c>
      <c r="BR18" s="278">
        <v>0</v>
      </c>
      <c r="BS18" s="280">
        <v>0</v>
      </c>
      <c r="BT18" s="281">
        <v>0</v>
      </c>
      <c r="BU18" s="281">
        <v>0</v>
      </c>
      <c r="BV18" s="281">
        <v>0</v>
      </c>
      <c r="BW18" s="281">
        <v>0</v>
      </c>
      <c r="BX18" s="281">
        <v>0</v>
      </c>
      <c r="BY18" s="278">
        <v>0</v>
      </c>
      <c r="BZ18" s="283">
        <v>0</v>
      </c>
      <c r="CA18" s="277">
        <v>0</v>
      </c>
      <c r="CB18" s="281">
        <v>0</v>
      </c>
      <c r="CC18" s="278">
        <v>0</v>
      </c>
      <c r="CD18" s="280">
        <v>0</v>
      </c>
      <c r="CE18" s="281">
        <v>0</v>
      </c>
      <c r="CF18" s="281">
        <v>0</v>
      </c>
      <c r="CG18" s="281">
        <v>0</v>
      </c>
      <c r="CH18" s="281">
        <v>0</v>
      </c>
      <c r="CI18" s="281">
        <v>0</v>
      </c>
      <c r="CJ18" s="278">
        <v>0</v>
      </c>
      <c r="CK18" s="283">
        <v>0</v>
      </c>
      <c r="CL18" s="277">
        <v>0</v>
      </c>
      <c r="CM18" s="281">
        <v>0</v>
      </c>
      <c r="CN18" s="278">
        <v>0</v>
      </c>
      <c r="CO18" s="280">
        <v>0</v>
      </c>
      <c r="CP18" s="281">
        <v>0</v>
      </c>
      <c r="CQ18" s="281">
        <v>0</v>
      </c>
      <c r="CR18" s="281">
        <v>1</v>
      </c>
      <c r="CS18" s="281">
        <v>0</v>
      </c>
      <c r="CT18" s="281">
        <v>0</v>
      </c>
      <c r="CU18" s="278">
        <v>1</v>
      </c>
      <c r="CV18" s="283">
        <v>1</v>
      </c>
    </row>
    <row r="19" spans="1:100" ht="21" customHeight="1" x14ac:dyDescent="0.2">
      <c r="A19" s="262" t="s">
        <v>17</v>
      </c>
      <c r="B19" s="277">
        <v>0</v>
      </c>
      <c r="C19" s="278">
        <v>0</v>
      </c>
      <c r="D19" s="279">
        <v>0</v>
      </c>
      <c r="E19" s="280">
        <v>0</v>
      </c>
      <c r="F19" s="281">
        <v>0</v>
      </c>
      <c r="G19" s="281">
        <v>1</v>
      </c>
      <c r="H19" s="281">
        <v>0</v>
      </c>
      <c r="I19" s="281">
        <v>0</v>
      </c>
      <c r="J19" s="281">
        <v>0</v>
      </c>
      <c r="K19" s="282">
        <v>1</v>
      </c>
      <c r="L19" s="283">
        <v>1</v>
      </c>
      <c r="M19" s="277">
        <v>0</v>
      </c>
      <c r="N19" s="281">
        <v>0</v>
      </c>
      <c r="O19" s="278">
        <v>0</v>
      </c>
      <c r="P19" s="280">
        <v>0</v>
      </c>
      <c r="Q19" s="281">
        <v>0</v>
      </c>
      <c r="R19" s="281">
        <v>0</v>
      </c>
      <c r="S19" s="281">
        <v>0</v>
      </c>
      <c r="T19" s="281">
        <v>0</v>
      </c>
      <c r="U19" s="281">
        <v>0</v>
      </c>
      <c r="V19" s="278">
        <v>0</v>
      </c>
      <c r="W19" s="283">
        <v>0</v>
      </c>
      <c r="X19" s="277">
        <v>0</v>
      </c>
      <c r="Y19" s="281">
        <v>0</v>
      </c>
      <c r="Z19" s="278">
        <v>0</v>
      </c>
      <c r="AA19" s="280">
        <v>0</v>
      </c>
      <c r="AB19" s="281">
        <v>18</v>
      </c>
      <c r="AC19" s="281">
        <v>14</v>
      </c>
      <c r="AD19" s="281">
        <v>9</v>
      </c>
      <c r="AE19" s="281">
        <v>3</v>
      </c>
      <c r="AF19" s="281">
        <v>3</v>
      </c>
      <c r="AG19" s="278">
        <v>47</v>
      </c>
      <c r="AH19" s="283">
        <v>47</v>
      </c>
      <c r="AI19" s="277">
        <v>0</v>
      </c>
      <c r="AJ19" s="281">
        <v>0</v>
      </c>
      <c r="AK19" s="278">
        <v>0</v>
      </c>
      <c r="AL19" s="280">
        <v>0</v>
      </c>
      <c r="AM19" s="281">
        <v>1</v>
      </c>
      <c r="AN19" s="281">
        <v>0</v>
      </c>
      <c r="AO19" s="281">
        <v>3</v>
      </c>
      <c r="AP19" s="281">
        <v>0</v>
      </c>
      <c r="AQ19" s="281">
        <v>0</v>
      </c>
      <c r="AR19" s="278">
        <v>4</v>
      </c>
      <c r="AS19" s="283">
        <v>4</v>
      </c>
      <c r="AT19" s="277">
        <v>0</v>
      </c>
      <c r="AU19" s="281">
        <v>0</v>
      </c>
      <c r="AV19" s="278">
        <v>0</v>
      </c>
      <c r="AW19" s="280">
        <v>0</v>
      </c>
      <c r="AX19" s="281">
        <v>0</v>
      </c>
      <c r="AY19" s="281">
        <v>4</v>
      </c>
      <c r="AZ19" s="281">
        <v>2</v>
      </c>
      <c r="BA19" s="281">
        <v>2</v>
      </c>
      <c r="BB19" s="281">
        <v>2</v>
      </c>
      <c r="BC19" s="278">
        <v>10</v>
      </c>
      <c r="BD19" s="283">
        <v>10</v>
      </c>
      <c r="BE19" s="277">
        <v>0</v>
      </c>
      <c r="BF19" s="281">
        <v>0</v>
      </c>
      <c r="BG19" s="278">
        <v>0</v>
      </c>
      <c r="BH19" s="280">
        <v>0</v>
      </c>
      <c r="BI19" s="281">
        <v>2</v>
      </c>
      <c r="BJ19" s="281">
        <v>4</v>
      </c>
      <c r="BK19" s="281">
        <v>2</v>
      </c>
      <c r="BL19" s="281">
        <v>1</v>
      </c>
      <c r="BM19" s="281">
        <v>0</v>
      </c>
      <c r="BN19" s="282">
        <v>9</v>
      </c>
      <c r="BO19" s="283">
        <v>9</v>
      </c>
      <c r="BP19" s="277">
        <v>0</v>
      </c>
      <c r="BQ19" s="281">
        <v>0</v>
      </c>
      <c r="BR19" s="278">
        <v>0</v>
      </c>
      <c r="BS19" s="280">
        <v>0</v>
      </c>
      <c r="BT19" s="281">
        <v>0</v>
      </c>
      <c r="BU19" s="281">
        <v>0</v>
      </c>
      <c r="BV19" s="281">
        <v>0</v>
      </c>
      <c r="BW19" s="281">
        <v>0</v>
      </c>
      <c r="BX19" s="281">
        <v>0</v>
      </c>
      <c r="BY19" s="278">
        <v>0</v>
      </c>
      <c r="BZ19" s="283">
        <v>0</v>
      </c>
      <c r="CA19" s="277">
        <v>0</v>
      </c>
      <c r="CB19" s="281">
        <v>0</v>
      </c>
      <c r="CC19" s="278">
        <v>0</v>
      </c>
      <c r="CD19" s="280">
        <v>0</v>
      </c>
      <c r="CE19" s="281">
        <v>0</v>
      </c>
      <c r="CF19" s="281">
        <v>0</v>
      </c>
      <c r="CG19" s="281">
        <v>2</v>
      </c>
      <c r="CH19" s="281">
        <v>0</v>
      </c>
      <c r="CI19" s="281">
        <v>0</v>
      </c>
      <c r="CJ19" s="278">
        <v>2</v>
      </c>
      <c r="CK19" s="283">
        <v>2</v>
      </c>
      <c r="CL19" s="277">
        <v>0</v>
      </c>
      <c r="CM19" s="281">
        <v>0</v>
      </c>
      <c r="CN19" s="278">
        <v>0</v>
      </c>
      <c r="CO19" s="280">
        <v>0</v>
      </c>
      <c r="CP19" s="281">
        <v>1</v>
      </c>
      <c r="CQ19" s="281">
        <v>0</v>
      </c>
      <c r="CR19" s="281">
        <v>0</v>
      </c>
      <c r="CS19" s="281">
        <v>0</v>
      </c>
      <c r="CT19" s="281">
        <v>0</v>
      </c>
      <c r="CU19" s="278">
        <v>1</v>
      </c>
      <c r="CV19" s="283">
        <v>1</v>
      </c>
    </row>
    <row r="20" spans="1:100" ht="21" customHeight="1" x14ac:dyDescent="0.2">
      <c r="A20" s="262" t="s">
        <v>18</v>
      </c>
      <c r="B20" s="277">
        <v>0</v>
      </c>
      <c r="C20" s="278">
        <v>0</v>
      </c>
      <c r="D20" s="279">
        <v>0</v>
      </c>
      <c r="E20" s="280">
        <v>0</v>
      </c>
      <c r="F20" s="281">
        <v>0</v>
      </c>
      <c r="G20" s="281">
        <v>0</v>
      </c>
      <c r="H20" s="281">
        <v>0</v>
      </c>
      <c r="I20" s="281">
        <v>0</v>
      </c>
      <c r="J20" s="281">
        <v>0</v>
      </c>
      <c r="K20" s="282">
        <v>0</v>
      </c>
      <c r="L20" s="283">
        <v>0</v>
      </c>
      <c r="M20" s="277">
        <v>0</v>
      </c>
      <c r="N20" s="281">
        <v>0</v>
      </c>
      <c r="O20" s="278">
        <v>0</v>
      </c>
      <c r="P20" s="280">
        <v>0</v>
      </c>
      <c r="Q20" s="281">
        <v>0</v>
      </c>
      <c r="R20" s="281">
        <v>0</v>
      </c>
      <c r="S20" s="281">
        <v>0</v>
      </c>
      <c r="T20" s="281">
        <v>0</v>
      </c>
      <c r="U20" s="281">
        <v>0</v>
      </c>
      <c r="V20" s="278">
        <v>0</v>
      </c>
      <c r="W20" s="283">
        <v>0</v>
      </c>
      <c r="X20" s="277">
        <v>0</v>
      </c>
      <c r="Y20" s="281">
        <v>0</v>
      </c>
      <c r="Z20" s="278">
        <v>0</v>
      </c>
      <c r="AA20" s="280">
        <v>0</v>
      </c>
      <c r="AB20" s="281">
        <v>20</v>
      </c>
      <c r="AC20" s="281">
        <v>18</v>
      </c>
      <c r="AD20" s="281">
        <v>5</v>
      </c>
      <c r="AE20" s="281">
        <v>1</v>
      </c>
      <c r="AF20" s="281">
        <v>0</v>
      </c>
      <c r="AG20" s="278">
        <v>44</v>
      </c>
      <c r="AH20" s="283">
        <v>44</v>
      </c>
      <c r="AI20" s="277">
        <v>0</v>
      </c>
      <c r="AJ20" s="281">
        <v>0</v>
      </c>
      <c r="AK20" s="278">
        <v>0</v>
      </c>
      <c r="AL20" s="280">
        <v>0</v>
      </c>
      <c r="AM20" s="281">
        <v>2</v>
      </c>
      <c r="AN20" s="281">
        <v>0</v>
      </c>
      <c r="AO20" s="281">
        <v>2</v>
      </c>
      <c r="AP20" s="281">
        <v>1</v>
      </c>
      <c r="AQ20" s="281">
        <v>0</v>
      </c>
      <c r="AR20" s="278">
        <v>5</v>
      </c>
      <c r="AS20" s="283">
        <v>5</v>
      </c>
      <c r="AT20" s="277">
        <v>2</v>
      </c>
      <c r="AU20" s="281">
        <v>0</v>
      </c>
      <c r="AV20" s="278">
        <v>2</v>
      </c>
      <c r="AW20" s="280">
        <v>0</v>
      </c>
      <c r="AX20" s="281">
        <v>5</v>
      </c>
      <c r="AY20" s="281">
        <v>4</v>
      </c>
      <c r="AZ20" s="281">
        <v>3</v>
      </c>
      <c r="BA20" s="281">
        <v>0</v>
      </c>
      <c r="BB20" s="281">
        <v>0</v>
      </c>
      <c r="BC20" s="278">
        <v>12</v>
      </c>
      <c r="BD20" s="283">
        <v>14</v>
      </c>
      <c r="BE20" s="277">
        <v>0</v>
      </c>
      <c r="BF20" s="281">
        <v>0</v>
      </c>
      <c r="BG20" s="278">
        <v>0</v>
      </c>
      <c r="BH20" s="280">
        <v>0</v>
      </c>
      <c r="BI20" s="281">
        <v>2</v>
      </c>
      <c r="BJ20" s="281">
        <v>5</v>
      </c>
      <c r="BK20" s="281">
        <v>5</v>
      </c>
      <c r="BL20" s="281">
        <v>2</v>
      </c>
      <c r="BM20" s="281">
        <v>2</v>
      </c>
      <c r="BN20" s="282">
        <v>16</v>
      </c>
      <c r="BO20" s="283">
        <v>16</v>
      </c>
      <c r="BP20" s="277">
        <v>0</v>
      </c>
      <c r="BQ20" s="281">
        <v>0</v>
      </c>
      <c r="BR20" s="278">
        <v>0</v>
      </c>
      <c r="BS20" s="280">
        <v>0</v>
      </c>
      <c r="BT20" s="281">
        <v>0</v>
      </c>
      <c r="BU20" s="281">
        <v>0</v>
      </c>
      <c r="BV20" s="281">
        <v>0</v>
      </c>
      <c r="BW20" s="281">
        <v>0</v>
      </c>
      <c r="BX20" s="281">
        <v>0</v>
      </c>
      <c r="BY20" s="278">
        <v>0</v>
      </c>
      <c r="BZ20" s="283">
        <v>0</v>
      </c>
      <c r="CA20" s="277">
        <v>0</v>
      </c>
      <c r="CB20" s="281">
        <v>0</v>
      </c>
      <c r="CC20" s="278">
        <v>0</v>
      </c>
      <c r="CD20" s="280">
        <v>0</v>
      </c>
      <c r="CE20" s="281">
        <v>0</v>
      </c>
      <c r="CF20" s="281">
        <v>0</v>
      </c>
      <c r="CG20" s="281">
        <v>0</v>
      </c>
      <c r="CH20" s="281">
        <v>0</v>
      </c>
      <c r="CI20" s="281">
        <v>0</v>
      </c>
      <c r="CJ20" s="278">
        <v>0</v>
      </c>
      <c r="CK20" s="283">
        <v>0</v>
      </c>
      <c r="CL20" s="277">
        <v>0</v>
      </c>
      <c r="CM20" s="281">
        <v>0</v>
      </c>
      <c r="CN20" s="278">
        <v>0</v>
      </c>
      <c r="CO20" s="280">
        <v>0</v>
      </c>
      <c r="CP20" s="281">
        <v>0</v>
      </c>
      <c r="CQ20" s="281">
        <v>0</v>
      </c>
      <c r="CR20" s="281">
        <v>2</v>
      </c>
      <c r="CS20" s="281">
        <v>3</v>
      </c>
      <c r="CT20" s="281">
        <v>0</v>
      </c>
      <c r="CU20" s="278">
        <v>5</v>
      </c>
      <c r="CV20" s="283">
        <v>5</v>
      </c>
    </row>
    <row r="21" spans="1:100" ht="21" customHeight="1" x14ac:dyDescent="0.2">
      <c r="A21" s="262" t="s">
        <v>19</v>
      </c>
      <c r="B21" s="277">
        <v>0</v>
      </c>
      <c r="C21" s="278">
        <v>0</v>
      </c>
      <c r="D21" s="279">
        <v>0</v>
      </c>
      <c r="E21" s="280">
        <v>0</v>
      </c>
      <c r="F21" s="281">
        <v>1</v>
      </c>
      <c r="G21" s="281">
        <v>0</v>
      </c>
      <c r="H21" s="281">
        <v>0</v>
      </c>
      <c r="I21" s="281">
        <v>0</v>
      </c>
      <c r="J21" s="281">
        <v>1</v>
      </c>
      <c r="K21" s="282">
        <v>2</v>
      </c>
      <c r="L21" s="283">
        <v>2</v>
      </c>
      <c r="M21" s="277">
        <v>0</v>
      </c>
      <c r="N21" s="281">
        <v>0</v>
      </c>
      <c r="O21" s="278">
        <v>0</v>
      </c>
      <c r="P21" s="280">
        <v>0</v>
      </c>
      <c r="Q21" s="281">
        <v>0</v>
      </c>
      <c r="R21" s="281">
        <v>0</v>
      </c>
      <c r="S21" s="281">
        <v>0</v>
      </c>
      <c r="T21" s="281">
        <v>0</v>
      </c>
      <c r="U21" s="281">
        <v>0</v>
      </c>
      <c r="V21" s="278">
        <v>0</v>
      </c>
      <c r="W21" s="283">
        <v>0</v>
      </c>
      <c r="X21" s="277">
        <v>0</v>
      </c>
      <c r="Y21" s="281">
        <v>0</v>
      </c>
      <c r="Z21" s="278">
        <v>0</v>
      </c>
      <c r="AA21" s="280">
        <v>0</v>
      </c>
      <c r="AB21" s="281">
        <v>5</v>
      </c>
      <c r="AC21" s="281">
        <v>4</v>
      </c>
      <c r="AD21" s="281">
        <v>1</v>
      </c>
      <c r="AE21" s="281">
        <v>2</v>
      </c>
      <c r="AF21" s="281">
        <v>0</v>
      </c>
      <c r="AG21" s="278">
        <v>12</v>
      </c>
      <c r="AH21" s="283">
        <v>12</v>
      </c>
      <c r="AI21" s="277">
        <v>0</v>
      </c>
      <c r="AJ21" s="281">
        <v>0</v>
      </c>
      <c r="AK21" s="278">
        <v>0</v>
      </c>
      <c r="AL21" s="280">
        <v>0</v>
      </c>
      <c r="AM21" s="281">
        <v>0</v>
      </c>
      <c r="AN21" s="281">
        <v>4</v>
      </c>
      <c r="AO21" s="281">
        <v>0</v>
      </c>
      <c r="AP21" s="281">
        <v>0</v>
      </c>
      <c r="AQ21" s="281">
        <v>0</v>
      </c>
      <c r="AR21" s="278">
        <v>4</v>
      </c>
      <c r="AS21" s="283">
        <v>4</v>
      </c>
      <c r="AT21" s="277">
        <v>0</v>
      </c>
      <c r="AU21" s="281">
        <v>0</v>
      </c>
      <c r="AV21" s="278">
        <v>0</v>
      </c>
      <c r="AW21" s="280">
        <v>0</v>
      </c>
      <c r="AX21" s="281">
        <v>2</v>
      </c>
      <c r="AY21" s="281">
        <v>2</v>
      </c>
      <c r="AZ21" s="281">
        <v>1</v>
      </c>
      <c r="BA21" s="281">
        <v>0</v>
      </c>
      <c r="BB21" s="281">
        <v>2</v>
      </c>
      <c r="BC21" s="278">
        <v>7</v>
      </c>
      <c r="BD21" s="283">
        <v>7</v>
      </c>
      <c r="BE21" s="277">
        <v>0</v>
      </c>
      <c r="BF21" s="281">
        <v>0</v>
      </c>
      <c r="BG21" s="278">
        <v>0</v>
      </c>
      <c r="BH21" s="280">
        <v>0</v>
      </c>
      <c r="BI21" s="281">
        <v>2</v>
      </c>
      <c r="BJ21" s="281">
        <v>1</v>
      </c>
      <c r="BK21" s="281">
        <v>0</v>
      </c>
      <c r="BL21" s="281">
        <v>0</v>
      </c>
      <c r="BM21" s="281">
        <v>0</v>
      </c>
      <c r="BN21" s="282">
        <v>3</v>
      </c>
      <c r="BO21" s="283">
        <v>3</v>
      </c>
      <c r="BP21" s="277">
        <v>0</v>
      </c>
      <c r="BQ21" s="281">
        <v>0</v>
      </c>
      <c r="BR21" s="278">
        <v>0</v>
      </c>
      <c r="BS21" s="280">
        <v>0</v>
      </c>
      <c r="BT21" s="281">
        <v>0</v>
      </c>
      <c r="BU21" s="281">
        <v>0</v>
      </c>
      <c r="BV21" s="281">
        <v>0</v>
      </c>
      <c r="BW21" s="281">
        <v>0</v>
      </c>
      <c r="BX21" s="281">
        <v>0</v>
      </c>
      <c r="BY21" s="278">
        <v>0</v>
      </c>
      <c r="BZ21" s="283">
        <v>0</v>
      </c>
      <c r="CA21" s="277">
        <v>0</v>
      </c>
      <c r="CB21" s="281">
        <v>0</v>
      </c>
      <c r="CC21" s="278">
        <v>0</v>
      </c>
      <c r="CD21" s="280">
        <v>0</v>
      </c>
      <c r="CE21" s="281">
        <v>0</v>
      </c>
      <c r="CF21" s="281">
        <v>0</v>
      </c>
      <c r="CG21" s="281">
        <v>0</v>
      </c>
      <c r="CH21" s="281">
        <v>0</v>
      </c>
      <c r="CI21" s="281">
        <v>0</v>
      </c>
      <c r="CJ21" s="278">
        <v>0</v>
      </c>
      <c r="CK21" s="283">
        <v>0</v>
      </c>
      <c r="CL21" s="277">
        <v>0</v>
      </c>
      <c r="CM21" s="281">
        <v>0</v>
      </c>
      <c r="CN21" s="278">
        <v>0</v>
      </c>
      <c r="CO21" s="280">
        <v>0</v>
      </c>
      <c r="CP21" s="281">
        <v>1</v>
      </c>
      <c r="CQ21" s="281">
        <v>0</v>
      </c>
      <c r="CR21" s="281">
        <v>1</v>
      </c>
      <c r="CS21" s="281">
        <v>1</v>
      </c>
      <c r="CT21" s="281">
        <v>1</v>
      </c>
      <c r="CU21" s="278">
        <v>4</v>
      </c>
      <c r="CV21" s="283">
        <v>4</v>
      </c>
    </row>
    <row r="22" spans="1:100" ht="21" customHeight="1" x14ac:dyDescent="0.2">
      <c r="A22" s="262" t="s">
        <v>20</v>
      </c>
      <c r="B22" s="277">
        <v>0</v>
      </c>
      <c r="C22" s="278">
        <v>0</v>
      </c>
      <c r="D22" s="279">
        <v>0</v>
      </c>
      <c r="E22" s="280">
        <v>0</v>
      </c>
      <c r="F22" s="281">
        <v>0</v>
      </c>
      <c r="G22" s="281">
        <v>0</v>
      </c>
      <c r="H22" s="281">
        <v>0</v>
      </c>
      <c r="I22" s="281">
        <v>0</v>
      </c>
      <c r="J22" s="281">
        <v>0</v>
      </c>
      <c r="K22" s="282">
        <v>0</v>
      </c>
      <c r="L22" s="283">
        <v>0</v>
      </c>
      <c r="M22" s="277">
        <v>0</v>
      </c>
      <c r="N22" s="281">
        <v>0</v>
      </c>
      <c r="O22" s="278">
        <v>0</v>
      </c>
      <c r="P22" s="280">
        <v>0</v>
      </c>
      <c r="Q22" s="281">
        <v>0</v>
      </c>
      <c r="R22" s="281">
        <v>0</v>
      </c>
      <c r="S22" s="281">
        <v>0</v>
      </c>
      <c r="T22" s="281">
        <v>0</v>
      </c>
      <c r="U22" s="281">
        <v>0</v>
      </c>
      <c r="V22" s="278">
        <v>0</v>
      </c>
      <c r="W22" s="283">
        <v>0</v>
      </c>
      <c r="X22" s="277">
        <v>0</v>
      </c>
      <c r="Y22" s="281">
        <v>0</v>
      </c>
      <c r="Z22" s="278">
        <v>0</v>
      </c>
      <c r="AA22" s="280">
        <v>0</v>
      </c>
      <c r="AB22" s="281">
        <v>11</v>
      </c>
      <c r="AC22" s="281">
        <v>8</v>
      </c>
      <c r="AD22" s="281">
        <v>3</v>
      </c>
      <c r="AE22" s="281">
        <v>0</v>
      </c>
      <c r="AF22" s="281">
        <v>0</v>
      </c>
      <c r="AG22" s="278">
        <v>22</v>
      </c>
      <c r="AH22" s="283">
        <v>22</v>
      </c>
      <c r="AI22" s="277">
        <v>0</v>
      </c>
      <c r="AJ22" s="281">
        <v>0</v>
      </c>
      <c r="AK22" s="278">
        <v>0</v>
      </c>
      <c r="AL22" s="280">
        <v>0</v>
      </c>
      <c r="AM22" s="281">
        <v>0</v>
      </c>
      <c r="AN22" s="281">
        <v>0</v>
      </c>
      <c r="AO22" s="281">
        <v>1</v>
      </c>
      <c r="AP22" s="281">
        <v>1</v>
      </c>
      <c r="AQ22" s="281">
        <v>0</v>
      </c>
      <c r="AR22" s="278">
        <v>2</v>
      </c>
      <c r="AS22" s="283">
        <v>2</v>
      </c>
      <c r="AT22" s="277">
        <v>0</v>
      </c>
      <c r="AU22" s="281">
        <v>0</v>
      </c>
      <c r="AV22" s="278">
        <v>0</v>
      </c>
      <c r="AW22" s="280">
        <v>0</v>
      </c>
      <c r="AX22" s="281">
        <v>1</v>
      </c>
      <c r="AY22" s="281">
        <v>0</v>
      </c>
      <c r="AZ22" s="281">
        <v>0</v>
      </c>
      <c r="BA22" s="281">
        <v>0</v>
      </c>
      <c r="BB22" s="281">
        <v>0</v>
      </c>
      <c r="BC22" s="278">
        <v>1</v>
      </c>
      <c r="BD22" s="283">
        <v>1</v>
      </c>
      <c r="BE22" s="277">
        <v>0</v>
      </c>
      <c r="BF22" s="281">
        <v>0</v>
      </c>
      <c r="BG22" s="278">
        <v>0</v>
      </c>
      <c r="BH22" s="280">
        <v>0</v>
      </c>
      <c r="BI22" s="281">
        <v>1</v>
      </c>
      <c r="BJ22" s="281">
        <v>1</v>
      </c>
      <c r="BK22" s="281">
        <v>1</v>
      </c>
      <c r="BL22" s="281">
        <v>3</v>
      </c>
      <c r="BM22" s="281">
        <v>0</v>
      </c>
      <c r="BN22" s="282">
        <v>6</v>
      </c>
      <c r="BO22" s="283">
        <v>6</v>
      </c>
      <c r="BP22" s="277">
        <v>0</v>
      </c>
      <c r="BQ22" s="281">
        <v>0</v>
      </c>
      <c r="BR22" s="278">
        <v>0</v>
      </c>
      <c r="BS22" s="280">
        <v>0</v>
      </c>
      <c r="BT22" s="281">
        <v>0</v>
      </c>
      <c r="BU22" s="281">
        <v>0</v>
      </c>
      <c r="BV22" s="281">
        <v>0</v>
      </c>
      <c r="BW22" s="281">
        <v>0</v>
      </c>
      <c r="BX22" s="281">
        <v>0</v>
      </c>
      <c r="BY22" s="278">
        <v>0</v>
      </c>
      <c r="BZ22" s="283">
        <v>0</v>
      </c>
      <c r="CA22" s="277">
        <v>0</v>
      </c>
      <c r="CB22" s="281">
        <v>0</v>
      </c>
      <c r="CC22" s="278">
        <v>0</v>
      </c>
      <c r="CD22" s="280">
        <v>0</v>
      </c>
      <c r="CE22" s="281">
        <v>0</v>
      </c>
      <c r="CF22" s="281">
        <v>0</v>
      </c>
      <c r="CG22" s="281">
        <v>0</v>
      </c>
      <c r="CH22" s="281">
        <v>0</v>
      </c>
      <c r="CI22" s="281">
        <v>0</v>
      </c>
      <c r="CJ22" s="278">
        <v>0</v>
      </c>
      <c r="CK22" s="283">
        <v>0</v>
      </c>
      <c r="CL22" s="277">
        <v>0</v>
      </c>
      <c r="CM22" s="281">
        <v>0</v>
      </c>
      <c r="CN22" s="278">
        <v>0</v>
      </c>
      <c r="CO22" s="280">
        <v>0</v>
      </c>
      <c r="CP22" s="281">
        <v>0</v>
      </c>
      <c r="CQ22" s="281">
        <v>0</v>
      </c>
      <c r="CR22" s="281">
        <v>0</v>
      </c>
      <c r="CS22" s="281">
        <v>0</v>
      </c>
      <c r="CT22" s="281">
        <v>0</v>
      </c>
      <c r="CU22" s="278">
        <v>0</v>
      </c>
      <c r="CV22" s="283">
        <v>0</v>
      </c>
    </row>
    <row r="23" spans="1:100" ht="21" customHeight="1" x14ac:dyDescent="0.2">
      <c r="A23" s="262" t="s">
        <v>21</v>
      </c>
      <c r="B23" s="277">
        <v>0</v>
      </c>
      <c r="C23" s="278">
        <v>0</v>
      </c>
      <c r="D23" s="279">
        <v>0</v>
      </c>
      <c r="E23" s="280">
        <v>0</v>
      </c>
      <c r="F23" s="281">
        <v>0</v>
      </c>
      <c r="G23" s="281">
        <v>0</v>
      </c>
      <c r="H23" s="281">
        <v>0</v>
      </c>
      <c r="I23" s="281">
        <v>0</v>
      </c>
      <c r="J23" s="281">
        <v>0</v>
      </c>
      <c r="K23" s="282">
        <v>0</v>
      </c>
      <c r="L23" s="283">
        <v>0</v>
      </c>
      <c r="M23" s="277">
        <v>0</v>
      </c>
      <c r="N23" s="281">
        <v>0</v>
      </c>
      <c r="O23" s="278">
        <v>0</v>
      </c>
      <c r="P23" s="280">
        <v>0</v>
      </c>
      <c r="Q23" s="281">
        <v>0</v>
      </c>
      <c r="R23" s="281">
        <v>0</v>
      </c>
      <c r="S23" s="281">
        <v>0</v>
      </c>
      <c r="T23" s="281">
        <v>0</v>
      </c>
      <c r="U23" s="281">
        <v>0</v>
      </c>
      <c r="V23" s="278">
        <v>0</v>
      </c>
      <c r="W23" s="283">
        <v>0</v>
      </c>
      <c r="X23" s="277">
        <v>0</v>
      </c>
      <c r="Y23" s="281">
        <v>0</v>
      </c>
      <c r="Z23" s="278">
        <v>0</v>
      </c>
      <c r="AA23" s="280">
        <v>0</v>
      </c>
      <c r="AB23" s="281">
        <v>11</v>
      </c>
      <c r="AC23" s="281">
        <v>9</v>
      </c>
      <c r="AD23" s="281">
        <v>3</v>
      </c>
      <c r="AE23" s="281">
        <v>3</v>
      </c>
      <c r="AF23" s="281">
        <v>1</v>
      </c>
      <c r="AG23" s="278">
        <v>27</v>
      </c>
      <c r="AH23" s="283">
        <v>27</v>
      </c>
      <c r="AI23" s="277">
        <v>0</v>
      </c>
      <c r="AJ23" s="281">
        <v>0</v>
      </c>
      <c r="AK23" s="278">
        <v>0</v>
      </c>
      <c r="AL23" s="280">
        <v>0</v>
      </c>
      <c r="AM23" s="281">
        <v>0</v>
      </c>
      <c r="AN23" s="281">
        <v>0</v>
      </c>
      <c r="AO23" s="281">
        <v>0</v>
      </c>
      <c r="AP23" s="281">
        <v>0</v>
      </c>
      <c r="AQ23" s="281">
        <v>0</v>
      </c>
      <c r="AR23" s="278">
        <v>0</v>
      </c>
      <c r="AS23" s="283">
        <v>0</v>
      </c>
      <c r="AT23" s="277">
        <v>0</v>
      </c>
      <c r="AU23" s="281">
        <v>0</v>
      </c>
      <c r="AV23" s="278">
        <v>0</v>
      </c>
      <c r="AW23" s="280">
        <v>0</v>
      </c>
      <c r="AX23" s="281">
        <v>0</v>
      </c>
      <c r="AY23" s="281">
        <v>0</v>
      </c>
      <c r="AZ23" s="281">
        <v>3</v>
      </c>
      <c r="BA23" s="281">
        <v>0</v>
      </c>
      <c r="BB23" s="281">
        <v>0</v>
      </c>
      <c r="BC23" s="278">
        <v>3</v>
      </c>
      <c r="BD23" s="283">
        <v>3</v>
      </c>
      <c r="BE23" s="277">
        <v>0</v>
      </c>
      <c r="BF23" s="281">
        <v>0</v>
      </c>
      <c r="BG23" s="278">
        <v>0</v>
      </c>
      <c r="BH23" s="280">
        <v>0</v>
      </c>
      <c r="BI23" s="281">
        <v>1</v>
      </c>
      <c r="BJ23" s="281">
        <v>1</v>
      </c>
      <c r="BK23" s="281">
        <v>0</v>
      </c>
      <c r="BL23" s="281">
        <v>1</v>
      </c>
      <c r="BM23" s="281">
        <v>0</v>
      </c>
      <c r="BN23" s="282">
        <v>3</v>
      </c>
      <c r="BO23" s="283">
        <v>3</v>
      </c>
      <c r="BP23" s="277">
        <v>0</v>
      </c>
      <c r="BQ23" s="281">
        <v>0</v>
      </c>
      <c r="BR23" s="278">
        <v>0</v>
      </c>
      <c r="BS23" s="280">
        <v>0</v>
      </c>
      <c r="BT23" s="281">
        <v>0</v>
      </c>
      <c r="BU23" s="281">
        <v>0</v>
      </c>
      <c r="BV23" s="281">
        <v>0</v>
      </c>
      <c r="BW23" s="281">
        <v>0</v>
      </c>
      <c r="BX23" s="281">
        <v>0</v>
      </c>
      <c r="BY23" s="278">
        <v>0</v>
      </c>
      <c r="BZ23" s="283">
        <v>0</v>
      </c>
      <c r="CA23" s="277">
        <v>0</v>
      </c>
      <c r="CB23" s="281">
        <v>0</v>
      </c>
      <c r="CC23" s="278">
        <v>0</v>
      </c>
      <c r="CD23" s="280">
        <v>0</v>
      </c>
      <c r="CE23" s="281">
        <v>0</v>
      </c>
      <c r="CF23" s="281">
        <v>0</v>
      </c>
      <c r="CG23" s="281">
        <v>0</v>
      </c>
      <c r="CH23" s="281">
        <v>0</v>
      </c>
      <c r="CI23" s="281">
        <v>0</v>
      </c>
      <c r="CJ23" s="278">
        <v>0</v>
      </c>
      <c r="CK23" s="283">
        <v>0</v>
      </c>
      <c r="CL23" s="277">
        <v>0</v>
      </c>
      <c r="CM23" s="281">
        <v>0</v>
      </c>
      <c r="CN23" s="278">
        <v>0</v>
      </c>
      <c r="CO23" s="280">
        <v>0</v>
      </c>
      <c r="CP23" s="281">
        <v>0</v>
      </c>
      <c r="CQ23" s="281">
        <v>0</v>
      </c>
      <c r="CR23" s="281">
        <v>0</v>
      </c>
      <c r="CS23" s="281">
        <v>0</v>
      </c>
      <c r="CT23" s="281">
        <v>0</v>
      </c>
      <c r="CU23" s="278">
        <v>0</v>
      </c>
      <c r="CV23" s="283">
        <v>0</v>
      </c>
    </row>
    <row r="24" spans="1:100" ht="21" customHeight="1" x14ac:dyDescent="0.2">
      <c r="A24" s="262" t="s">
        <v>22</v>
      </c>
      <c r="B24" s="277">
        <v>0</v>
      </c>
      <c r="C24" s="278">
        <v>0</v>
      </c>
      <c r="D24" s="279">
        <v>0</v>
      </c>
      <c r="E24" s="280">
        <v>0</v>
      </c>
      <c r="F24" s="281">
        <v>0</v>
      </c>
      <c r="G24" s="281">
        <v>1</v>
      </c>
      <c r="H24" s="281">
        <v>1</v>
      </c>
      <c r="I24" s="281">
        <v>0</v>
      </c>
      <c r="J24" s="281">
        <v>0</v>
      </c>
      <c r="K24" s="282">
        <v>2</v>
      </c>
      <c r="L24" s="283">
        <v>2</v>
      </c>
      <c r="M24" s="277">
        <v>0</v>
      </c>
      <c r="N24" s="281">
        <v>0</v>
      </c>
      <c r="O24" s="278">
        <v>0</v>
      </c>
      <c r="P24" s="280">
        <v>0</v>
      </c>
      <c r="Q24" s="281">
        <v>0</v>
      </c>
      <c r="R24" s="281">
        <v>0</v>
      </c>
      <c r="S24" s="281">
        <v>0</v>
      </c>
      <c r="T24" s="281">
        <v>0</v>
      </c>
      <c r="U24" s="281">
        <v>0</v>
      </c>
      <c r="V24" s="278">
        <v>0</v>
      </c>
      <c r="W24" s="283">
        <v>0</v>
      </c>
      <c r="X24" s="277">
        <v>0</v>
      </c>
      <c r="Y24" s="281">
        <v>0</v>
      </c>
      <c r="Z24" s="278">
        <v>0</v>
      </c>
      <c r="AA24" s="280">
        <v>0</v>
      </c>
      <c r="AB24" s="281">
        <v>7</v>
      </c>
      <c r="AC24" s="281">
        <v>5</v>
      </c>
      <c r="AD24" s="281">
        <v>1</v>
      </c>
      <c r="AE24" s="281">
        <v>3</v>
      </c>
      <c r="AF24" s="281">
        <v>0</v>
      </c>
      <c r="AG24" s="278">
        <v>16</v>
      </c>
      <c r="AH24" s="283">
        <v>16</v>
      </c>
      <c r="AI24" s="277">
        <v>0</v>
      </c>
      <c r="AJ24" s="281">
        <v>0</v>
      </c>
      <c r="AK24" s="278">
        <v>0</v>
      </c>
      <c r="AL24" s="280">
        <v>0</v>
      </c>
      <c r="AM24" s="281">
        <v>1</v>
      </c>
      <c r="AN24" s="281">
        <v>0</v>
      </c>
      <c r="AO24" s="281">
        <v>1</v>
      </c>
      <c r="AP24" s="281">
        <v>1</v>
      </c>
      <c r="AQ24" s="281">
        <v>0</v>
      </c>
      <c r="AR24" s="278">
        <v>3</v>
      </c>
      <c r="AS24" s="283">
        <v>3</v>
      </c>
      <c r="AT24" s="277">
        <v>0</v>
      </c>
      <c r="AU24" s="281">
        <v>0</v>
      </c>
      <c r="AV24" s="278">
        <v>0</v>
      </c>
      <c r="AW24" s="280">
        <v>0</v>
      </c>
      <c r="AX24" s="281">
        <v>5</v>
      </c>
      <c r="AY24" s="281">
        <v>2</v>
      </c>
      <c r="AZ24" s="281">
        <v>0</v>
      </c>
      <c r="BA24" s="281">
        <v>0</v>
      </c>
      <c r="BB24" s="281">
        <v>1</v>
      </c>
      <c r="BC24" s="278">
        <v>8</v>
      </c>
      <c r="BD24" s="283">
        <v>8</v>
      </c>
      <c r="BE24" s="277">
        <v>0</v>
      </c>
      <c r="BF24" s="281">
        <v>0</v>
      </c>
      <c r="BG24" s="278">
        <v>0</v>
      </c>
      <c r="BH24" s="280">
        <v>0</v>
      </c>
      <c r="BI24" s="281">
        <v>1</v>
      </c>
      <c r="BJ24" s="281">
        <v>2</v>
      </c>
      <c r="BK24" s="281">
        <v>0</v>
      </c>
      <c r="BL24" s="281">
        <v>0</v>
      </c>
      <c r="BM24" s="281">
        <v>0</v>
      </c>
      <c r="BN24" s="282">
        <v>3</v>
      </c>
      <c r="BO24" s="283">
        <v>3</v>
      </c>
      <c r="BP24" s="277">
        <v>0</v>
      </c>
      <c r="BQ24" s="281">
        <v>0</v>
      </c>
      <c r="BR24" s="278">
        <v>0</v>
      </c>
      <c r="BS24" s="280">
        <v>0</v>
      </c>
      <c r="BT24" s="281">
        <v>0</v>
      </c>
      <c r="BU24" s="281">
        <v>0</v>
      </c>
      <c r="BV24" s="281">
        <v>0</v>
      </c>
      <c r="BW24" s="281">
        <v>0</v>
      </c>
      <c r="BX24" s="281">
        <v>0</v>
      </c>
      <c r="BY24" s="278">
        <v>0</v>
      </c>
      <c r="BZ24" s="283">
        <v>0</v>
      </c>
      <c r="CA24" s="277">
        <v>0</v>
      </c>
      <c r="CB24" s="281">
        <v>0</v>
      </c>
      <c r="CC24" s="278">
        <v>0</v>
      </c>
      <c r="CD24" s="280">
        <v>0</v>
      </c>
      <c r="CE24" s="281">
        <v>0</v>
      </c>
      <c r="CF24" s="281">
        <v>0</v>
      </c>
      <c r="CG24" s="281">
        <v>0</v>
      </c>
      <c r="CH24" s="281">
        <v>4</v>
      </c>
      <c r="CI24" s="281">
        <v>0</v>
      </c>
      <c r="CJ24" s="278">
        <v>4</v>
      </c>
      <c r="CK24" s="283">
        <v>4</v>
      </c>
      <c r="CL24" s="277">
        <v>0</v>
      </c>
      <c r="CM24" s="281">
        <v>0</v>
      </c>
      <c r="CN24" s="278">
        <v>0</v>
      </c>
      <c r="CO24" s="280">
        <v>0</v>
      </c>
      <c r="CP24" s="281">
        <v>0</v>
      </c>
      <c r="CQ24" s="281">
        <v>0</v>
      </c>
      <c r="CR24" s="281">
        <v>0</v>
      </c>
      <c r="CS24" s="281">
        <v>0</v>
      </c>
      <c r="CT24" s="281">
        <v>0</v>
      </c>
      <c r="CU24" s="278">
        <v>0</v>
      </c>
      <c r="CV24" s="283">
        <v>0</v>
      </c>
    </row>
    <row r="25" spans="1:100" ht="21" customHeight="1" x14ac:dyDescent="0.2">
      <c r="A25" s="262" t="s">
        <v>23</v>
      </c>
      <c r="B25" s="277">
        <v>0</v>
      </c>
      <c r="C25" s="278">
        <v>0</v>
      </c>
      <c r="D25" s="279">
        <v>0</v>
      </c>
      <c r="E25" s="280">
        <v>0</v>
      </c>
      <c r="F25" s="281">
        <v>0</v>
      </c>
      <c r="G25" s="281">
        <v>0</v>
      </c>
      <c r="H25" s="281">
        <v>0</v>
      </c>
      <c r="I25" s="281">
        <v>0</v>
      </c>
      <c r="J25" s="281">
        <v>0</v>
      </c>
      <c r="K25" s="282">
        <v>0</v>
      </c>
      <c r="L25" s="283">
        <v>0</v>
      </c>
      <c r="M25" s="277">
        <v>0</v>
      </c>
      <c r="N25" s="281">
        <v>0</v>
      </c>
      <c r="O25" s="278">
        <v>0</v>
      </c>
      <c r="P25" s="280">
        <v>0</v>
      </c>
      <c r="Q25" s="281">
        <v>0</v>
      </c>
      <c r="R25" s="281">
        <v>0</v>
      </c>
      <c r="S25" s="281">
        <v>0</v>
      </c>
      <c r="T25" s="281">
        <v>0</v>
      </c>
      <c r="U25" s="281">
        <v>0</v>
      </c>
      <c r="V25" s="278">
        <v>0</v>
      </c>
      <c r="W25" s="283">
        <v>0</v>
      </c>
      <c r="X25" s="277">
        <v>0</v>
      </c>
      <c r="Y25" s="281">
        <v>0</v>
      </c>
      <c r="Z25" s="278">
        <v>0</v>
      </c>
      <c r="AA25" s="280">
        <v>0</v>
      </c>
      <c r="AB25" s="281">
        <v>4</v>
      </c>
      <c r="AC25" s="281">
        <v>1</v>
      </c>
      <c r="AD25" s="281">
        <v>0</v>
      </c>
      <c r="AE25" s="281">
        <v>1</v>
      </c>
      <c r="AF25" s="281">
        <v>0</v>
      </c>
      <c r="AG25" s="278">
        <v>6</v>
      </c>
      <c r="AH25" s="283">
        <v>6</v>
      </c>
      <c r="AI25" s="277">
        <v>0</v>
      </c>
      <c r="AJ25" s="281">
        <v>0</v>
      </c>
      <c r="AK25" s="278">
        <v>0</v>
      </c>
      <c r="AL25" s="280">
        <v>0</v>
      </c>
      <c r="AM25" s="281">
        <v>0</v>
      </c>
      <c r="AN25" s="281">
        <v>0</v>
      </c>
      <c r="AO25" s="281">
        <v>0</v>
      </c>
      <c r="AP25" s="281">
        <v>0</v>
      </c>
      <c r="AQ25" s="281">
        <v>0</v>
      </c>
      <c r="AR25" s="278">
        <v>0</v>
      </c>
      <c r="AS25" s="283">
        <v>0</v>
      </c>
      <c r="AT25" s="277">
        <v>0</v>
      </c>
      <c r="AU25" s="281">
        <v>0</v>
      </c>
      <c r="AV25" s="278">
        <v>0</v>
      </c>
      <c r="AW25" s="280">
        <v>0</v>
      </c>
      <c r="AX25" s="281">
        <v>0</v>
      </c>
      <c r="AY25" s="281">
        <v>0</v>
      </c>
      <c r="AZ25" s="281">
        <v>0</v>
      </c>
      <c r="BA25" s="281">
        <v>0</v>
      </c>
      <c r="BB25" s="281">
        <v>0</v>
      </c>
      <c r="BC25" s="278">
        <v>0</v>
      </c>
      <c r="BD25" s="283">
        <v>0</v>
      </c>
      <c r="BE25" s="277">
        <v>0</v>
      </c>
      <c r="BF25" s="281">
        <v>0</v>
      </c>
      <c r="BG25" s="278">
        <v>0</v>
      </c>
      <c r="BH25" s="280">
        <v>0</v>
      </c>
      <c r="BI25" s="281">
        <v>3</v>
      </c>
      <c r="BJ25" s="281">
        <v>2</v>
      </c>
      <c r="BK25" s="281">
        <v>1</v>
      </c>
      <c r="BL25" s="281">
        <v>1</v>
      </c>
      <c r="BM25" s="281">
        <v>0</v>
      </c>
      <c r="BN25" s="282">
        <v>7</v>
      </c>
      <c r="BO25" s="283">
        <v>7</v>
      </c>
      <c r="BP25" s="277">
        <v>0</v>
      </c>
      <c r="BQ25" s="281">
        <v>0</v>
      </c>
      <c r="BR25" s="278">
        <v>0</v>
      </c>
      <c r="BS25" s="280">
        <v>0</v>
      </c>
      <c r="BT25" s="281">
        <v>0</v>
      </c>
      <c r="BU25" s="281">
        <v>0</v>
      </c>
      <c r="BV25" s="281">
        <v>0</v>
      </c>
      <c r="BW25" s="281">
        <v>0</v>
      </c>
      <c r="BX25" s="281">
        <v>0</v>
      </c>
      <c r="BY25" s="278">
        <v>0</v>
      </c>
      <c r="BZ25" s="283">
        <v>0</v>
      </c>
      <c r="CA25" s="277">
        <v>0</v>
      </c>
      <c r="CB25" s="281">
        <v>0</v>
      </c>
      <c r="CC25" s="278">
        <v>0</v>
      </c>
      <c r="CD25" s="280">
        <v>0</v>
      </c>
      <c r="CE25" s="281">
        <v>0</v>
      </c>
      <c r="CF25" s="281">
        <v>0</v>
      </c>
      <c r="CG25" s="281">
        <v>0</v>
      </c>
      <c r="CH25" s="281">
        <v>0</v>
      </c>
      <c r="CI25" s="281">
        <v>0</v>
      </c>
      <c r="CJ25" s="278">
        <v>0</v>
      </c>
      <c r="CK25" s="283">
        <v>0</v>
      </c>
      <c r="CL25" s="277">
        <v>0</v>
      </c>
      <c r="CM25" s="281">
        <v>0</v>
      </c>
      <c r="CN25" s="278">
        <v>0</v>
      </c>
      <c r="CO25" s="280">
        <v>0</v>
      </c>
      <c r="CP25" s="281">
        <v>0</v>
      </c>
      <c r="CQ25" s="281">
        <v>0</v>
      </c>
      <c r="CR25" s="281">
        <v>0</v>
      </c>
      <c r="CS25" s="281">
        <v>0</v>
      </c>
      <c r="CT25" s="281">
        <v>0</v>
      </c>
      <c r="CU25" s="278">
        <v>0</v>
      </c>
      <c r="CV25" s="283">
        <v>0</v>
      </c>
    </row>
    <row r="26" spans="1:100" ht="21" customHeight="1" x14ac:dyDescent="0.2">
      <c r="A26" s="262" t="s">
        <v>24</v>
      </c>
      <c r="B26" s="277">
        <v>0</v>
      </c>
      <c r="C26" s="278">
        <v>0</v>
      </c>
      <c r="D26" s="279">
        <v>0</v>
      </c>
      <c r="E26" s="280">
        <v>0</v>
      </c>
      <c r="F26" s="281">
        <v>0</v>
      </c>
      <c r="G26" s="281">
        <v>0</v>
      </c>
      <c r="H26" s="281">
        <v>0</v>
      </c>
      <c r="I26" s="281">
        <v>0</v>
      </c>
      <c r="J26" s="281">
        <v>0</v>
      </c>
      <c r="K26" s="282">
        <v>0</v>
      </c>
      <c r="L26" s="283">
        <v>0</v>
      </c>
      <c r="M26" s="277">
        <v>0</v>
      </c>
      <c r="N26" s="281">
        <v>0</v>
      </c>
      <c r="O26" s="278">
        <v>0</v>
      </c>
      <c r="P26" s="280">
        <v>0</v>
      </c>
      <c r="Q26" s="281">
        <v>0</v>
      </c>
      <c r="R26" s="281">
        <v>0</v>
      </c>
      <c r="S26" s="281">
        <v>0</v>
      </c>
      <c r="T26" s="281">
        <v>0</v>
      </c>
      <c r="U26" s="281">
        <v>0</v>
      </c>
      <c r="V26" s="278">
        <v>0</v>
      </c>
      <c r="W26" s="283">
        <v>0</v>
      </c>
      <c r="X26" s="277">
        <v>0</v>
      </c>
      <c r="Y26" s="281">
        <v>0</v>
      </c>
      <c r="Z26" s="278">
        <v>0</v>
      </c>
      <c r="AA26" s="280">
        <v>0</v>
      </c>
      <c r="AB26" s="281">
        <v>3</v>
      </c>
      <c r="AC26" s="281">
        <v>0</v>
      </c>
      <c r="AD26" s="281">
        <v>3</v>
      </c>
      <c r="AE26" s="281">
        <v>1</v>
      </c>
      <c r="AF26" s="281">
        <v>0</v>
      </c>
      <c r="AG26" s="278">
        <v>7</v>
      </c>
      <c r="AH26" s="283">
        <v>7</v>
      </c>
      <c r="AI26" s="277">
        <v>0</v>
      </c>
      <c r="AJ26" s="281">
        <v>0</v>
      </c>
      <c r="AK26" s="278">
        <v>0</v>
      </c>
      <c r="AL26" s="280">
        <v>0</v>
      </c>
      <c r="AM26" s="281">
        <v>0</v>
      </c>
      <c r="AN26" s="281">
        <v>0</v>
      </c>
      <c r="AO26" s="281">
        <v>1</v>
      </c>
      <c r="AP26" s="281">
        <v>0</v>
      </c>
      <c r="AQ26" s="281">
        <v>0</v>
      </c>
      <c r="AR26" s="278">
        <v>1</v>
      </c>
      <c r="AS26" s="283">
        <v>1</v>
      </c>
      <c r="AT26" s="277">
        <v>0</v>
      </c>
      <c r="AU26" s="281">
        <v>0</v>
      </c>
      <c r="AV26" s="278">
        <v>0</v>
      </c>
      <c r="AW26" s="280">
        <v>0</v>
      </c>
      <c r="AX26" s="281">
        <v>1</v>
      </c>
      <c r="AY26" s="281">
        <v>1</v>
      </c>
      <c r="AZ26" s="281">
        <v>0</v>
      </c>
      <c r="BA26" s="281">
        <v>0</v>
      </c>
      <c r="BB26" s="281">
        <v>0</v>
      </c>
      <c r="BC26" s="278">
        <v>2</v>
      </c>
      <c r="BD26" s="283">
        <v>2</v>
      </c>
      <c r="BE26" s="277">
        <v>0</v>
      </c>
      <c r="BF26" s="281">
        <v>0</v>
      </c>
      <c r="BG26" s="278">
        <v>0</v>
      </c>
      <c r="BH26" s="280">
        <v>0</v>
      </c>
      <c r="BI26" s="281">
        <v>0</v>
      </c>
      <c r="BJ26" s="281">
        <v>0</v>
      </c>
      <c r="BK26" s="281">
        <v>2</v>
      </c>
      <c r="BL26" s="281">
        <v>1</v>
      </c>
      <c r="BM26" s="281">
        <v>0</v>
      </c>
      <c r="BN26" s="282">
        <v>3</v>
      </c>
      <c r="BO26" s="283">
        <v>3</v>
      </c>
      <c r="BP26" s="277">
        <v>0</v>
      </c>
      <c r="BQ26" s="281">
        <v>0</v>
      </c>
      <c r="BR26" s="278">
        <v>0</v>
      </c>
      <c r="BS26" s="280">
        <v>0</v>
      </c>
      <c r="BT26" s="281">
        <v>0</v>
      </c>
      <c r="BU26" s="281">
        <v>0</v>
      </c>
      <c r="BV26" s="281">
        <v>0</v>
      </c>
      <c r="BW26" s="281">
        <v>0</v>
      </c>
      <c r="BX26" s="281">
        <v>0</v>
      </c>
      <c r="BY26" s="278">
        <v>0</v>
      </c>
      <c r="BZ26" s="283">
        <v>0</v>
      </c>
      <c r="CA26" s="277">
        <v>0</v>
      </c>
      <c r="CB26" s="281">
        <v>0</v>
      </c>
      <c r="CC26" s="278">
        <v>0</v>
      </c>
      <c r="CD26" s="280">
        <v>0</v>
      </c>
      <c r="CE26" s="281">
        <v>0</v>
      </c>
      <c r="CF26" s="281">
        <v>0</v>
      </c>
      <c r="CG26" s="281">
        <v>0</v>
      </c>
      <c r="CH26" s="281">
        <v>0</v>
      </c>
      <c r="CI26" s="281">
        <v>0</v>
      </c>
      <c r="CJ26" s="278">
        <v>0</v>
      </c>
      <c r="CK26" s="283">
        <v>0</v>
      </c>
      <c r="CL26" s="277">
        <v>0</v>
      </c>
      <c r="CM26" s="281">
        <v>0</v>
      </c>
      <c r="CN26" s="278">
        <v>0</v>
      </c>
      <c r="CO26" s="280">
        <v>0</v>
      </c>
      <c r="CP26" s="281">
        <v>0</v>
      </c>
      <c r="CQ26" s="281">
        <v>0</v>
      </c>
      <c r="CR26" s="281">
        <v>0</v>
      </c>
      <c r="CS26" s="281">
        <v>0</v>
      </c>
      <c r="CT26" s="281">
        <v>0</v>
      </c>
      <c r="CU26" s="278">
        <v>0</v>
      </c>
      <c r="CV26" s="283">
        <v>0</v>
      </c>
    </row>
    <row r="27" spans="1:100" ht="21" customHeight="1" x14ac:dyDescent="0.2">
      <c r="A27" s="262" t="s">
        <v>25</v>
      </c>
      <c r="B27" s="277">
        <v>0</v>
      </c>
      <c r="C27" s="278">
        <v>0</v>
      </c>
      <c r="D27" s="279">
        <v>0</v>
      </c>
      <c r="E27" s="280">
        <v>0</v>
      </c>
      <c r="F27" s="281">
        <v>0</v>
      </c>
      <c r="G27" s="281">
        <v>0</v>
      </c>
      <c r="H27" s="281">
        <v>0</v>
      </c>
      <c r="I27" s="281">
        <v>0</v>
      </c>
      <c r="J27" s="281">
        <v>0</v>
      </c>
      <c r="K27" s="282">
        <v>0</v>
      </c>
      <c r="L27" s="283">
        <v>0</v>
      </c>
      <c r="M27" s="277">
        <v>0</v>
      </c>
      <c r="N27" s="281">
        <v>0</v>
      </c>
      <c r="O27" s="278">
        <v>0</v>
      </c>
      <c r="P27" s="280">
        <v>0</v>
      </c>
      <c r="Q27" s="281">
        <v>0</v>
      </c>
      <c r="R27" s="281">
        <v>0</v>
      </c>
      <c r="S27" s="281">
        <v>0</v>
      </c>
      <c r="T27" s="281">
        <v>0</v>
      </c>
      <c r="U27" s="281">
        <v>0</v>
      </c>
      <c r="V27" s="278">
        <v>0</v>
      </c>
      <c r="W27" s="283">
        <v>0</v>
      </c>
      <c r="X27" s="277">
        <v>0</v>
      </c>
      <c r="Y27" s="281">
        <v>0</v>
      </c>
      <c r="Z27" s="278">
        <v>0</v>
      </c>
      <c r="AA27" s="280">
        <v>0</v>
      </c>
      <c r="AB27" s="281">
        <v>5</v>
      </c>
      <c r="AC27" s="281">
        <v>0</v>
      </c>
      <c r="AD27" s="281">
        <v>0</v>
      </c>
      <c r="AE27" s="281">
        <v>0</v>
      </c>
      <c r="AF27" s="281">
        <v>0</v>
      </c>
      <c r="AG27" s="278">
        <v>5</v>
      </c>
      <c r="AH27" s="283">
        <v>5</v>
      </c>
      <c r="AI27" s="277">
        <v>0</v>
      </c>
      <c r="AJ27" s="281">
        <v>0</v>
      </c>
      <c r="AK27" s="278">
        <v>0</v>
      </c>
      <c r="AL27" s="280">
        <v>0</v>
      </c>
      <c r="AM27" s="281">
        <v>0</v>
      </c>
      <c r="AN27" s="281">
        <v>0</v>
      </c>
      <c r="AO27" s="281">
        <v>0</v>
      </c>
      <c r="AP27" s="281">
        <v>0</v>
      </c>
      <c r="AQ27" s="281">
        <v>0</v>
      </c>
      <c r="AR27" s="278">
        <v>0</v>
      </c>
      <c r="AS27" s="283">
        <v>0</v>
      </c>
      <c r="AT27" s="277">
        <v>0</v>
      </c>
      <c r="AU27" s="281">
        <v>0</v>
      </c>
      <c r="AV27" s="278">
        <v>0</v>
      </c>
      <c r="AW27" s="280">
        <v>0</v>
      </c>
      <c r="AX27" s="281">
        <v>0</v>
      </c>
      <c r="AY27" s="281">
        <v>0</v>
      </c>
      <c r="AZ27" s="281">
        <v>0</v>
      </c>
      <c r="BA27" s="281">
        <v>0</v>
      </c>
      <c r="BB27" s="281">
        <v>0</v>
      </c>
      <c r="BC27" s="278">
        <v>0</v>
      </c>
      <c r="BD27" s="283">
        <v>0</v>
      </c>
      <c r="BE27" s="277">
        <v>0</v>
      </c>
      <c r="BF27" s="281">
        <v>0</v>
      </c>
      <c r="BG27" s="278">
        <v>0</v>
      </c>
      <c r="BH27" s="280">
        <v>0</v>
      </c>
      <c r="BI27" s="281">
        <v>0</v>
      </c>
      <c r="BJ27" s="281">
        <v>0</v>
      </c>
      <c r="BK27" s="281">
        <v>0</v>
      </c>
      <c r="BL27" s="281">
        <v>0</v>
      </c>
      <c r="BM27" s="281">
        <v>0</v>
      </c>
      <c r="BN27" s="282">
        <v>0</v>
      </c>
      <c r="BO27" s="283">
        <v>0</v>
      </c>
      <c r="BP27" s="277">
        <v>0</v>
      </c>
      <c r="BQ27" s="281">
        <v>0</v>
      </c>
      <c r="BR27" s="278">
        <v>0</v>
      </c>
      <c r="BS27" s="280">
        <v>0</v>
      </c>
      <c r="BT27" s="281">
        <v>0</v>
      </c>
      <c r="BU27" s="281">
        <v>0</v>
      </c>
      <c r="BV27" s="281">
        <v>0</v>
      </c>
      <c r="BW27" s="281">
        <v>0</v>
      </c>
      <c r="BX27" s="281">
        <v>0</v>
      </c>
      <c r="BY27" s="278">
        <v>0</v>
      </c>
      <c r="BZ27" s="283">
        <v>0</v>
      </c>
      <c r="CA27" s="277">
        <v>0</v>
      </c>
      <c r="CB27" s="281">
        <v>0</v>
      </c>
      <c r="CC27" s="278">
        <v>0</v>
      </c>
      <c r="CD27" s="280">
        <v>0</v>
      </c>
      <c r="CE27" s="281">
        <v>0</v>
      </c>
      <c r="CF27" s="281">
        <v>0</v>
      </c>
      <c r="CG27" s="281">
        <v>0</v>
      </c>
      <c r="CH27" s="281">
        <v>0</v>
      </c>
      <c r="CI27" s="281">
        <v>0</v>
      </c>
      <c r="CJ27" s="278">
        <v>0</v>
      </c>
      <c r="CK27" s="283">
        <v>0</v>
      </c>
      <c r="CL27" s="277">
        <v>0</v>
      </c>
      <c r="CM27" s="281">
        <v>0</v>
      </c>
      <c r="CN27" s="278">
        <v>0</v>
      </c>
      <c r="CO27" s="280">
        <v>0</v>
      </c>
      <c r="CP27" s="281">
        <v>0</v>
      </c>
      <c r="CQ27" s="281">
        <v>0</v>
      </c>
      <c r="CR27" s="281">
        <v>0</v>
      </c>
      <c r="CS27" s="281">
        <v>0</v>
      </c>
      <c r="CT27" s="281">
        <v>0</v>
      </c>
      <c r="CU27" s="278">
        <v>0</v>
      </c>
      <c r="CV27" s="283">
        <v>0</v>
      </c>
    </row>
    <row r="28" spans="1:100" ht="21" customHeight="1" x14ac:dyDescent="0.2">
      <c r="A28" s="262" t="s">
        <v>26</v>
      </c>
      <c r="B28" s="277">
        <v>0</v>
      </c>
      <c r="C28" s="278">
        <v>0</v>
      </c>
      <c r="D28" s="279">
        <v>0</v>
      </c>
      <c r="E28" s="280">
        <v>0</v>
      </c>
      <c r="F28" s="281">
        <v>0</v>
      </c>
      <c r="G28" s="281">
        <v>0</v>
      </c>
      <c r="H28" s="281">
        <v>0</v>
      </c>
      <c r="I28" s="281">
        <v>0</v>
      </c>
      <c r="J28" s="281">
        <v>0</v>
      </c>
      <c r="K28" s="282">
        <v>0</v>
      </c>
      <c r="L28" s="283">
        <v>0</v>
      </c>
      <c r="M28" s="277">
        <v>0</v>
      </c>
      <c r="N28" s="281">
        <v>0</v>
      </c>
      <c r="O28" s="278">
        <v>0</v>
      </c>
      <c r="P28" s="280">
        <v>0</v>
      </c>
      <c r="Q28" s="281">
        <v>0</v>
      </c>
      <c r="R28" s="281">
        <v>0</v>
      </c>
      <c r="S28" s="281">
        <v>0</v>
      </c>
      <c r="T28" s="281">
        <v>0</v>
      </c>
      <c r="U28" s="281">
        <v>0</v>
      </c>
      <c r="V28" s="278">
        <v>0</v>
      </c>
      <c r="W28" s="283">
        <v>0</v>
      </c>
      <c r="X28" s="277">
        <v>0</v>
      </c>
      <c r="Y28" s="281">
        <v>0</v>
      </c>
      <c r="Z28" s="278">
        <v>0</v>
      </c>
      <c r="AA28" s="280">
        <v>0</v>
      </c>
      <c r="AB28" s="281">
        <v>1</v>
      </c>
      <c r="AC28" s="281">
        <v>6</v>
      </c>
      <c r="AD28" s="281">
        <v>1</v>
      </c>
      <c r="AE28" s="281">
        <v>0</v>
      </c>
      <c r="AF28" s="281">
        <v>2</v>
      </c>
      <c r="AG28" s="278">
        <v>10</v>
      </c>
      <c r="AH28" s="283">
        <v>10</v>
      </c>
      <c r="AI28" s="277">
        <v>0</v>
      </c>
      <c r="AJ28" s="281">
        <v>0</v>
      </c>
      <c r="AK28" s="278">
        <v>0</v>
      </c>
      <c r="AL28" s="280">
        <v>0</v>
      </c>
      <c r="AM28" s="281">
        <v>0</v>
      </c>
      <c r="AN28" s="281">
        <v>0</v>
      </c>
      <c r="AO28" s="281">
        <v>0</v>
      </c>
      <c r="AP28" s="281">
        <v>0</v>
      </c>
      <c r="AQ28" s="281">
        <v>0</v>
      </c>
      <c r="AR28" s="278">
        <v>0</v>
      </c>
      <c r="AS28" s="283">
        <v>0</v>
      </c>
      <c r="AT28" s="277">
        <v>0</v>
      </c>
      <c r="AU28" s="281">
        <v>0</v>
      </c>
      <c r="AV28" s="278">
        <v>0</v>
      </c>
      <c r="AW28" s="280">
        <v>0</v>
      </c>
      <c r="AX28" s="281">
        <v>0</v>
      </c>
      <c r="AY28" s="281">
        <v>0</v>
      </c>
      <c r="AZ28" s="281">
        <v>0</v>
      </c>
      <c r="BA28" s="281">
        <v>0</v>
      </c>
      <c r="BB28" s="281">
        <v>0</v>
      </c>
      <c r="BC28" s="278">
        <v>0</v>
      </c>
      <c r="BD28" s="283">
        <v>0</v>
      </c>
      <c r="BE28" s="277">
        <v>0</v>
      </c>
      <c r="BF28" s="281">
        <v>0</v>
      </c>
      <c r="BG28" s="278">
        <v>0</v>
      </c>
      <c r="BH28" s="280">
        <v>0</v>
      </c>
      <c r="BI28" s="281">
        <v>0</v>
      </c>
      <c r="BJ28" s="281">
        <v>0</v>
      </c>
      <c r="BK28" s="281">
        <v>2</v>
      </c>
      <c r="BL28" s="281">
        <v>0</v>
      </c>
      <c r="BM28" s="281">
        <v>0</v>
      </c>
      <c r="BN28" s="282">
        <v>2</v>
      </c>
      <c r="BO28" s="283">
        <v>2</v>
      </c>
      <c r="BP28" s="277">
        <v>0</v>
      </c>
      <c r="BQ28" s="281">
        <v>0</v>
      </c>
      <c r="BR28" s="278">
        <v>0</v>
      </c>
      <c r="BS28" s="280">
        <v>0</v>
      </c>
      <c r="BT28" s="281">
        <v>0</v>
      </c>
      <c r="BU28" s="281">
        <v>0</v>
      </c>
      <c r="BV28" s="281">
        <v>0</v>
      </c>
      <c r="BW28" s="281">
        <v>0</v>
      </c>
      <c r="BX28" s="281">
        <v>0</v>
      </c>
      <c r="BY28" s="278">
        <v>0</v>
      </c>
      <c r="BZ28" s="283">
        <v>0</v>
      </c>
      <c r="CA28" s="277">
        <v>0</v>
      </c>
      <c r="CB28" s="281">
        <v>0</v>
      </c>
      <c r="CC28" s="278">
        <v>0</v>
      </c>
      <c r="CD28" s="280">
        <v>0</v>
      </c>
      <c r="CE28" s="281">
        <v>0</v>
      </c>
      <c r="CF28" s="281">
        <v>0</v>
      </c>
      <c r="CG28" s="281">
        <v>0</v>
      </c>
      <c r="CH28" s="281">
        <v>0</v>
      </c>
      <c r="CI28" s="281">
        <v>0</v>
      </c>
      <c r="CJ28" s="278">
        <v>0</v>
      </c>
      <c r="CK28" s="283">
        <v>0</v>
      </c>
      <c r="CL28" s="277">
        <v>0</v>
      </c>
      <c r="CM28" s="281">
        <v>0</v>
      </c>
      <c r="CN28" s="278">
        <v>0</v>
      </c>
      <c r="CO28" s="280">
        <v>0</v>
      </c>
      <c r="CP28" s="281">
        <v>0</v>
      </c>
      <c r="CQ28" s="281">
        <v>0</v>
      </c>
      <c r="CR28" s="281">
        <v>0</v>
      </c>
      <c r="CS28" s="281">
        <v>0</v>
      </c>
      <c r="CT28" s="281">
        <v>0</v>
      </c>
      <c r="CU28" s="278">
        <v>0</v>
      </c>
      <c r="CV28" s="283">
        <v>0</v>
      </c>
    </row>
    <row r="29" spans="1:100" ht="21" customHeight="1" x14ac:dyDescent="0.2">
      <c r="A29" s="262" t="s">
        <v>27</v>
      </c>
      <c r="B29" s="277">
        <v>0</v>
      </c>
      <c r="C29" s="278">
        <v>0</v>
      </c>
      <c r="D29" s="279">
        <v>0</v>
      </c>
      <c r="E29" s="280">
        <v>0</v>
      </c>
      <c r="F29" s="281">
        <v>0</v>
      </c>
      <c r="G29" s="281">
        <v>1</v>
      </c>
      <c r="H29" s="281">
        <v>0</v>
      </c>
      <c r="I29" s="281">
        <v>0</v>
      </c>
      <c r="J29" s="281">
        <v>0</v>
      </c>
      <c r="K29" s="282">
        <v>1</v>
      </c>
      <c r="L29" s="283">
        <v>1</v>
      </c>
      <c r="M29" s="277">
        <v>0</v>
      </c>
      <c r="N29" s="281">
        <v>0</v>
      </c>
      <c r="O29" s="278">
        <v>0</v>
      </c>
      <c r="P29" s="280">
        <v>0</v>
      </c>
      <c r="Q29" s="281">
        <v>0</v>
      </c>
      <c r="R29" s="281">
        <v>0</v>
      </c>
      <c r="S29" s="281">
        <v>0</v>
      </c>
      <c r="T29" s="281">
        <v>0</v>
      </c>
      <c r="U29" s="281">
        <v>0</v>
      </c>
      <c r="V29" s="278">
        <v>0</v>
      </c>
      <c r="W29" s="283">
        <v>0</v>
      </c>
      <c r="X29" s="277">
        <v>0</v>
      </c>
      <c r="Y29" s="281">
        <v>0</v>
      </c>
      <c r="Z29" s="278">
        <v>0</v>
      </c>
      <c r="AA29" s="280">
        <v>0</v>
      </c>
      <c r="AB29" s="281">
        <v>2</v>
      </c>
      <c r="AC29" s="281">
        <v>1</v>
      </c>
      <c r="AD29" s="281">
        <v>0</v>
      </c>
      <c r="AE29" s="281">
        <v>0</v>
      </c>
      <c r="AF29" s="281">
        <v>0</v>
      </c>
      <c r="AG29" s="278">
        <v>3</v>
      </c>
      <c r="AH29" s="283">
        <v>3</v>
      </c>
      <c r="AI29" s="277">
        <v>0</v>
      </c>
      <c r="AJ29" s="281">
        <v>0</v>
      </c>
      <c r="AK29" s="278">
        <v>0</v>
      </c>
      <c r="AL29" s="280">
        <v>0</v>
      </c>
      <c r="AM29" s="281">
        <v>1</v>
      </c>
      <c r="AN29" s="281">
        <v>1</v>
      </c>
      <c r="AO29" s="281">
        <v>0</v>
      </c>
      <c r="AP29" s="281">
        <v>0</v>
      </c>
      <c r="AQ29" s="281">
        <v>0</v>
      </c>
      <c r="AR29" s="278">
        <v>2</v>
      </c>
      <c r="AS29" s="283">
        <v>2</v>
      </c>
      <c r="AT29" s="277">
        <v>0</v>
      </c>
      <c r="AU29" s="281">
        <v>0</v>
      </c>
      <c r="AV29" s="278">
        <v>0</v>
      </c>
      <c r="AW29" s="280">
        <v>0</v>
      </c>
      <c r="AX29" s="281">
        <v>0</v>
      </c>
      <c r="AY29" s="281">
        <v>0</v>
      </c>
      <c r="AZ29" s="281">
        <v>0</v>
      </c>
      <c r="BA29" s="281">
        <v>0</v>
      </c>
      <c r="BB29" s="281">
        <v>0</v>
      </c>
      <c r="BC29" s="278">
        <v>0</v>
      </c>
      <c r="BD29" s="283">
        <v>0</v>
      </c>
      <c r="BE29" s="277">
        <v>0</v>
      </c>
      <c r="BF29" s="281">
        <v>0</v>
      </c>
      <c r="BG29" s="278">
        <v>0</v>
      </c>
      <c r="BH29" s="280">
        <v>0</v>
      </c>
      <c r="BI29" s="281">
        <v>0</v>
      </c>
      <c r="BJ29" s="281">
        <v>2</v>
      </c>
      <c r="BK29" s="281">
        <v>1</v>
      </c>
      <c r="BL29" s="281">
        <v>0</v>
      </c>
      <c r="BM29" s="281">
        <v>0</v>
      </c>
      <c r="BN29" s="282">
        <v>3</v>
      </c>
      <c r="BO29" s="283">
        <v>3</v>
      </c>
      <c r="BP29" s="277">
        <v>0</v>
      </c>
      <c r="BQ29" s="281">
        <v>0</v>
      </c>
      <c r="BR29" s="278">
        <v>0</v>
      </c>
      <c r="BS29" s="280">
        <v>0</v>
      </c>
      <c r="BT29" s="281">
        <v>0</v>
      </c>
      <c r="BU29" s="281">
        <v>0</v>
      </c>
      <c r="BV29" s="281">
        <v>0</v>
      </c>
      <c r="BW29" s="281">
        <v>0</v>
      </c>
      <c r="BX29" s="281">
        <v>0</v>
      </c>
      <c r="BY29" s="278">
        <v>0</v>
      </c>
      <c r="BZ29" s="283">
        <v>0</v>
      </c>
      <c r="CA29" s="277">
        <v>0</v>
      </c>
      <c r="CB29" s="281">
        <v>0</v>
      </c>
      <c r="CC29" s="278">
        <v>0</v>
      </c>
      <c r="CD29" s="280">
        <v>0</v>
      </c>
      <c r="CE29" s="281">
        <v>0</v>
      </c>
      <c r="CF29" s="281">
        <v>0</v>
      </c>
      <c r="CG29" s="281">
        <v>2</v>
      </c>
      <c r="CH29" s="281">
        <v>2</v>
      </c>
      <c r="CI29" s="281">
        <v>0</v>
      </c>
      <c r="CJ29" s="278">
        <v>4</v>
      </c>
      <c r="CK29" s="283">
        <v>4</v>
      </c>
      <c r="CL29" s="277">
        <v>0</v>
      </c>
      <c r="CM29" s="281">
        <v>0</v>
      </c>
      <c r="CN29" s="278">
        <v>0</v>
      </c>
      <c r="CO29" s="280">
        <v>0</v>
      </c>
      <c r="CP29" s="281">
        <v>0</v>
      </c>
      <c r="CQ29" s="281">
        <v>0</v>
      </c>
      <c r="CR29" s="281">
        <v>0</v>
      </c>
      <c r="CS29" s="281">
        <v>0</v>
      </c>
      <c r="CT29" s="281">
        <v>0</v>
      </c>
      <c r="CU29" s="278">
        <v>0</v>
      </c>
      <c r="CV29" s="283">
        <v>0</v>
      </c>
    </row>
    <row r="30" spans="1:100" ht="21" customHeight="1" x14ac:dyDescent="0.2">
      <c r="A30" s="262" t="s">
        <v>28</v>
      </c>
      <c r="B30" s="277">
        <v>0</v>
      </c>
      <c r="C30" s="278">
        <v>0</v>
      </c>
      <c r="D30" s="279">
        <v>0</v>
      </c>
      <c r="E30" s="280">
        <v>0</v>
      </c>
      <c r="F30" s="281">
        <v>0</v>
      </c>
      <c r="G30" s="281">
        <v>0</v>
      </c>
      <c r="H30" s="281">
        <v>0</v>
      </c>
      <c r="I30" s="281">
        <v>0</v>
      </c>
      <c r="J30" s="281">
        <v>0</v>
      </c>
      <c r="K30" s="282">
        <v>0</v>
      </c>
      <c r="L30" s="283">
        <v>0</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5</v>
      </c>
      <c r="AC30" s="281">
        <v>2</v>
      </c>
      <c r="AD30" s="281">
        <v>0</v>
      </c>
      <c r="AE30" s="281">
        <v>0</v>
      </c>
      <c r="AF30" s="281">
        <v>0</v>
      </c>
      <c r="AG30" s="278">
        <v>7</v>
      </c>
      <c r="AH30" s="283">
        <v>7</v>
      </c>
      <c r="AI30" s="277">
        <v>0</v>
      </c>
      <c r="AJ30" s="281">
        <v>0</v>
      </c>
      <c r="AK30" s="278">
        <v>0</v>
      </c>
      <c r="AL30" s="280">
        <v>0</v>
      </c>
      <c r="AM30" s="281">
        <v>0</v>
      </c>
      <c r="AN30" s="281">
        <v>0</v>
      </c>
      <c r="AO30" s="281">
        <v>0</v>
      </c>
      <c r="AP30" s="281">
        <v>0</v>
      </c>
      <c r="AQ30" s="281">
        <v>1</v>
      </c>
      <c r="AR30" s="278">
        <v>1</v>
      </c>
      <c r="AS30" s="283">
        <v>1</v>
      </c>
      <c r="AT30" s="277">
        <v>0</v>
      </c>
      <c r="AU30" s="281">
        <v>0</v>
      </c>
      <c r="AV30" s="278">
        <v>0</v>
      </c>
      <c r="AW30" s="280">
        <v>0</v>
      </c>
      <c r="AX30" s="281">
        <v>0</v>
      </c>
      <c r="AY30" s="281">
        <v>0</v>
      </c>
      <c r="AZ30" s="281">
        <v>0</v>
      </c>
      <c r="BA30" s="281">
        <v>0</v>
      </c>
      <c r="BB30" s="281">
        <v>0</v>
      </c>
      <c r="BC30" s="278">
        <v>0</v>
      </c>
      <c r="BD30" s="283">
        <v>0</v>
      </c>
      <c r="BE30" s="277">
        <v>0</v>
      </c>
      <c r="BF30" s="281">
        <v>0</v>
      </c>
      <c r="BG30" s="278">
        <v>0</v>
      </c>
      <c r="BH30" s="280">
        <v>0</v>
      </c>
      <c r="BI30" s="281">
        <v>0</v>
      </c>
      <c r="BJ30" s="281">
        <v>0</v>
      </c>
      <c r="BK30" s="281">
        <v>0</v>
      </c>
      <c r="BL30" s="281">
        <v>0</v>
      </c>
      <c r="BM30" s="281">
        <v>1</v>
      </c>
      <c r="BN30" s="282">
        <v>1</v>
      </c>
      <c r="BO30" s="283">
        <v>1</v>
      </c>
      <c r="BP30" s="277">
        <v>0</v>
      </c>
      <c r="BQ30" s="281">
        <v>0</v>
      </c>
      <c r="BR30" s="278">
        <v>0</v>
      </c>
      <c r="BS30" s="280">
        <v>0</v>
      </c>
      <c r="BT30" s="281">
        <v>0</v>
      </c>
      <c r="BU30" s="281">
        <v>0</v>
      </c>
      <c r="BV30" s="281">
        <v>0</v>
      </c>
      <c r="BW30" s="281">
        <v>0</v>
      </c>
      <c r="BX30" s="281">
        <v>0</v>
      </c>
      <c r="BY30" s="278">
        <v>0</v>
      </c>
      <c r="BZ30" s="283">
        <v>0</v>
      </c>
      <c r="CA30" s="277">
        <v>0</v>
      </c>
      <c r="CB30" s="281">
        <v>0</v>
      </c>
      <c r="CC30" s="278">
        <v>0</v>
      </c>
      <c r="CD30" s="280">
        <v>0</v>
      </c>
      <c r="CE30" s="281">
        <v>0</v>
      </c>
      <c r="CF30" s="281">
        <v>0</v>
      </c>
      <c r="CG30" s="281">
        <v>0</v>
      </c>
      <c r="CH30" s="281">
        <v>0</v>
      </c>
      <c r="CI30" s="281">
        <v>0</v>
      </c>
      <c r="CJ30" s="278">
        <v>0</v>
      </c>
      <c r="CK30" s="283">
        <v>0</v>
      </c>
      <c r="CL30" s="277">
        <v>0</v>
      </c>
      <c r="CM30" s="281">
        <v>0</v>
      </c>
      <c r="CN30" s="278">
        <v>0</v>
      </c>
      <c r="CO30" s="280">
        <v>0</v>
      </c>
      <c r="CP30" s="281">
        <v>0</v>
      </c>
      <c r="CQ30" s="281">
        <v>0</v>
      </c>
      <c r="CR30" s="281">
        <v>0</v>
      </c>
      <c r="CS30" s="281">
        <v>0</v>
      </c>
      <c r="CT30" s="281">
        <v>0</v>
      </c>
      <c r="CU30" s="278">
        <v>0</v>
      </c>
      <c r="CV30" s="283">
        <v>0</v>
      </c>
    </row>
    <row r="31" spans="1:100" ht="21" customHeight="1" x14ac:dyDescent="0.2">
      <c r="A31" s="262" t="s">
        <v>29</v>
      </c>
      <c r="B31" s="277">
        <v>0</v>
      </c>
      <c r="C31" s="278">
        <v>0</v>
      </c>
      <c r="D31" s="279">
        <v>0</v>
      </c>
      <c r="E31" s="280">
        <v>0</v>
      </c>
      <c r="F31" s="281">
        <v>0</v>
      </c>
      <c r="G31" s="281">
        <v>0</v>
      </c>
      <c r="H31" s="281">
        <v>0</v>
      </c>
      <c r="I31" s="281">
        <v>0</v>
      </c>
      <c r="J31" s="281">
        <v>0</v>
      </c>
      <c r="K31" s="282">
        <v>0</v>
      </c>
      <c r="L31" s="283">
        <v>0</v>
      </c>
      <c r="M31" s="277">
        <v>0</v>
      </c>
      <c r="N31" s="281">
        <v>0</v>
      </c>
      <c r="O31" s="278">
        <v>0</v>
      </c>
      <c r="P31" s="280">
        <v>0</v>
      </c>
      <c r="Q31" s="281">
        <v>0</v>
      </c>
      <c r="R31" s="281">
        <v>0</v>
      </c>
      <c r="S31" s="281">
        <v>0</v>
      </c>
      <c r="T31" s="281">
        <v>0</v>
      </c>
      <c r="U31" s="281">
        <v>0</v>
      </c>
      <c r="V31" s="278">
        <v>0</v>
      </c>
      <c r="W31" s="283">
        <v>0</v>
      </c>
      <c r="X31" s="277">
        <v>0</v>
      </c>
      <c r="Y31" s="281">
        <v>0</v>
      </c>
      <c r="Z31" s="278">
        <v>0</v>
      </c>
      <c r="AA31" s="280">
        <v>0</v>
      </c>
      <c r="AB31" s="281">
        <v>1</v>
      </c>
      <c r="AC31" s="281">
        <v>1</v>
      </c>
      <c r="AD31" s="281">
        <v>0</v>
      </c>
      <c r="AE31" s="281">
        <v>0</v>
      </c>
      <c r="AF31" s="281">
        <v>0</v>
      </c>
      <c r="AG31" s="278">
        <v>2</v>
      </c>
      <c r="AH31" s="283">
        <v>2</v>
      </c>
      <c r="AI31" s="277">
        <v>0</v>
      </c>
      <c r="AJ31" s="281">
        <v>0</v>
      </c>
      <c r="AK31" s="278">
        <v>0</v>
      </c>
      <c r="AL31" s="280">
        <v>0</v>
      </c>
      <c r="AM31" s="281">
        <v>0</v>
      </c>
      <c r="AN31" s="281">
        <v>0</v>
      </c>
      <c r="AO31" s="281">
        <v>0</v>
      </c>
      <c r="AP31" s="281">
        <v>0</v>
      </c>
      <c r="AQ31" s="281">
        <v>0</v>
      </c>
      <c r="AR31" s="278">
        <v>0</v>
      </c>
      <c r="AS31" s="283">
        <v>0</v>
      </c>
      <c r="AT31" s="277">
        <v>0</v>
      </c>
      <c r="AU31" s="281">
        <v>0</v>
      </c>
      <c r="AV31" s="278">
        <v>0</v>
      </c>
      <c r="AW31" s="280">
        <v>0</v>
      </c>
      <c r="AX31" s="281">
        <v>0</v>
      </c>
      <c r="AY31" s="281">
        <v>0</v>
      </c>
      <c r="AZ31" s="281">
        <v>0</v>
      </c>
      <c r="BA31" s="281">
        <v>0</v>
      </c>
      <c r="BB31" s="281">
        <v>0</v>
      </c>
      <c r="BC31" s="278">
        <v>0</v>
      </c>
      <c r="BD31" s="283">
        <v>0</v>
      </c>
      <c r="BE31" s="277">
        <v>0</v>
      </c>
      <c r="BF31" s="281">
        <v>0</v>
      </c>
      <c r="BG31" s="278">
        <v>0</v>
      </c>
      <c r="BH31" s="280">
        <v>0</v>
      </c>
      <c r="BI31" s="281">
        <v>0</v>
      </c>
      <c r="BJ31" s="281">
        <v>0</v>
      </c>
      <c r="BK31" s="281">
        <v>0</v>
      </c>
      <c r="BL31" s="281">
        <v>0</v>
      </c>
      <c r="BM31" s="281">
        <v>0</v>
      </c>
      <c r="BN31" s="282">
        <v>0</v>
      </c>
      <c r="BO31" s="283">
        <v>0</v>
      </c>
      <c r="BP31" s="277">
        <v>0</v>
      </c>
      <c r="BQ31" s="281">
        <v>0</v>
      </c>
      <c r="BR31" s="278">
        <v>0</v>
      </c>
      <c r="BS31" s="280">
        <v>0</v>
      </c>
      <c r="BT31" s="281">
        <v>0</v>
      </c>
      <c r="BU31" s="281">
        <v>0</v>
      </c>
      <c r="BV31" s="281">
        <v>0</v>
      </c>
      <c r="BW31" s="281">
        <v>0</v>
      </c>
      <c r="BX31" s="281">
        <v>0</v>
      </c>
      <c r="BY31" s="278">
        <v>0</v>
      </c>
      <c r="BZ31" s="283">
        <v>0</v>
      </c>
      <c r="CA31" s="277">
        <v>0</v>
      </c>
      <c r="CB31" s="281">
        <v>0</v>
      </c>
      <c r="CC31" s="278">
        <v>0</v>
      </c>
      <c r="CD31" s="280">
        <v>0</v>
      </c>
      <c r="CE31" s="281">
        <v>0</v>
      </c>
      <c r="CF31" s="281">
        <v>0</v>
      </c>
      <c r="CG31" s="281">
        <v>0</v>
      </c>
      <c r="CH31" s="281">
        <v>1</v>
      </c>
      <c r="CI31" s="281">
        <v>0</v>
      </c>
      <c r="CJ31" s="278">
        <v>1</v>
      </c>
      <c r="CK31" s="283">
        <v>1</v>
      </c>
      <c r="CL31" s="277">
        <v>0</v>
      </c>
      <c r="CM31" s="281">
        <v>0</v>
      </c>
      <c r="CN31" s="278">
        <v>0</v>
      </c>
      <c r="CO31" s="280">
        <v>0</v>
      </c>
      <c r="CP31" s="281">
        <v>0</v>
      </c>
      <c r="CQ31" s="281">
        <v>0</v>
      </c>
      <c r="CR31" s="281">
        <v>0</v>
      </c>
      <c r="CS31" s="281">
        <v>0</v>
      </c>
      <c r="CT31" s="281">
        <v>0</v>
      </c>
      <c r="CU31" s="278">
        <v>0</v>
      </c>
      <c r="CV31" s="283">
        <v>0</v>
      </c>
    </row>
    <row r="32" spans="1:100" ht="21" customHeight="1" x14ac:dyDescent="0.2">
      <c r="A32" s="262" t="s">
        <v>30</v>
      </c>
      <c r="B32" s="277">
        <v>0</v>
      </c>
      <c r="C32" s="278">
        <v>0</v>
      </c>
      <c r="D32" s="279">
        <v>0</v>
      </c>
      <c r="E32" s="280">
        <v>0</v>
      </c>
      <c r="F32" s="281">
        <v>0</v>
      </c>
      <c r="G32" s="281">
        <v>0</v>
      </c>
      <c r="H32" s="281">
        <v>0</v>
      </c>
      <c r="I32" s="281">
        <v>0</v>
      </c>
      <c r="J32" s="281">
        <v>0</v>
      </c>
      <c r="K32" s="282">
        <v>0</v>
      </c>
      <c r="L32" s="283">
        <v>0</v>
      </c>
      <c r="M32" s="277">
        <v>0</v>
      </c>
      <c r="N32" s="281">
        <v>0</v>
      </c>
      <c r="O32" s="278">
        <v>0</v>
      </c>
      <c r="P32" s="280">
        <v>0</v>
      </c>
      <c r="Q32" s="281">
        <v>0</v>
      </c>
      <c r="R32" s="281">
        <v>0</v>
      </c>
      <c r="S32" s="281">
        <v>0</v>
      </c>
      <c r="T32" s="281">
        <v>0</v>
      </c>
      <c r="U32" s="281">
        <v>0</v>
      </c>
      <c r="V32" s="278">
        <v>0</v>
      </c>
      <c r="W32" s="283">
        <v>0</v>
      </c>
      <c r="X32" s="277">
        <v>0</v>
      </c>
      <c r="Y32" s="281">
        <v>0</v>
      </c>
      <c r="Z32" s="278">
        <v>0</v>
      </c>
      <c r="AA32" s="280">
        <v>0</v>
      </c>
      <c r="AB32" s="281">
        <v>0</v>
      </c>
      <c r="AC32" s="281">
        <v>1</v>
      </c>
      <c r="AD32" s="281">
        <v>0</v>
      </c>
      <c r="AE32" s="281">
        <v>0</v>
      </c>
      <c r="AF32" s="281">
        <v>0</v>
      </c>
      <c r="AG32" s="278">
        <v>1</v>
      </c>
      <c r="AH32" s="283">
        <v>1</v>
      </c>
      <c r="AI32" s="277">
        <v>1</v>
      </c>
      <c r="AJ32" s="281">
        <v>0</v>
      </c>
      <c r="AK32" s="278">
        <v>1</v>
      </c>
      <c r="AL32" s="280">
        <v>0</v>
      </c>
      <c r="AM32" s="281">
        <v>0</v>
      </c>
      <c r="AN32" s="281">
        <v>0</v>
      </c>
      <c r="AO32" s="281">
        <v>0</v>
      </c>
      <c r="AP32" s="281">
        <v>0</v>
      </c>
      <c r="AQ32" s="281">
        <v>0</v>
      </c>
      <c r="AR32" s="278">
        <v>0</v>
      </c>
      <c r="AS32" s="283">
        <v>1</v>
      </c>
      <c r="AT32" s="277">
        <v>0</v>
      </c>
      <c r="AU32" s="281">
        <v>0</v>
      </c>
      <c r="AV32" s="278">
        <v>0</v>
      </c>
      <c r="AW32" s="280">
        <v>0</v>
      </c>
      <c r="AX32" s="281">
        <v>0</v>
      </c>
      <c r="AY32" s="281">
        <v>0</v>
      </c>
      <c r="AZ32" s="281">
        <v>0</v>
      </c>
      <c r="BA32" s="281">
        <v>0</v>
      </c>
      <c r="BB32" s="281">
        <v>0</v>
      </c>
      <c r="BC32" s="278">
        <v>0</v>
      </c>
      <c r="BD32" s="283">
        <v>0</v>
      </c>
      <c r="BE32" s="277">
        <v>0</v>
      </c>
      <c r="BF32" s="281">
        <v>0</v>
      </c>
      <c r="BG32" s="278">
        <v>0</v>
      </c>
      <c r="BH32" s="280">
        <v>0</v>
      </c>
      <c r="BI32" s="281">
        <v>0</v>
      </c>
      <c r="BJ32" s="281">
        <v>1</v>
      </c>
      <c r="BK32" s="281">
        <v>0</v>
      </c>
      <c r="BL32" s="281">
        <v>1</v>
      </c>
      <c r="BM32" s="281">
        <v>0</v>
      </c>
      <c r="BN32" s="282">
        <v>2</v>
      </c>
      <c r="BO32" s="283">
        <v>2</v>
      </c>
      <c r="BP32" s="277">
        <v>0</v>
      </c>
      <c r="BQ32" s="281">
        <v>0</v>
      </c>
      <c r="BR32" s="278">
        <v>0</v>
      </c>
      <c r="BS32" s="280">
        <v>0</v>
      </c>
      <c r="BT32" s="281">
        <v>0</v>
      </c>
      <c r="BU32" s="281">
        <v>0</v>
      </c>
      <c r="BV32" s="281">
        <v>0</v>
      </c>
      <c r="BW32" s="281">
        <v>0</v>
      </c>
      <c r="BX32" s="281">
        <v>0</v>
      </c>
      <c r="BY32" s="278">
        <v>0</v>
      </c>
      <c r="BZ32" s="283">
        <v>0</v>
      </c>
      <c r="CA32" s="277">
        <v>0</v>
      </c>
      <c r="CB32" s="281">
        <v>0</v>
      </c>
      <c r="CC32" s="278">
        <v>0</v>
      </c>
      <c r="CD32" s="280">
        <v>0</v>
      </c>
      <c r="CE32" s="281">
        <v>0</v>
      </c>
      <c r="CF32" s="281">
        <v>0</v>
      </c>
      <c r="CG32" s="281">
        <v>0</v>
      </c>
      <c r="CH32" s="281">
        <v>0</v>
      </c>
      <c r="CI32" s="281">
        <v>0</v>
      </c>
      <c r="CJ32" s="278">
        <v>0</v>
      </c>
      <c r="CK32" s="283">
        <v>0</v>
      </c>
      <c r="CL32" s="277">
        <v>0</v>
      </c>
      <c r="CM32" s="281">
        <v>0</v>
      </c>
      <c r="CN32" s="278">
        <v>0</v>
      </c>
      <c r="CO32" s="280">
        <v>0</v>
      </c>
      <c r="CP32" s="281">
        <v>0</v>
      </c>
      <c r="CQ32" s="281">
        <v>0</v>
      </c>
      <c r="CR32" s="281">
        <v>0</v>
      </c>
      <c r="CS32" s="281">
        <v>0</v>
      </c>
      <c r="CT32" s="281">
        <v>0</v>
      </c>
      <c r="CU32" s="278">
        <v>0</v>
      </c>
      <c r="CV32" s="283">
        <v>0</v>
      </c>
    </row>
    <row r="33" spans="1:100" ht="21" customHeight="1" x14ac:dyDescent="0.2">
      <c r="A33" s="262" t="s">
        <v>31</v>
      </c>
      <c r="B33" s="277">
        <v>0</v>
      </c>
      <c r="C33" s="278">
        <v>0</v>
      </c>
      <c r="D33" s="279">
        <v>0</v>
      </c>
      <c r="E33" s="280">
        <v>0</v>
      </c>
      <c r="F33" s="281">
        <v>0</v>
      </c>
      <c r="G33" s="281">
        <v>0</v>
      </c>
      <c r="H33" s="281">
        <v>0</v>
      </c>
      <c r="I33" s="281">
        <v>0</v>
      </c>
      <c r="J33" s="281">
        <v>0</v>
      </c>
      <c r="K33" s="282">
        <v>0</v>
      </c>
      <c r="L33" s="283">
        <v>0</v>
      </c>
      <c r="M33" s="277">
        <v>0</v>
      </c>
      <c r="N33" s="281">
        <v>0</v>
      </c>
      <c r="O33" s="278">
        <v>0</v>
      </c>
      <c r="P33" s="280">
        <v>0</v>
      </c>
      <c r="Q33" s="281">
        <v>0</v>
      </c>
      <c r="R33" s="281">
        <v>0</v>
      </c>
      <c r="S33" s="281">
        <v>0</v>
      </c>
      <c r="T33" s="281">
        <v>0</v>
      </c>
      <c r="U33" s="281">
        <v>0</v>
      </c>
      <c r="V33" s="278">
        <v>0</v>
      </c>
      <c r="W33" s="283">
        <v>0</v>
      </c>
      <c r="X33" s="277">
        <v>0</v>
      </c>
      <c r="Y33" s="281">
        <v>0</v>
      </c>
      <c r="Z33" s="278">
        <v>0</v>
      </c>
      <c r="AA33" s="280">
        <v>0</v>
      </c>
      <c r="AB33" s="281">
        <v>1</v>
      </c>
      <c r="AC33" s="281">
        <v>1</v>
      </c>
      <c r="AD33" s="281">
        <v>0</v>
      </c>
      <c r="AE33" s="281">
        <v>0</v>
      </c>
      <c r="AF33" s="281">
        <v>0</v>
      </c>
      <c r="AG33" s="278">
        <v>2</v>
      </c>
      <c r="AH33" s="283">
        <v>2</v>
      </c>
      <c r="AI33" s="277">
        <v>0</v>
      </c>
      <c r="AJ33" s="281">
        <v>0</v>
      </c>
      <c r="AK33" s="278">
        <v>0</v>
      </c>
      <c r="AL33" s="280">
        <v>0</v>
      </c>
      <c r="AM33" s="281">
        <v>0</v>
      </c>
      <c r="AN33" s="281">
        <v>0</v>
      </c>
      <c r="AO33" s="281">
        <v>1</v>
      </c>
      <c r="AP33" s="281">
        <v>0</v>
      </c>
      <c r="AQ33" s="281">
        <v>0</v>
      </c>
      <c r="AR33" s="278">
        <v>1</v>
      </c>
      <c r="AS33" s="283">
        <v>1</v>
      </c>
      <c r="AT33" s="277">
        <v>0</v>
      </c>
      <c r="AU33" s="281">
        <v>0</v>
      </c>
      <c r="AV33" s="278">
        <v>0</v>
      </c>
      <c r="AW33" s="280">
        <v>0</v>
      </c>
      <c r="AX33" s="281">
        <v>0</v>
      </c>
      <c r="AY33" s="281">
        <v>1</v>
      </c>
      <c r="AZ33" s="281">
        <v>0</v>
      </c>
      <c r="BA33" s="281">
        <v>0</v>
      </c>
      <c r="BB33" s="281">
        <v>0</v>
      </c>
      <c r="BC33" s="278">
        <v>1</v>
      </c>
      <c r="BD33" s="283">
        <v>1</v>
      </c>
      <c r="BE33" s="277">
        <v>0</v>
      </c>
      <c r="BF33" s="281">
        <v>0</v>
      </c>
      <c r="BG33" s="278">
        <v>0</v>
      </c>
      <c r="BH33" s="280">
        <v>0</v>
      </c>
      <c r="BI33" s="281">
        <v>0</v>
      </c>
      <c r="BJ33" s="281">
        <v>2</v>
      </c>
      <c r="BK33" s="281">
        <v>0</v>
      </c>
      <c r="BL33" s="281">
        <v>1</v>
      </c>
      <c r="BM33" s="281">
        <v>0</v>
      </c>
      <c r="BN33" s="282">
        <v>3</v>
      </c>
      <c r="BO33" s="283">
        <v>3</v>
      </c>
      <c r="BP33" s="277">
        <v>0</v>
      </c>
      <c r="BQ33" s="281">
        <v>0</v>
      </c>
      <c r="BR33" s="278">
        <v>0</v>
      </c>
      <c r="BS33" s="280">
        <v>0</v>
      </c>
      <c r="BT33" s="281">
        <v>0</v>
      </c>
      <c r="BU33" s="281">
        <v>0</v>
      </c>
      <c r="BV33" s="281">
        <v>0</v>
      </c>
      <c r="BW33" s="281">
        <v>0</v>
      </c>
      <c r="BX33" s="281">
        <v>0</v>
      </c>
      <c r="BY33" s="278">
        <v>0</v>
      </c>
      <c r="BZ33" s="283">
        <v>0</v>
      </c>
      <c r="CA33" s="277">
        <v>0</v>
      </c>
      <c r="CB33" s="281">
        <v>0</v>
      </c>
      <c r="CC33" s="278">
        <v>0</v>
      </c>
      <c r="CD33" s="280">
        <v>0</v>
      </c>
      <c r="CE33" s="281">
        <v>0</v>
      </c>
      <c r="CF33" s="281">
        <v>0</v>
      </c>
      <c r="CG33" s="281">
        <v>0</v>
      </c>
      <c r="CH33" s="281">
        <v>0</v>
      </c>
      <c r="CI33" s="281">
        <v>0</v>
      </c>
      <c r="CJ33" s="278">
        <v>0</v>
      </c>
      <c r="CK33" s="283">
        <v>0</v>
      </c>
      <c r="CL33" s="277">
        <v>0</v>
      </c>
      <c r="CM33" s="281">
        <v>0</v>
      </c>
      <c r="CN33" s="278">
        <v>0</v>
      </c>
      <c r="CO33" s="280">
        <v>0</v>
      </c>
      <c r="CP33" s="281">
        <v>0</v>
      </c>
      <c r="CQ33" s="281">
        <v>0</v>
      </c>
      <c r="CR33" s="281">
        <v>0</v>
      </c>
      <c r="CS33" s="281">
        <v>0</v>
      </c>
      <c r="CT33" s="281">
        <v>0</v>
      </c>
      <c r="CU33" s="278">
        <v>0</v>
      </c>
      <c r="CV33" s="283">
        <v>0</v>
      </c>
    </row>
    <row r="34" spans="1:100" ht="21" customHeight="1" x14ac:dyDescent="0.2">
      <c r="A34" s="262" t="s">
        <v>32</v>
      </c>
      <c r="B34" s="277">
        <v>0</v>
      </c>
      <c r="C34" s="278">
        <v>0</v>
      </c>
      <c r="D34" s="279">
        <v>0</v>
      </c>
      <c r="E34" s="280">
        <v>0</v>
      </c>
      <c r="F34" s="281">
        <v>0</v>
      </c>
      <c r="G34" s="281">
        <v>0</v>
      </c>
      <c r="H34" s="281">
        <v>0</v>
      </c>
      <c r="I34" s="281">
        <v>0</v>
      </c>
      <c r="J34" s="281">
        <v>0</v>
      </c>
      <c r="K34" s="282">
        <v>0</v>
      </c>
      <c r="L34" s="283">
        <v>0</v>
      </c>
      <c r="M34" s="277">
        <v>0</v>
      </c>
      <c r="N34" s="281">
        <v>0</v>
      </c>
      <c r="O34" s="278">
        <v>0</v>
      </c>
      <c r="P34" s="280">
        <v>0</v>
      </c>
      <c r="Q34" s="281">
        <v>0</v>
      </c>
      <c r="R34" s="281">
        <v>0</v>
      </c>
      <c r="S34" s="281">
        <v>0</v>
      </c>
      <c r="T34" s="281">
        <v>0</v>
      </c>
      <c r="U34" s="281">
        <v>0</v>
      </c>
      <c r="V34" s="278">
        <v>0</v>
      </c>
      <c r="W34" s="283">
        <v>0</v>
      </c>
      <c r="X34" s="277">
        <v>0</v>
      </c>
      <c r="Y34" s="281">
        <v>0</v>
      </c>
      <c r="Z34" s="278">
        <v>0</v>
      </c>
      <c r="AA34" s="280">
        <v>0</v>
      </c>
      <c r="AB34" s="281">
        <v>2</v>
      </c>
      <c r="AC34" s="281">
        <v>1</v>
      </c>
      <c r="AD34" s="281">
        <v>1</v>
      </c>
      <c r="AE34" s="281">
        <v>0</v>
      </c>
      <c r="AF34" s="281">
        <v>0</v>
      </c>
      <c r="AG34" s="278">
        <v>4</v>
      </c>
      <c r="AH34" s="283">
        <v>4</v>
      </c>
      <c r="AI34" s="277">
        <v>0</v>
      </c>
      <c r="AJ34" s="281">
        <v>0</v>
      </c>
      <c r="AK34" s="278">
        <v>0</v>
      </c>
      <c r="AL34" s="280">
        <v>0</v>
      </c>
      <c r="AM34" s="281">
        <v>0</v>
      </c>
      <c r="AN34" s="281">
        <v>0</v>
      </c>
      <c r="AO34" s="281">
        <v>0</v>
      </c>
      <c r="AP34" s="281">
        <v>1</v>
      </c>
      <c r="AQ34" s="281">
        <v>0</v>
      </c>
      <c r="AR34" s="278">
        <v>1</v>
      </c>
      <c r="AS34" s="283">
        <v>1</v>
      </c>
      <c r="AT34" s="277">
        <v>0</v>
      </c>
      <c r="AU34" s="281">
        <v>0</v>
      </c>
      <c r="AV34" s="278">
        <v>0</v>
      </c>
      <c r="AW34" s="280">
        <v>0</v>
      </c>
      <c r="AX34" s="281">
        <v>0</v>
      </c>
      <c r="AY34" s="281">
        <v>0</v>
      </c>
      <c r="AZ34" s="281">
        <v>0</v>
      </c>
      <c r="BA34" s="281">
        <v>0</v>
      </c>
      <c r="BB34" s="281">
        <v>0</v>
      </c>
      <c r="BC34" s="278">
        <v>0</v>
      </c>
      <c r="BD34" s="283">
        <v>0</v>
      </c>
      <c r="BE34" s="277">
        <v>0</v>
      </c>
      <c r="BF34" s="281">
        <v>0</v>
      </c>
      <c r="BG34" s="278">
        <v>0</v>
      </c>
      <c r="BH34" s="280">
        <v>0</v>
      </c>
      <c r="BI34" s="281">
        <v>0</v>
      </c>
      <c r="BJ34" s="281">
        <v>0</v>
      </c>
      <c r="BK34" s="281">
        <v>2</v>
      </c>
      <c r="BL34" s="281">
        <v>0</v>
      </c>
      <c r="BM34" s="281">
        <v>0</v>
      </c>
      <c r="BN34" s="282">
        <v>2</v>
      </c>
      <c r="BO34" s="283">
        <v>2</v>
      </c>
      <c r="BP34" s="277">
        <v>0</v>
      </c>
      <c r="BQ34" s="281">
        <v>0</v>
      </c>
      <c r="BR34" s="278">
        <v>0</v>
      </c>
      <c r="BS34" s="280">
        <v>0</v>
      </c>
      <c r="BT34" s="281">
        <v>0</v>
      </c>
      <c r="BU34" s="281">
        <v>0</v>
      </c>
      <c r="BV34" s="281">
        <v>0</v>
      </c>
      <c r="BW34" s="281">
        <v>0</v>
      </c>
      <c r="BX34" s="281">
        <v>0</v>
      </c>
      <c r="BY34" s="278">
        <v>0</v>
      </c>
      <c r="BZ34" s="283">
        <v>0</v>
      </c>
      <c r="CA34" s="277">
        <v>0</v>
      </c>
      <c r="CB34" s="281">
        <v>0</v>
      </c>
      <c r="CC34" s="278">
        <v>0</v>
      </c>
      <c r="CD34" s="280">
        <v>0</v>
      </c>
      <c r="CE34" s="281">
        <v>0</v>
      </c>
      <c r="CF34" s="281">
        <v>0</v>
      </c>
      <c r="CG34" s="281">
        <v>1</v>
      </c>
      <c r="CH34" s="281">
        <v>0</v>
      </c>
      <c r="CI34" s="281">
        <v>0</v>
      </c>
      <c r="CJ34" s="278">
        <v>1</v>
      </c>
      <c r="CK34" s="283">
        <v>1</v>
      </c>
      <c r="CL34" s="277">
        <v>0</v>
      </c>
      <c r="CM34" s="281">
        <v>0</v>
      </c>
      <c r="CN34" s="278">
        <v>0</v>
      </c>
      <c r="CO34" s="280">
        <v>0</v>
      </c>
      <c r="CP34" s="281">
        <v>0</v>
      </c>
      <c r="CQ34" s="281">
        <v>0</v>
      </c>
      <c r="CR34" s="281">
        <v>0</v>
      </c>
      <c r="CS34" s="281">
        <v>0</v>
      </c>
      <c r="CT34" s="281">
        <v>0</v>
      </c>
      <c r="CU34" s="278">
        <v>0</v>
      </c>
      <c r="CV34" s="283">
        <v>0</v>
      </c>
    </row>
    <row r="35" spans="1:100" ht="21" customHeight="1" x14ac:dyDescent="0.2">
      <c r="A35" s="262" t="s">
        <v>33</v>
      </c>
      <c r="B35" s="277">
        <v>0</v>
      </c>
      <c r="C35" s="278">
        <v>0</v>
      </c>
      <c r="D35" s="279">
        <v>0</v>
      </c>
      <c r="E35" s="280">
        <v>0</v>
      </c>
      <c r="F35" s="281">
        <v>0</v>
      </c>
      <c r="G35" s="281">
        <v>0</v>
      </c>
      <c r="H35" s="281">
        <v>0</v>
      </c>
      <c r="I35" s="281">
        <v>0</v>
      </c>
      <c r="J35" s="281">
        <v>0</v>
      </c>
      <c r="K35" s="282">
        <v>0</v>
      </c>
      <c r="L35" s="283">
        <v>0</v>
      </c>
      <c r="M35" s="277">
        <v>0</v>
      </c>
      <c r="N35" s="281">
        <v>0</v>
      </c>
      <c r="O35" s="278">
        <v>0</v>
      </c>
      <c r="P35" s="280">
        <v>0</v>
      </c>
      <c r="Q35" s="281">
        <v>0</v>
      </c>
      <c r="R35" s="281">
        <v>0</v>
      </c>
      <c r="S35" s="281">
        <v>0</v>
      </c>
      <c r="T35" s="281">
        <v>0</v>
      </c>
      <c r="U35" s="281">
        <v>0</v>
      </c>
      <c r="V35" s="278">
        <v>0</v>
      </c>
      <c r="W35" s="283">
        <v>0</v>
      </c>
      <c r="X35" s="277">
        <v>0</v>
      </c>
      <c r="Y35" s="281">
        <v>0</v>
      </c>
      <c r="Z35" s="278">
        <v>0</v>
      </c>
      <c r="AA35" s="280">
        <v>0</v>
      </c>
      <c r="AB35" s="281">
        <v>2</v>
      </c>
      <c r="AC35" s="281">
        <v>0</v>
      </c>
      <c r="AD35" s="281">
        <v>0</v>
      </c>
      <c r="AE35" s="281">
        <v>0</v>
      </c>
      <c r="AF35" s="281">
        <v>0</v>
      </c>
      <c r="AG35" s="278">
        <v>2</v>
      </c>
      <c r="AH35" s="283">
        <v>2</v>
      </c>
      <c r="AI35" s="277">
        <v>0</v>
      </c>
      <c r="AJ35" s="281">
        <v>0</v>
      </c>
      <c r="AK35" s="278">
        <v>0</v>
      </c>
      <c r="AL35" s="280">
        <v>0</v>
      </c>
      <c r="AM35" s="281">
        <v>0</v>
      </c>
      <c r="AN35" s="281">
        <v>0</v>
      </c>
      <c r="AO35" s="281">
        <v>0</v>
      </c>
      <c r="AP35" s="281">
        <v>0</v>
      </c>
      <c r="AQ35" s="281">
        <v>0</v>
      </c>
      <c r="AR35" s="278">
        <v>0</v>
      </c>
      <c r="AS35" s="283">
        <v>0</v>
      </c>
      <c r="AT35" s="277">
        <v>0</v>
      </c>
      <c r="AU35" s="281">
        <v>0</v>
      </c>
      <c r="AV35" s="278">
        <v>0</v>
      </c>
      <c r="AW35" s="280">
        <v>0</v>
      </c>
      <c r="AX35" s="281">
        <v>0</v>
      </c>
      <c r="AY35" s="281">
        <v>0</v>
      </c>
      <c r="AZ35" s="281">
        <v>0</v>
      </c>
      <c r="BA35" s="281">
        <v>0</v>
      </c>
      <c r="BB35" s="281">
        <v>0</v>
      </c>
      <c r="BC35" s="278">
        <v>0</v>
      </c>
      <c r="BD35" s="283">
        <v>0</v>
      </c>
      <c r="BE35" s="277">
        <v>0</v>
      </c>
      <c r="BF35" s="281">
        <v>0</v>
      </c>
      <c r="BG35" s="278">
        <v>0</v>
      </c>
      <c r="BH35" s="280">
        <v>0</v>
      </c>
      <c r="BI35" s="281">
        <v>0</v>
      </c>
      <c r="BJ35" s="281">
        <v>0</v>
      </c>
      <c r="BK35" s="281">
        <v>1</v>
      </c>
      <c r="BL35" s="281">
        <v>0</v>
      </c>
      <c r="BM35" s="281">
        <v>0</v>
      </c>
      <c r="BN35" s="282">
        <v>1</v>
      </c>
      <c r="BO35" s="283">
        <v>1</v>
      </c>
      <c r="BP35" s="277">
        <v>0</v>
      </c>
      <c r="BQ35" s="281">
        <v>0</v>
      </c>
      <c r="BR35" s="278">
        <v>0</v>
      </c>
      <c r="BS35" s="280">
        <v>0</v>
      </c>
      <c r="BT35" s="281">
        <v>0</v>
      </c>
      <c r="BU35" s="281">
        <v>0</v>
      </c>
      <c r="BV35" s="281">
        <v>0</v>
      </c>
      <c r="BW35" s="281">
        <v>0</v>
      </c>
      <c r="BX35" s="281">
        <v>0</v>
      </c>
      <c r="BY35" s="278">
        <v>0</v>
      </c>
      <c r="BZ35" s="283">
        <v>0</v>
      </c>
      <c r="CA35" s="277">
        <v>0</v>
      </c>
      <c r="CB35" s="281">
        <v>0</v>
      </c>
      <c r="CC35" s="278">
        <v>0</v>
      </c>
      <c r="CD35" s="280">
        <v>0</v>
      </c>
      <c r="CE35" s="281">
        <v>0</v>
      </c>
      <c r="CF35" s="281">
        <v>0</v>
      </c>
      <c r="CG35" s="281">
        <v>0</v>
      </c>
      <c r="CH35" s="281">
        <v>0</v>
      </c>
      <c r="CI35" s="281">
        <v>0</v>
      </c>
      <c r="CJ35" s="278">
        <v>0</v>
      </c>
      <c r="CK35" s="283">
        <v>0</v>
      </c>
      <c r="CL35" s="277">
        <v>0</v>
      </c>
      <c r="CM35" s="281">
        <v>0</v>
      </c>
      <c r="CN35" s="278">
        <v>0</v>
      </c>
      <c r="CO35" s="280">
        <v>0</v>
      </c>
      <c r="CP35" s="281">
        <v>1</v>
      </c>
      <c r="CQ35" s="281">
        <v>0</v>
      </c>
      <c r="CR35" s="281">
        <v>1</v>
      </c>
      <c r="CS35" s="281">
        <v>0</v>
      </c>
      <c r="CT35" s="281">
        <v>0</v>
      </c>
      <c r="CU35" s="278">
        <v>2</v>
      </c>
      <c r="CV35" s="283">
        <v>2</v>
      </c>
    </row>
    <row r="36" spans="1:100" ht="21" customHeight="1" x14ac:dyDescent="0.2">
      <c r="A36" s="262" t="s">
        <v>34</v>
      </c>
      <c r="B36" s="277">
        <v>0</v>
      </c>
      <c r="C36" s="278">
        <v>0</v>
      </c>
      <c r="D36" s="279">
        <v>0</v>
      </c>
      <c r="E36" s="280">
        <v>0</v>
      </c>
      <c r="F36" s="281">
        <v>0</v>
      </c>
      <c r="G36" s="281">
        <v>0</v>
      </c>
      <c r="H36" s="281">
        <v>0</v>
      </c>
      <c r="I36" s="281">
        <v>0</v>
      </c>
      <c r="J36" s="281">
        <v>0</v>
      </c>
      <c r="K36" s="282">
        <v>0</v>
      </c>
      <c r="L36" s="283">
        <v>0</v>
      </c>
      <c r="M36" s="277">
        <v>0</v>
      </c>
      <c r="N36" s="281">
        <v>0</v>
      </c>
      <c r="O36" s="278">
        <v>0</v>
      </c>
      <c r="P36" s="280">
        <v>0</v>
      </c>
      <c r="Q36" s="281">
        <v>0</v>
      </c>
      <c r="R36" s="281">
        <v>0</v>
      </c>
      <c r="S36" s="281">
        <v>0</v>
      </c>
      <c r="T36" s="281">
        <v>0</v>
      </c>
      <c r="U36" s="281">
        <v>0</v>
      </c>
      <c r="V36" s="278">
        <v>0</v>
      </c>
      <c r="W36" s="283">
        <v>0</v>
      </c>
      <c r="X36" s="277">
        <v>0</v>
      </c>
      <c r="Y36" s="281">
        <v>0</v>
      </c>
      <c r="Z36" s="278">
        <v>0</v>
      </c>
      <c r="AA36" s="280">
        <v>0</v>
      </c>
      <c r="AB36" s="281">
        <v>2</v>
      </c>
      <c r="AC36" s="281">
        <v>0</v>
      </c>
      <c r="AD36" s="281">
        <v>0</v>
      </c>
      <c r="AE36" s="281">
        <v>0</v>
      </c>
      <c r="AF36" s="281">
        <v>0</v>
      </c>
      <c r="AG36" s="278">
        <v>2</v>
      </c>
      <c r="AH36" s="283">
        <v>2</v>
      </c>
      <c r="AI36" s="277">
        <v>0</v>
      </c>
      <c r="AJ36" s="281">
        <v>0</v>
      </c>
      <c r="AK36" s="278">
        <v>0</v>
      </c>
      <c r="AL36" s="280">
        <v>0</v>
      </c>
      <c r="AM36" s="281">
        <v>0</v>
      </c>
      <c r="AN36" s="281">
        <v>0</v>
      </c>
      <c r="AO36" s="281">
        <v>0</v>
      </c>
      <c r="AP36" s="281">
        <v>0</v>
      </c>
      <c r="AQ36" s="281">
        <v>0</v>
      </c>
      <c r="AR36" s="278">
        <v>0</v>
      </c>
      <c r="AS36" s="283">
        <v>0</v>
      </c>
      <c r="AT36" s="277">
        <v>0</v>
      </c>
      <c r="AU36" s="281">
        <v>0</v>
      </c>
      <c r="AV36" s="278">
        <v>0</v>
      </c>
      <c r="AW36" s="280">
        <v>0</v>
      </c>
      <c r="AX36" s="281">
        <v>1</v>
      </c>
      <c r="AY36" s="281">
        <v>0</v>
      </c>
      <c r="AZ36" s="281">
        <v>0</v>
      </c>
      <c r="BA36" s="281">
        <v>0</v>
      </c>
      <c r="BB36" s="281">
        <v>0</v>
      </c>
      <c r="BC36" s="278">
        <v>1</v>
      </c>
      <c r="BD36" s="283">
        <v>1</v>
      </c>
      <c r="BE36" s="277">
        <v>0</v>
      </c>
      <c r="BF36" s="281">
        <v>0</v>
      </c>
      <c r="BG36" s="278">
        <v>0</v>
      </c>
      <c r="BH36" s="280">
        <v>0</v>
      </c>
      <c r="BI36" s="281">
        <v>0</v>
      </c>
      <c r="BJ36" s="281">
        <v>0</v>
      </c>
      <c r="BK36" s="281">
        <v>0</v>
      </c>
      <c r="BL36" s="281">
        <v>0</v>
      </c>
      <c r="BM36" s="281">
        <v>0</v>
      </c>
      <c r="BN36" s="282">
        <v>0</v>
      </c>
      <c r="BO36" s="283">
        <v>0</v>
      </c>
      <c r="BP36" s="277">
        <v>0</v>
      </c>
      <c r="BQ36" s="281">
        <v>0</v>
      </c>
      <c r="BR36" s="278">
        <v>0</v>
      </c>
      <c r="BS36" s="280">
        <v>0</v>
      </c>
      <c r="BT36" s="281">
        <v>0</v>
      </c>
      <c r="BU36" s="281">
        <v>0</v>
      </c>
      <c r="BV36" s="281">
        <v>0</v>
      </c>
      <c r="BW36" s="281">
        <v>0</v>
      </c>
      <c r="BX36" s="281">
        <v>0</v>
      </c>
      <c r="BY36" s="278">
        <v>0</v>
      </c>
      <c r="BZ36" s="283">
        <v>0</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0</v>
      </c>
      <c r="CQ36" s="281">
        <v>0</v>
      </c>
      <c r="CR36" s="281">
        <v>1</v>
      </c>
      <c r="CS36" s="281">
        <v>0</v>
      </c>
      <c r="CT36" s="281">
        <v>0</v>
      </c>
      <c r="CU36" s="278">
        <v>1</v>
      </c>
      <c r="CV36" s="283">
        <v>1</v>
      </c>
    </row>
    <row r="37" spans="1:100" ht="21" customHeight="1" x14ac:dyDescent="0.2">
      <c r="A37" s="262" t="s">
        <v>35</v>
      </c>
      <c r="B37" s="277">
        <v>0</v>
      </c>
      <c r="C37" s="278">
        <v>0</v>
      </c>
      <c r="D37" s="279">
        <v>0</v>
      </c>
      <c r="E37" s="280">
        <v>0</v>
      </c>
      <c r="F37" s="281">
        <v>0</v>
      </c>
      <c r="G37" s="281">
        <v>1</v>
      </c>
      <c r="H37" s="281">
        <v>0</v>
      </c>
      <c r="I37" s="281">
        <v>0</v>
      </c>
      <c r="J37" s="281">
        <v>0</v>
      </c>
      <c r="K37" s="282">
        <v>1</v>
      </c>
      <c r="L37" s="283">
        <v>1</v>
      </c>
      <c r="M37" s="277">
        <v>0</v>
      </c>
      <c r="N37" s="281">
        <v>0</v>
      </c>
      <c r="O37" s="278">
        <v>0</v>
      </c>
      <c r="P37" s="280">
        <v>0</v>
      </c>
      <c r="Q37" s="281">
        <v>0</v>
      </c>
      <c r="R37" s="281">
        <v>0</v>
      </c>
      <c r="S37" s="281">
        <v>0</v>
      </c>
      <c r="T37" s="281">
        <v>0</v>
      </c>
      <c r="U37" s="281">
        <v>0</v>
      </c>
      <c r="V37" s="278">
        <v>0</v>
      </c>
      <c r="W37" s="283">
        <v>0</v>
      </c>
      <c r="X37" s="277">
        <v>0</v>
      </c>
      <c r="Y37" s="281">
        <v>0</v>
      </c>
      <c r="Z37" s="278">
        <v>0</v>
      </c>
      <c r="AA37" s="280">
        <v>0</v>
      </c>
      <c r="AB37" s="281">
        <v>0</v>
      </c>
      <c r="AC37" s="281">
        <v>1</v>
      </c>
      <c r="AD37" s="281">
        <v>0</v>
      </c>
      <c r="AE37" s="281">
        <v>0</v>
      </c>
      <c r="AF37" s="281">
        <v>0</v>
      </c>
      <c r="AG37" s="278">
        <v>1</v>
      </c>
      <c r="AH37" s="283">
        <v>1</v>
      </c>
      <c r="AI37" s="277">
        <v>0</v>
      </c>
      <c r="AJ37" s="281">
        <v>0</v>
      </c>
      <c r="AK37" s="278">
        <v>0</v>
      </c>
      <c r="AL37" s="280">
        <v>0</v>
      </c>
      <c r="AM37" s="281">
        <v>0</v>
      </c>
      <c r="AN37" s="281">
        <v>0</v>
      </c>
      <c r="AO37" s="281">
        <v>0</v>
      </c>
      <c r="AP37" s="281">
        <v>0</v>
      </c>
      <c r="AQ37" s="281">
        <v>0</v>
      </c>
      <c r="AR37" s="278">
        <v>0</v>
      </c>
      <c r="AS37" s="283">
        <v>0</v>
      </c>
      <c r="AT37" s="277">
        <v>0</v>
      </c>
      <c r="AU37" s="281">
        <v>0</v>
      </c>
      <c r="AV37" s="278">
        <v>0</v>
      </c>
      <c r="AW37" s="280">
        <v>0</v>
      </c>
      <c r="AX37" s="281">
        <v>1</v>
      </c>
      <c r="AY37" s="281">
        <v>1</v>
      </c>
      <c r="AZ37" s="281">
        <v>0</v>
      </c>
      <c r="BA37" s="281">
        <v>0</v>
      </c>
      <c r="BB37" s="281">
        <v>0</v>
      </c>
      <c r="BC37" s="278">
        <v>2</v>
      </c>
      <c r="BD37" s="283">
        <v>2</v>
      </c>
      <c r="BE37" s="277">
        <v>0</v>
      </c>
      <c r="BF37" s="281">
        <v>0</v>
      </c>
      <c r="BG37" s="278">
        <v>0</v>
      </c>
      <c r="BH37" s="280">
        <v>0</v>
      </c>
      <c r="BI37" s="281">
        <v>0</v>
      </c>
      <c r="BJ37" s="281">
        <v>1</v>
      </c>
      <c r="BK37" s="281">
        <v>0</v>
      </c>
      <c r="BL37" s="281">
        <v>0</v>
      </c>
      <c r="BM37" s="281">
        <v>0</v>
      </c>
      <c r="BN37" s="282">
        <v>1</v>
      </c>
      <c r="BO37" s="283">
        <v>1</v>
      </c>
      <c r="BP37" s="277">
        <v>0</v>
      </c>
      <c r="BQ37" s="281">
        <v>0</v>
      </c>
      <c r="BR37" s="278">
        <v>0</v>
      </c>
      <c r="BS37" s="280">
        <v>0</v>
      </c>
      <c r="BT37" s="281">
        <v>0</v>
      </c>
      <c r="BU37" s="281">
        <v>0</v>
      </c>
      <c r="BV37" s="281">
        <v>0</v>
      </c>
      <c r="BW37" s="281">
        <v>0</v>
      </c>
      <c r="BX37" s="281">
        <v>0</v>
      </c>
      <c r="BY37" s="278">
        <v>0</v>
      </c>
      <c r="BZ37" s="283">
        <v>0</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row>
    <row r="38" spans="1:100" ht="21" customHeight="1" x14ac:dyDescent="0.2">
      <c r="A38" s="262" t="s">
        <v>36</v>
      </c>
      <c r="B38" s="277">
        <v>0</v>
      </c>
      <c r="C38" s="278">
        <v>0</v>
      </c>
      <c r="D38" s="279">
        <v>0</v>
      </c>
      <c r="E38" s="280">
        <v>0</v>
      </c>
      <c r="F38" s="281">
        <v>0</v>
      </c>
      <c r="G38" s="281">
        <v>0</v>
      </c>
      <c r="H38" s="281">
        <v>0</v>
      </c>
      <c r="I38" s="281">
        <v>0</v>
      </c>
      <c r="J38" s="281">
        <v>0</v>
      </c>
      <c r="K38" s="282">
        <v>0</v>
      </c>
      <c r="L38" s="283">
        <v>0</v>
      </c>
      <c r="M38" s="277">
        <v>0</v>
      </c>
      <c r="N38" s="281">
        <v>0</v>
      </c>
      <c r="O38" s="278">
        <v>0</v>
      </c>
      <c r="P38" s="280">
        <v>0</v>
      </c>
      <c r="Q38" s="281">
        <v>0</v>
      </c>
      <c r="R38" s="281">
        <v>0</v>
      </c>
      <c r="S38" s="281">
        <v>0</v>
      </c>
      <c r="T38" s="281">
        <v>0</v>
      </c>
      <c r="U38" s="281">
        <v>0</v>
      </c>
      <c r="V38" s="278">
        <v>0</v>
      </c>
      <c r="W38" s="283">
        <v>0</v>
      </c>
      <c r="X38" s="277">
        <v>0</v>
      </c>
      <c r="Y38" s="281">
        <v>0</v>
      </c>
      <c r="Z38" s="278">
        <v>0</v>
      </c>
      <c r="AA38" s="280">
        <v>0</v>
      </c>
      <c r="AB38" s="281">
        <v>3</v>
      </c>
      <c r="AC38" s="281">
        <v>2</v>
      </c>
      <c r="AD38" s="281">
        <v>0</v>
      </c>
      <c r="AE38" s="281">
        <v>0</v>
      </c>
      <c r="AF38" s="281">
        <v>1</v>
      </c>
      <c r="AG38" s="278">
        <v>6</v>
      </c>
      <c r="AH38" s="283">
        <v>6</v>
      </c>
      <c r="AI38" s="277">
        <v>0</v>
      </c>
      <c r="AJ38" s="281">
        <v>0</v>
      </c>
      <c r="AK38" s="278">
        <v>0</v>
      </c>
      <c r="AL38" s="280">
        <v>0</v>
      </c>
      <c r="AM38" s="281">
        <v>0</v>
      </c>
      <c r="AN38" s="281">
        <v>0</v>
      </c>
      <c r="AO38" s="281">
        <v>0</v>
      </c>
      <c r="AP38" s="281">
        <v>0</v>
      </c>
      <c r="AQ38" s="281">
        <v>0</v>
      </c>
      <c r="AR38" s="278">
        <v>0</v>
      </c>
      <c r="AS38" s="283">
        <v>0</v>
      </c>
      <c r="AT38" s="277">
        <v>0</v>
      </c>
      <c r="AU38" s="281">
        <v>0</v>
      </c>
      <c r="AV38" s="278">
        <v>0</v>
      </c>
      <c r="AW38" s="280">
        <v>0</v>
      </c>
      <c r="AX38" s="281">
        <v>0</v>
      </c>
      <c r="AY38" s="281">
        <v>0</v>
      </c>
      <c r="AZ38" s="281">
        <v>0</v>
      </c>
      <c r="BA38" s="281">
        <v>1</v>
      </c>
      <c r="BB38" s="281">
        <v>0</v>
      </c>
      <c r="BC38" s="278">
        <v>1</v>
      </c>
      <c r="BD38" s="283">
        <v>1</v>
      </c>
      <c r="BE38" s="277">
        <v>0</v>
      </c>
      <c r="BF38" s="281">
        <v>0</v>
      </c>
      <c r="BG38" s="278">
        <v>0</v>
      </c>
      <c r="BH38" s="280">
        <v>0</v>
      </c>
      <c r="BI38" s="281">
        <v>0</v>
      </c>
      <c r="BJ38" s="281">
        <v>1</v>
      </c>
      <c r="BK38" s="281">
        <v>1</v>
      </c>
      <c r="BL38" s="281">
        <v>0</v>
      </c>
      <c r="BM38" s="281">
        <v>0</v>
      </c>
      <c r="BN38" s="282">
        <v>2</v>
      </c>
      <c r="BO38" s="283">
        <v>2</v>
      </c>
      <c r="BP38" s="277">
        <v>0</v>
      </c>
      <c r="BQ38" s="281">
        <v>0</v>
      </c>
      <c r="BR38" s="278">
        <v>0</v>
      </c>
      <c r="BS38" s="280">
        <v>0</v>
      </c>
      <c r="BT38" s="281">
        <v>0</v>
      </c>
      <c r="BU38" s="281">
        <v>0</v>
      </c>
      <c r="BV38" s="281">
        <v>0</v>
      </c>
      <c r="BW38" s="281">
        <v>0</v>
      </c>
      <c r="BX38" s="281">
        <v>0</v>
      </c>
      <c r="BY38" s="278">
        <v>0</v>
      </c>
      <c r="BZ38" s="283">
        <v>0</v>
      </c>
      <c r="CA38" s="277">
        <v>0</v>
      </c>
      <c r="CB38" s="281">
        <v>0</v>
      </c>
      <c r="CC38" s="278">
        <v>0</v>
      </c>
      <c r="CD38" s="280">
        <v>0</v>
      </c>
      <c r="CE38" s="281">
        <v>0</v>
      </c>
      <c r="CF38" s="281">
        <v>0</v>
      </c>
      <c r="CG38" s="281">
        <v>0</v>
      </c>
      <c r="CH38" s="281">
        <v>0</v>
      </c>
      <c r="CI38" s="281">
        <v>0</v>
      </c>
      <c r="CJ38" s="278">
        <v>0</v>
      </c>
      <c r="CK38" s="283">
        <v>0</v>
      </c>
      <c r="CL38" s="277">
        <v>0</v>
      </c>
      <c r="CM38" s="281">
        <v>0</v>
      </c>
      <c r="CN38" s="278">
        <v>0</v>
      </c>
      <c r="CO38" s="280">
        <v>0</v>
      </c>
      <c r="CP38" s="281">
        <v>0</v>
      </c>
      <c r="CQ38" s="281">
        <v>0</v>
      </c>
      <c r="CR38" s="281">
        <v>0</v>
      </c>
      <c r="CS38" s="281">
        <v>0</v>
      </c>
      <c r="CT38" s="281">
        <v>0</v>
      </c>
      <c r="CU38" s="278">
        <v>0</v>
      </c>
      <c r="CV38" s="283">
        <v>0</v>
      </c>
    </row>
    <row r="39" spans="1:100" ht="21" customHeight="1" thickBot="1" x14ac:dyDescent="0.25">
      <c r="A39" s="263" t="s">
        <v>37</v>
      </c>
      <c r="B39" s="284">
        <v>0</v>
      </c>
      <c r="C39" s="285">
        <v>0</v>
      </c>
      <c r="D39" s="286">
        <v>0</v>
      </c>
      <c r="E39" s="287">
        <v>0</v>
      </c>
      <c r="F39" s="288">
        <v>0</v>
      </c>
      <c r="G39" s="288">
        <v>0</v>
      </c>
      <c r="H39" s="288">
        <v>0</v>
      </c>
      <c r="I39" s="288">
        <v>0</v>
      </c>
      <c r="J39" s="288">
        <v>0</v>
      </c>
      <c r="K39" s="289">
        <v>0</v>
      </c>
      <c r="L39" s="290">
        <v>0</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0</v>
      </c>
      <c r="AC39" s="288">
        <v>0</v>
      </c>
      <c r="AD39" s="288">
        <v>0</v>
      </c>
      <c r="AE39" s="288">
        <v>0</v>
      </c>
      <c r="AF39" s="288">
        <v>0</v>
      </c>
      <c r="AG39" s="285">
        <v>0</v>
      </c>
      <c r="AH39" s="290">
        <v>0</v>
      </c>
      <c r="AI39" s="284">
        <v>0</v>
      </c>
      <c r="AJ39" s="288">
        <v>0</v>
      </c>
      <c r="AK39" s="285">
        <v>0</v>
      </c>
      <c r="AL39" s="287">
        <v>0</v>
      </c>
      <c r="AM39" s="288">
        <v>0</v>
      </c>
      <c r="AN39" s="288">
        <v>0</v>
      </c>
      <c r="AO39" s="288">
        <v>0</v>
      </c>
      <c r="AP39" s="288">
        <v>0</v>
      </c>
      <c r="AQ39" s="288">
        <v>0</v>
      </c>
      <c r="AR39" s="285">
        <v>0</v>
      </c>
      <c r="AS39" s="290">
        <v>0</v>
      </c>
      <c r="AT39" s="284">
        <v>0</v>
      </c>
      <c r="AU39" s="288">
        <v>0</v>
      </c>
      <c r="AV39" s="285">
        <v>0</v>
      </c>
      <c r="AW39" s="287">
        <v>0</v>
      </c>
      <c r="AX39" s="288">
        <v>0</v>
      </c>
      <c r="AY39" s="288">
        <v>0</v>
      </c>
      <c r="AZ39" s="288">
        <v>0</v>
      </c>
      <c r="BA39" s="288">
        <v>0</v>
      </c>
      <c r="BB39" s="288">
        <v>0</v>
      </c>
      <c r="BC39" s="285">
        <v>0</v>
      </c>
      <c r="BD39" s="290">
        <v>0</v>
      </c>
      <c r="BE39" s="284">
        <v>0</v>
      </c>
      <c r="BF39" s="288">
        <v>0</v>
      </c>
      <c r="BG39" s="285">
        <v>0</v>
      </c>
      <c r="BH39" s="287">
        <v>0</v>
      </c>
      <c r="BI39" s="288">
        <v>0</v>
      </c>
      <c r="BJ39" s="288">
        <v>0</v>
      </c>
      <c r="BK39" s="288">
        <v>0</v>
      </c>
      <c r="BL39" s="288">
        <v>0</v>
      </c>
      <c r="BM39" s="288">
        <v>0</v>
      </c>
      <c r="BN39" s="289">
        <v>0</v>
      </c>
      <c r="BO39" s="290">
        <v>0</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0</v>
      </c>
      <c r="CI39" s="288">
        <v>0</v>
      </c>
      <c r="CJ39" s="285">
        <v>0</v>
      </c>
      <c r="CK39" s="290">
        <v>0</v>
      </c>
      <c r="CL39" s="284">
        <v>0</v>
      </c>
      <c r="CM39" s="288">
        <v>0</v>
      </c>
      <c r="CN39" s="285">
        <v>0</v>
      </c>
      <c r="CO39" s="287">
        <v>0</v>
      </c>
      <c r="CP39" s="288">
        <v>0</v>
      </c>
      <c r="CQ39" s="288">
        <v>0</v>
      </c>
      <c r="CR39" s="288">
        <v>0</v>
      </c>
      <c r="CS39" s="288">
        <v>0</v>
      </c>
      <c r="CT39" s="288">
        <v>0</v>
      </c>
      <c r="CU39" s="285">
        <v>0</v>
      </c>
      <c r="CV39" s="290">
        <v>0</v>
      </c>
    </row>
  </sheetData>
  <mergeCells count="39">
    <mergeCell ref="X3:AH3"/>
    <mergeCell ref="X4:Z4"/>
    <mergeCell ref="AA4:AG4"/>
    <mergeCell ref="AH4:AH5"/>
    <mergeCell ref="AI3:AS3"/>
    <mergeCell ref="AL4:AR4"/>
    <mergeCell ref="AS4:AS5"/>
    <mergeCell ref="H1:I1"/>
    <mergeCell ref="K1:L1"/>
    <mergeCell ref="A3:A5"/>
    <mergeCell ref="B3:L3"/>
    <mergeCell ref="M3:W3"/>
    <mergeCell ref="W4:W5"/>
    <mergeCell ref="B4:D4"/>
    <mergeCell ref="E4:K4"/>
    <mergeCell ref="L4:L5"/>
    <mergeCell ref="M4:O4"/>
    <mergeCell ref="P4:V4"/>
    <mergeCell ref="AT4:AV4"/>
    <mergeCell ref="AI4:AK4"/>
    <mergeCell ref="AW4:BC4"/>
    <mergeCell ref="CA4:CC4"/>
    <mergeCell ref="AT3:BD3"/>
    <mergeCell ref="BD4:BD5"/>
    <mergeCell ref="BE3:BO3"/>
    <mergeCell ref="BO4:BO5"/>
    <mergeCell ref="BP3:BZ3"/>
    <mergeCell ref="BZ4:BZ5"/>
    <mergeCell ref="CL3:CV3"/>
    <mergeCell ref="CL4:CN4"/>
    <mergeCell ref="CO4:CU4"/>
    <mergeCell ref="CD4:CJ4"/>
    <mergeCell ref="BE4:BG4"/>
    <mergeCell ref="BH4:BN4"/>
    <mergeCell ref="BP4:BR4"/>
    <mergeCell ref="BS4:BY4"/>
    <mergeCell ref="CA3:CK3"/>
    <mergeCell ref="CK4:CK5"/>
    <mergeCell ref="CV4:CV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8.44140625" style="256" customWidth="1"/>
    <col min="7" max="7" width="8.77734375" style="256" customWidth="1"/>
    <col min="8" max="15" width="9" style="256"/>
    <col min="16" max="16" width="7.21875" style="256" customWidth="1"/>
    <col min="17" max="26" width="9" style="256"/>
    <col min="27" max="27" width="7.6640625" style="256" customWidth="1"/>
    <col min="28" max="37" width="9" style="256"/>
    <col min="38" max="38" width="7.6640625" style="256" customWidth="1"/>
    <col min="39" max="48" width="9" style="256"/>
    <col min="49" max="49" width="7.6640625" style="256" customWidth="1"/>
    <col min="50" max="59" width="9" style="256"/>
    <col min="60" max="60" width="7.21875" style="256" customWidth="1"/>
    <col min="61" max="70" width="9" style="256"/>
    <col min="71" max="71" width="7.21875" style="256" customWidth="1"/>
    <col min="72" max="81" width="9" style="256"/>
    <col min="82" max="82" width="7.33203125" style="256" customWidth="1"/>
    <col min="83" max="92" width="9" style="256"/>
    <col min="93" max="93" width="7.44140625" style="256" customWidth="1"/>
    <col min="94" max="16384" width="9" style="256"/>
  </cols>
  <sheetData>
    <row r="1" spans="1:100" ht="22.5" customHeight="1" x14ac:dyDescent="0.2">
      <c r="A1" s="291" t="s">
        <v>124</v>
      </c>
      <c r="H1" s="528">
        <f>第１表!F2</f>
        <v>4</v>
      </c>
      <c r="I1" s="528"/>
      <c r="J1" s="248">
        <f>第１表!G2</f>
        <v>6</v>
      </c>
      <c r="K1" s="529">
        <f>IF(J1&lt;3,J1+12-2,J1-2)</f>
        <v>4</v>
      </c>
      <c r="L1" s="529"/>
    </row>
    <row r="2" spans="1:100" s="292" customFormat="1" ht="21" customHeight="1" thickBot="1" x14ac:dyDescent="0.25">
      <c r="A2" s="291" t="s">
        <v>155</v>
      </c>
    </row>
    <row r="3" spans="1:100" ht="23.25" customHeight="1" thickBot="1" x14ac:dyDescent="0.25">
      <c r="A3" s="537"/>
      <c r="B3" s="540" t="s">
        <v>94</v>
      </c>
      <c r="C3" s="541"/>
      <c r="D3" s="541"/>
      <c r="E3" s="541"/>
      <c r="F3" s="541"/>
      <c r="G3" s="541"/>
      <c r="H3" s="541"/>
      <c r="I3" s="541"/>
      <c r="J3" s="541"/>
      <c r="K3" s="541"/>
      <c r="L3" s="542"/>
      <c r="M3" s="540" t="s">
        <v>88</v>
      </c>
      <c r="N3" s="541"/>
      <c r="O3" s="541"/>
      <c r="P3" s="541"/>
      <c r="Q3" s="541"/>
      <c r="R3" s="541"/>
      <c r="S3" s="541"/>
      <c r="T3" s="541"/>
      <c r="U3" s="541"/>
      <c r="V3" s="541"/>
      <c r="W3" s="542"/>
      <c r="X3" s="540" t="s">
        <v>142</v>
      </c>
      <c r="Y3" s="541"/>
      <c r="Z3" s="541"/>
      <c r="AA3" s="541"/>
      <c r="AB3" s="541"/>
      <c r="AC3" s="541"/>
      <c r="AD3" s="541"/>
      <c r="AE3" s="541"/>
      <c r="AF3" s="541"/>
      <c r="AG3" s="541"/>
      <c r="AH3" s="542"/>
      <c r="AI3" s="540" t="s">
        <v>90</v>
      </c>
      <c r="AJ3" s="541"/>
      <c r="AK3" s="541"/>
      <c r="AL3" s="541"/>
      <c r="AM3" s="541"/>
      <c r="AN3" s="541"/>
      <c r="AO3" s="541"/>
      <c r="AP3" s="541"/>
      <c r="AQ3" s="541"/>
      <c r="AR3" s="541"/>
      <c r="AS3" s="542"/>
      <c r="AT3" s="546" t="s">
        <v>89</v>
      </c>
      <c r="AU3" s="547"/>
      <c r="AV3" s="547"/>
      <c r="AW3" s="547"/>
      <c r="AX3" s="547"/>
      <c r="AY3" s="547"/>
      <c r="AZ3" s="547"/>
      <c r="BA3" s="547"/>
      <c r="BB3" s="547"/>
      <c r="BC3" s="547"/>
      <c r="BD3" s="548"/>
      <c r="BE3" s="546" t="s">
        <v>91</v>
      </c>
      <c r="BF3" s="547"/>
      <c r="BG3" s="547"/>
      <c r="BH3" s="547"/>
      <c r="BI3" s="547"/>
      <c r="BJ3" s="547"/>
      <c r="BK3" s="547"/>
      <c r="BL3" s="547"/>
      <c r="BM3" s="547"/>
      <c r="BN3" s="547"/>
      <c r="BO3" s="548"/>
      <c r="BP3" s="546" t="s">
        <v>92</v>
      </c>
      <c r="BQ3" s="547"/>
      <c r="BR3" s="547"/>
      <c r="BS3" s="547"/>
      <c r="BT3" s="547"/>
      <c r="BU3" s="547"/>
      <c r="BV3" s="547"/>
      <c r="BW3" s="547"/>
      <c r="BX3" s="547"/>
      <c r="BY3" s="547"/>
      <c r="BZ3" s="548"/>
      <c r="CA3" s="546" t="s">
        <v>93</v>
      </c>
      <c r="CB3" s="547"/>
      <c r="CC3" s="547"/>
      <c r="CD3" s="547"/>
      <c r="CE3" s="547"/>
      <c r="CF3" s="547"/>
      <c r="CG3" s="547"/>
      <c r="CH3" s="547"/>
      <c r="CI3" s="547"/>
      <c r="CJ3" s="547"/>
      <c r="CK3" s="548"/>
      <c r="CL3" s="547" t="s">
        <v>141</v>
      </c>
      <c r="CM3" s="547"/>
      <c r="CN3" s="547"/>
      <c r="CO3" s="547"/>
      <c r="CP3" s="547"/>
      <c r="CQ3" s="547"/>
      <c r="CR3" s="547"/>
      <c r="CS3" s="547"/>
      <c r="CT3" s="547"/>
      <c r="CU3" s="547"/>
      <c r="CV3" s="548"/>
    </row>
    <row r="4" spans="1:100"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62" t="s">
        <v>61</v>
      </c>
      <c r="AU4" s="560"/>
      <c r="AV4" s="561"/>
      <c r="AW4" s="559" t="s">
        <v>62</v>
      </c>
      <c r="AX4" s="560"/>
      <c r="AY4" s="560"/>
      <c r="AZ4" s="560"/>
      <c r="BA4" s="560"/>
      <c r="BB4" s="560"/>
      <c r="BC4" s="561"/>
      <c r="BD4" s="563" t="s">
        <v>52</v>
      </c>
      <c r="BE4" s="562" t="s">
        <v>61</v>
      </c>
      <c r="BF4" s="560"/>
      <c r="BG4" s="561"/>
      <c r="BH4" s="559" t="s">
        <v>62</v>
      </c>
      <c r="BI4" s="560"/>
      <c r="BJ4" s="560"/>
      <c r="BK4" s="560"/>
      <c r="BL4" s="560"/>
      <c r="BM4" s="560"/>
      <c r="BN4" s="561"/>
      <c r="BO4" s="563" t="s">
        <v>52</v>
      </c>
      <c r="BP4" s="562" t="s">
        <v>61</v>
      </c>
      <c r="BQ4" s="560"/>
      <c r="BR4" s="561"/>
      <c r="BS4" s="559" t="s">
        <v>62</v>
      </c>
      <c r="BT4" s="560"/>
      <c r="BU4" s="560"/>
      <c r="BV4" s="560"/>
      <c r="BW4" s="560"/>
      <c r="BX4" s="560"/>
      <c r="BY4" s="561"/>
      <c r="BZ4" s="563" t="s">
        <v>52</v>
      </c>
      <c r="CA4" s="562" t="s">
        <v>61</v>
      </c>
      <c r="CB4" s="560"/>
      <c r="CC4" s="561"/>
      <c r="CD4" s="559" t="s">
        <v>62</v>
      </c>
      <c r="CE4" s="560"/>
      <c r="CF4" s="560"/>
      <c r="CG4" s="560"/>
      <c r="CH4" s="560"/>
      <c r="CI4" s="560"/>
      <c r="CJ4" s="561"/>
      <c r="CK4" s="563" t="s">
        <v>52</v>
      </c>
      <c r="CL4" s="562" t="s">
        <v>61</v>
      </c>
      <c r="CM4" s="560"/>
      <c r="CN4" s="561"/>
      <c r="CO4" s="559" t="s">
        <v>62</v>
      </c>
      <c r="CP4" s="560"/>
      <c r="CQ4" s="560"/>
      <c r="CR4" s="560"/>
      <c r="CS4" s="560"/>
      <c r="CT4" s="560"/>
      <c r="CU4" s="561"/>
      <c r="CV4" s="563" t="s">
        <v>52</v>
      </c>
    </row>
    <row r="5" spans="1:100" ht="34.5" customHeight="1" thickBot="1" x14ac:dyDescent="0.25">
      <c r="A5" s="539"/>
      <c r="B5" s="351" t="s">
        <v>43</v>
      </c>
      <c r="C5" s="266" t="s">
        <v>44</v>
      </c>
      <c r="D5" s="267" t="s">
        <v>45</v>
      </c>
      <c r="E5" s="268" t="s">
        <v>83</v>
      </c>
      <c r="F5" s="260" t="s">
        <v>47</v>
      </c>
      <c r="G5" s="260" t="s">
        <v>48</v>
      </c>
      <c r="H5" s="260" t="s">
        <v>49</v>
      </c>
      <c r="I5" s="260" t="s">
        <v>50</v>
      </c>
      <c r="J5" s="260" t="s">
        <v>51</v>
      </c>
      <c r="K5" s="269" t="s">
        <v>45</v>
      </c>
      <c r="L5" s="531"/>
      <c r="M5" s="351" t="s">
        <v>43</v>
      </c>
      <c r="N5" s="260" t="s">
        <v>44</v>
      </c>
      <c r="O5" s="266" t="s">
        <v>45</v>
      </c>
      <c r="P5" s="268" t="s">
        <v>83</v>
      </c>
      <c r="Q5" s="260" t="s">
        <v>47</v>
      </c>
      <c r="R5" s="260" t="s">
        <v>48</v>
      </c>
      <c r="S5" s="260" t="s">
        <v>49</v>
      </c>
      <c r="T5" s="260" t="s">
        <v>50</v>
      </c>
      <c r="U5" s="260" t="s">
        <v>51</v>
      </c>
      <c r="V5" s="266" t="s">
        <v>45</v>
      </c>
      <c r="W5" s="531"/>
      <c r="X5" s="351" t="s">
        <v>43</v>
      </c>
      <c r="Y5" s="260" t="s">
        <v>44</v>
      </c>
      <c r="Z5" s="266" t="s">
        <v>45</v>
      </c>
      <c r="AA5" s="268" t="s">
        <v>83</v>
      </c>
      <c r="AB5" s="260" t="s">
        <v>47</v>
      </c>
      <c r="AC5" s="260" t="s">
        <v>48</v>
      </c>
      <c r="AD5" s="260" t="s">
        <v>49</v>
      </c>
      <c r="AE5" s="260" t="s">
        <v>50</v>
      </c>
      <c r="AF5" s="260" t="s">
        <v>51</v>
      </c>
      <c r="AG5" s="266" t="s">
        <v>45</v>
      </c>
      <c r="AH5" s="531"/>
      <c r="AI5" s="351" t="s">
        <v>43</v>
      </c>
      <c r="AJ5" s="260" t="s">
        <v>44</v>
      </c>
      <c r="AK5" s="266" t="s">
        <v>45</v>
      </c>
      <c r="AL5" s="268" t="s">
        <v>83</v>
      </c>
      <c r="AM5" s="260" t="s">
        <v>47</v>
      </c>
      <c r="AN5" s="260" t="s">
        <v>48</v>
      </c>
      <c r="AO5" s="260" t="s">
        <v>49</v>
      </c>
      <c r="AP5" s="260" t="s">
        <v>50</v>
      </c>
      <c r="AQ5" s="260" t="s">
        <v>51</v>
      </c>
      <c r="AR5" s="266" t="s">
        <v>45</v>
      </c>
      <c r="AS5" s="531"/>
      <c r="AT5" s="351" t="s">
        <v>43</v>
      </c>
      <c r="AU5" s="260" t="s">
        <v>44</v>
      </c>
      <c r="AV5" s="266" t="s">
        <v>45</v>
      </c>
      <c r="AW5" s="268" t="s">
        <v>83</v>
      </c>
      <c r="AX5" s="260" t="s">
        <v>47</v>
      </c>
      <c r="AY5" s="260" t="s">
        <v>48</v>
      </c>
      <c r="AZ5" s="260" t="s">
        <v>49</v>
      </c>
      <c r="BA5" s="260" t="s">
        <v>50</v>
      </c>
      <c r="BB5" s="260" t="s">
        <v>51</v>
      </c>
      <c r="BC5" s="266" t="s">
        <v>45</v>
      </c>
      <c r="BD5" s="564"/>
      <c r="BE5" s="351" t="s">
        <v>43</v>
      </c>
      <c r="BF5" s="260" t="s">
        <v>44</v>
      </c>
      <c r="BG5" s="266" t="s">
        <v>45</v>
      </c>
      <c r="BH5" s="268" t="s">
        <v>83</v>
      </c>
      <c r="BI5" s="260" t="s">
        <v>47</v>
      </c>
      <c r="BJ5" s="260" t="s">
        <v>48</v>
      </c>
      <c r="BK5" s="260" t="s">
        <v>49</v>
      </c>
      <c r="BL5" s="260" t="s">
        <v>50</v>
      </c>
      <c r="BM5" s="260" t="s">
        <v>51</v>
      </c>
      <c r="BN5" s="266" t="s">
        <v>45</v>
      </c>
      <c r="BO5" s="564"/>
      <c r="BP5" s="351" t="s">
        <v>43</v>
      </c>
      <c r="BQ5" s="260" t="s">
        <v>44</v>
      </c>
      <c r="BR5" s="266" t="s">
        <v>45</v>
      </c>
      <c r="BS5" s="268" t="s">
        <v>83</v>
      </c>
      <c r="BT5" s="260" t="s">
        <v>47</v>
      </c>
      <c r="BU5" s="260" t="s">
        <v>48</v>
      </c>
      <c r="BV5" s="260" t="s">
        <v>49</v>
      </c>
      <c r="BW5" s="260" t="s">
        <v>50</v>
      </c>
      <c r="BX5" s="260" t="s">
        <v>51</v>
      </c>
      <c r="BY5" s="266" t="s">
        <v>45</v>
      </c>
      <c r="BZ5" s="564"/>
      <c r="CA5" s="351" t="s">
        <v>43</v>
      </c>
      <c r="CB5" s="260" t="s">
        <v>44</v>
      </c>
      <c r="CC5" s="266" t="s">
        <v>45</v>
      </c>
      <c r="CD5" s="268" t="s">
        <v>83</v>
      </c>
      <c r="CE5" s="260" t="s">
        <v>47</v>
      </c>
      <c r="CF5" s="260" t="s">
        <v>48</v>
      </c>
      <c r="CG5" s="260" t="s">
        <v>49</v>
      </c>
      <c r="CH5" s="260" t="s">
        <v>50</v>
      </c>
      <c r="CI5" s="260" t="s">
        <v>51</v>
      </c>
      <c r="CJ5" s="266" t="s">
        <v>45</v>
      </c>
      <c r="CK5" s="564"/>
      <c r="CL5" s="351" t="s">
        <v>43</v>
      </c>
      <c r="CM5" s="260" t="s">
        <v>44</v>
      </c>
      <c r="CN5" s="266" t="s">
        <v>45</v>
      </c>
      <c r="CO5" s="268" t="s">
        <v>83</v>
      </c>
      <c r="CP5" s="260" t="s">
        <v>47</v>
      </c>
      <c r="CQ5" s="260" t="s">
        <v>48</v>
      </c>
      <c r="CR5" s="260" t="s">
        <v>49</v>
      </c>
      <c r="CS5" s="260" t="s">
        <v>50</v>
      </c>
      <c r="CT5" s="260" t="s">
        <v>51</v>
      </c>
      <c r="CU5" s="266" t="s">
        <v>45</v>
      </c>
      <c r="CV5" s="564"/>
    </row>
    <row r="6" spans="1:100" ht="21" customHeight="1" x14ac:dyDescent="0.2">
      <c r="A6" s="261" t="s">
        <v>4</v>
      </c>
      <c r="B6" s="270">
        <v>0</v>
      </c>
      <c r="C6" s="271">
        <v>0</v>
      </c>
      <c r="D6" s="272">
        <v>0</v>
      </c>
      <c r="E6" s="273">
        <v>0</v>
      </c>
      <c r="F6" s="274">
        <v>32</v>
      </c>
      <c r="G6" s="274">
        <v>33</v>
      </c>
      <c r="H6" s="274">
        <v>17</v>
      </c>
      <c r="I6" s="274">
        <v>27</v>
      </c>
      <c r="J6" s="274">
        <v>19</v>
      </c>
      <c r="K6" s="275">
        <v>128</v>
      </c>
      <c r="L6" s="276">
        <v>128</v>
      </c>
      <c r="M6" s="270">
        <v>0</v>
      </c>
      <c r="N6" s="274">
        <v>0</v>
      </c>
      <c r="O6" s="271">
        <v>0</v>
      </c>
      <c r="P6" s="273">
        <v>0</v>
      </c>
      <c r="Q6" s="274">
        <v>8</v>
      </c>
      <c r="R6" s="274">
        <v>36</v>
      </c>
      <c r="S6" s="274">
        <v>32</v>
      </c>
      <c r="T6" s="274">
        <v>27</v>
      </c>
      <c r="U6" s="274">
        <v>20</v>
      </c>
      <c r="V6" s="271">
        <v>123</v>
      </c>
      <c r="W6" s="276">
        <v>123</v>
      </c>
      <c r="X6" s="270">
        <v>0</v>
      </c>
      <c r="Y6" s="274">
        <v>0</v>
      </c>
      <c r="Z6" s="271">
        <v>0</v>
      </c>
      <c r="AA6" s="273">
        <v>0</v>
      </c>
      <c r="AB6" s="274">
        <v>807</v>
      </c>
      <c r="AC6" s="274">
        <v>630</v>
      </c>
      <c r="AD6" s="274">
        <v>277</v>
      </c>
      <c r="AE6" s="274">
        <v>135</v>
      </c>
      <c r="AF6" s="274">
        <v>61</v>
      </c>
      <c r="AG6" s="271">
        <v>1910</v>
      </c>
      <c r="AH6" s="276">
        <v>1910</v>
      </c>
      <c r="AI6" s="270">
        <v>2</v>
      </c>
      <c r="AJ6" s="274">
        <v>0</v>
      </c>
      <c r="AK6" s="271">
        <v>2</v>
      </c>
      <c r="AL6" s="273">
        <v>0</v>
      </c>
      <c r="AM6" s="274">
        <v>49</v>
      </c>
      <c r="AN6" s="274">
        <v>69</v>
      </c>
      <c r="AO6" s="274">
        <v>60</v>
      </c>
      <c r="AP6" s="274">
        <v>28</v>
      </c>
      <c r="AQ6" s="274">
        <v>26</v>
      </c>
      <c r="AR6" s="271">
        <v>232</v>
      </c>
      <c r="AS6" s="276">
        <v>234</v>
      </c>
      <c r="AT6" s="270">
        <v>14</v>
      </c>
      <c r="AU6" s="274">
        <v>13</v>
      </c>
      <c r="AV6" s="271">
        <v>27</v>
      </c>
      <c r="AW6" s="273">
        <v>0</v>
      </c>
      <c r="AX6" s="274">
        <v>75</v>
      </c>
      <c r="AY6" s="274">
        <v>45</v>
      </c>
      <c r="AZ6" s="274">
        <v>63</v>
      </c>
      <c r="BA6" s="274">
        <v>37</v>
      </c>
      <c r="BB6" s="274">
        <v>23</v>
      </c>
      <c r="BC6" s="271">
        <v>243</v>
      </c>
      <c r="BD6" s="276">
        <v>270</v>
      </c>
      <c r="BE6" s="270">
        <v>0</v>
      </c>
      <c r="BF6" s="274">
        <v>0</v>
      </c>
      <c r="BG6" s="271">
        <v>0</v>
      </c>
      <c r="BH6" s="273">
        <v>0</v>
      </c>
      <c r="BI6" s="274">
        <v>75</v>
      </c>
      <c r="BJ6" s="274">
        <v>111</v>
      </c>
      <c r="BK6" s="274">
        <v>133</v>
      </c>
      <c r="BL6" s="274">
        <v>90</v>
      </c>
      <c r="BM6" s="274">
        <v>57</v>
      </c>
      <c r="BN6" s="275">
        <v>466</v>
      </c>
      <c r="BO6" s="276">
        <v>466</v>
      </c>
      <c r="BP6" s="270">
        <v>0</v>
      </c>
      <c r="BQ6" s="274">
        <v>0</v>
      </c>
      <c r="BR6" s="271">
        <v>0</v>
      </c>
      <c r="BS6" s="273">
        <v>0</v>
      </c>
      <c r="BT6" s="274">
        <v>3</v>
      </c>
      <c r="BU6" s="274">
        <v>8</v>
      </c>
      <c r="BV6" s="274">
        <v>8</v>
      </c>
      <c r="BW6" s="274">
        <v>7</v>
      </c>
      <c r="BX6" s="274">
        <v>5</v>
      </c>
      <c r="BY6" s="271">
        <v>31</v>
      </c>
      <c r="BZ6" s="276">
        <v>31</v>
      </c>
      <c r="CA6" s="270">
        <v>0</v>
      </c>
      <c r="CB6" s="274">
        <v>0</v>
      </c>
      <c r="CC6" s="271">
        <v>0</v>
      </c>
      <c r="CD6" s="273">
        <v>0</v>
      </c>
      <c r="CE6" s="274">
        <v>1</v>
      </c>
      <c r="CF6" s="274">
        <v>2</v>
      </c>
      <c r="CG6" s="274">
        <v>11</v>
      </c>
      <c r="CH6" s="274">
        <v>20</v>
      </c>
      <c r="CI6" s="274">
        <v>9</v>
      </c>
      <c r="CJ6" s="271">
        <v>43</v>
      </c>
      <c r="CK6" s="276">
        <v>43</v>
      </c>
      <c r="CL6" s="270">
        <v>0</v>
      </c>
      <c r="CM6" s="274">
        <v>0</v>
      </c>
      <c r="CN6" s="271">
        <v>0</v>
      </c>
      <c r="CO6" s="273">
        <v>0</v>
      </c>
      <c r="CP6" s="274">
        <v>7</v>
      </c>
      <c r="CQ6" s="274">
        <v>15</v>
      </c>
      <c r="CR6" s="274">
        <v>16</v>
      </c>
      <c r="CS6" s="274">
        <v>25</v>
      </c>
      <c r="CT6" s="274">
        <v>30</v>
      </c>
      <c r="CU6" s="271">
        <v>93</v>
      </c>
      <c r="CV6" s="276">
        <v>93</v>
      </c>
    </row>
    <row r="7" spans="1:100" ht="21" customHeight="1" x14ac:dyDescent="0.2">
      <c r="A7" s="262" t="s">
        <v>5</v>
      </c>
      <c r="B7" s="277">
        <v>0</v>
      </c>
      <c r="C7" s="278">
        <v>0</v>
      </c>
      <c r="D7" s="279">
        <v>0</v>
      </c>
      <c r="E7" s="280">
        <v>0</v>
      </c>
      <c r="F7" s="281">
        <v>12</v>
      </c>
      <c r="G7" s="281">
        <v>17</v>
      </c>
      <c r="H7" s="281">
        <v>10</v>
      </c>
      <c r="I7" s="281">
        <v>10</v>
      </c>
      <c r="J7" s="281">
        <v>6</v>
      </c>
      <c r="K7" s="282">
        <v>55</v>
      </c>
      <c r="L7" s="283">
        <v>55</v>
      </c>
      <c r="M7" s="277">
        <v>0</v>
      </c>
      <c r="N7" s="281">
        <v>0</v>
      </c>
      <c r="O7" s="278">
        <v>0</v>
      </c>
      <c r="P7" s="280">
        <v>0</v>
      </c>
      <c r="Q7" s="281">
        <v>6</v>
      </c>
      <c r="R7" s="281">
        <v>30</v>
      </c>
      <c r="S7" s="281">
        <v>24</v>
      </c>
      <c r="T7" s="281">
        <v>18</v>
      </c>
      <c r="U7" s="281">
        <v>12</v>
      </c>
      <c r="V7" s="278">
        <v>90</v>
      </c>
      <c r="W7" s="283">
        <v>90</v>
      </c>
      <c r="X7" s="277">
        <v>0</v>
      </c>
      <c r="Y7" s="281">
        <v>0</v>
      </c>
      <c r="Z7" s="278">
        <v>0</v>
      </c>
      <c r="AA7" s="280">
        <v>0</v>
      </c>
      <c r="AB7" s="281">
        <v>308</v>
      </c>
      <c r="AC7" s="281">
        <v>340</v>
      </c>
      <c r="AD7" s="281">
        <v>111</v>
      </c>
      <c r="AE7" s="281">
        <v>57</v>
      </c>
      <c r="AF7" s="281">
        <v>31</v>
      </c>
      <c r="AG7" s="278">
        <v>847</v>
      </c>
      <c r="AH7" s="283">
        <v>847</v>
      </c>
      <c r="AI7" s="277">
        <v>2</v>
      </c>
      <c r="AJ7" s="281">
        <v>0</v>
      </c>
      <c r="AK7" s="278">
        <v>2</v>
      </c>
      <c r="AL7" s="280">
        <v>0</v>
      </c>
      <c r="AM7" s="281">
        <v>31</v>
      </c>
      <c r="AN7" s="281">
        <v>43</v>
      </c>
      <c r="AO7" s="281">
        <v>30</v>
      </c>
      <c r="AP7" s="281">
        <v>19</v>
      </c>
      <c r="AQ7" s="281">
        <v>18</v>
      </c>
      <c r="AR7" s="278">
        <v>141</v>
      </c>
      <c r="AS7" s="283">
        <v>143</v>
      </c>
      <c r="AT7" s="277">
        <v>9</v>
      </c>
      <c r="AU7" s="281">
        <v>6</v>
      </c>
      <c r="AV7" s="278">
        <v>15</v>
      </c>
      <c r="AW7" s="280">
        <v>0</v>
      </c>
      <c r="AX7" s="281">
        <v>28</v>
      </c>
      <c r="AY7" s="281">
        <v>16</v>
      </c>
      <c r="AZ7" s="281">
        <v>31</v>
      </c>
      <c r="BA7" s="281">
        <v>18</v>
      </c>
      <c r="BB7" s="281">
        <v>10</v>
      </c>
      <c r="BC7" s="278">
        <v>103</v>
      </c>
      <c r="BD7" s="283">
        <v>118</v>
      </c>
      <c r="BE7" s="277">
        <v>0</v>
      </c>
      <c r="BF7" s="281">
        <v>0</v>
      </c>
      <c r="BG7" s="278">
        <v>0</v>
      </c>
      <c r="BH7" s="280">
        <v>0</v>
      </c>
      <c r="BI7" s="281">
        <v>27</v>
      </c>
      <c r="BJ7" s="281">
        <v>41</v>
      </c>
      <c r="BK7" s="281">
        <v>62</v>
      </c>
      <c r="BL7" s="281">
        <v>34</v>
      </c>
      <c r="BM7" s="281">
        <v>18</v>
      </c>
      <c r="BN7" s="282">
        <v>182</v>
      </c>
      <c r="BO7" s="283">
        <v>182</v>
      </c>
      <c r="BP7" s="277">
        <v>0</v>
      </c>
      <c r="BQ7" s="281">
        <v>0</v>
      </c>
      <c r="BR7" s="278">
        <v>0</v>
      </c>
      <c r="BS7" s="280">
        <v>0</v>
      </c>
      <c r="BT7" s="281">
        <v>0</v>
      </c>
      <c r="BU7" s="281">
        <v>0</v>
      </c>
      <c r="BV7" s="281">
        <v>0</v>
      </c>
      <c r="BW7" s="281">
        <v>0</v>
      </c>
      <c r="BX7" s="281">
        <v>0</v>
      </c>
      <c r="BY7" s="278">
        <v>0</v>
      </c>
      <c r="BZ7" s="283">
        <v>0</v>
      </c>
      <c r="CA7" s="277">
        <v>0</v>
      </c>
      <c r="CB7" s="281">
        <v>0</v>
      </c>
      <c r="CC7" s="278">
        <v>0</v>
      </c>
      <c r="CD7" s="280">
        <v>0</v>
      </c>
      <c r="CE7" s="281">
        <v>0</v>
      </c>
      <c r="CF7" s="281">
        <v>0</v>
      </c>
      <c r="CG7" s="281">
        <v>1</v>
      </c>
      <c r="CH7" s="281">
        <v>1</v>
      </c>
      <c r="CI7" s="281">
        <v>0</v>
      </c>
      <c r="CJ7" s="278">
        <v>2</v>
      </c>
      <c r="CK7" s="283">
        <v>2</v>
      </c>
      <c r="CL7" s="277">
        <v>0</v>
      </c>
      <c r="CM7" s="281">
        <v>0</v>
      </c>
      <c r="CN7" s="278">
        <v>0</v>
      </c>
      <c r="CO7" s="280">
        <v>0</v>
      </c>
      <c r="CP7" s="281">
        <v>1</v>
      </c>
      <c r="CQ7" s="281">
        <v>4</v>
      </c>
      <c r="CR7" s="281">
        <v>6</v>
      </c>
      <c r="CS7" s="281">
        <v>7</v>
      </c>
      <c r="CT7" s="281">
        <v>14</v>
      </c>
      <c r="CU7" s="278">
        <v>32</v>
      </c>
      <c r="CV7" s="283">
        <v>32</v>
      </c>
    </row>
    <row r="8" spans="1:100" ht="21" customHeight="1" x14ac:dyDescent="0.2">
      <c r="A8" s="262" t="s">
        <v>6</v>
      </c>
      <c r="B8" s="277">
        <v>0</v>
      </c>
      <c r="C8" s="278">
        <v>0</v>
      </c>
      <c r="D8" s="279">
        <v>0</v>
      </c>
      <c r="E8" s="280">
        <v>0</v>
      </c>
      <c r="F8" s="281">
        <v>12</v>
      </c>
      <c r="G8" s="281">
        <v>7</v>
      </c>
      <c r="H8" s="281">
        <v>4</v>
      </c>
      <c r="I8" s="281">
        <v>7</v>
      </c>
      <c r="J8" s="281">
        <v>7</v>
      </c>
      <c r="K8" s="282">
        <v>37</v>
      </c>
      <c r="L8" s="283">
        <v>37</v>
      </c>
      <c r="M8" s="277">
        <v>0</v>
      </c>
      <c r="N8" s="281">
        <v>0</v>
      </c>
      <c r="O8" s="278">
        <v>0</v>
      </c>
      <c r="P8" s="280">
        <v>0</v>
      </c>
      <c r="Q8" s="281">
        <v>1</v>
      </c>
      <c r="R8" s="281">
        <v>5</v>
      </c>
      <c r="S8" s="281">
        <v>5</v>
      </c>
      <c r="T8" s="281">
        <v>7</v>
      </c>
      <c r="U8" s="281">
        <v>6</v>
      </c>
      <c r="V8" s="278">
        <v>24</v>
      </c>
      <c r="W8" s="283">
        <v>24</v>
      </c>
      <c r="X8" s="277">
        <v>0</v>
      </c>
      <c r="Y8" s="281">
        <v>0</v>
      </c>
      <c r="Z8" s="278">
        <v>0</v>
      </c>
      <c r="AA8" s="280">
        <v>0</v>
      </c>
      <c r="AB8" s="281">
        <v>150</v>
      </c>
      <c r="AC8" s="281">
        <v>67</v>
      </c>
      <c r="AD8" s="281">
        <v>42</v>
      </c>
      <c r="AE8" s="281">
        <v>24</v>
      </c>
      <c r="AF8" s="281">
        <v>10</v>
      </c>
      <c r="AG8" s="278">
        <v>293</v>
      </c>
      <c r="AH8" s="283">
        <v>293</v>
      </c>
      <c r="AI8" s="277">
        <v>0</v>
      </c>
      <c r="AJ8" s="281">
        <v>0</v>
      </c>
      <c r="AK8" s="278">
        <v>0</v>
      </c>
      <c r="AL8" s="280">
        <v>0</v>
      </c>
      <c r="AM8" s="281">
        <v>9</v>
      </c>
      <c r="AN8" s="281">
        <v>10</v>
      </c>
      <c r="AO8" s="281">
        <v>16</v>
      </c>
      <c r="AP8" s="281">
        <v>5</v>
      </c>
      <c r="AQ8" s="281">
        <v>3</v>
      </c>
      <c r="AR8" s="278">
        <v>43</v>
      </c>
      <c r="AS8" s="283">
        <v>43</v>
      </c>
      <c r="AT8" s="277">
        <v>1</v>
      </c>
      <c r="AU8" s="281">
        <v>4</v>
      </c>
      <c r="AV8" s="278">
        <v>5</v>
      </c>
      <c r="AW8" s="280">
        <v>0</v>
      </c>
      <c r="AX8" s="281">
        <v>16</v>
      </c>
      <c r="AY8" s="281">
        <v>9</v>
      </c>
      <c r="AZ8" s="281">
        <v>10</v>
      </c>
      <c r="BA8" s="281">
        <v>5</v>
      </c>
      <c r="BB8" s="281">
        <v>0</v>
      </c>
      <c r="BC8" s="278">
        <v>40</v>
      </c>
      <c r="BD8" s="283">
        <v>45</v>
      </c>
      <c r="BE8" s="277">
        <v>0</v>
      </c>
      <c r="BF8" s="281">
        <v>0</v>
      </c>
      <c r="BG8" s="278">
        <v>0</v>
      </c>
      <c r="BH8" s="280">
        <v>0</v>
      </c>
      <c r="BI8" s="281">
        <v>15</v>
      </c>
      <c r="BJ8" s="281">
        <v>28</v>
      </c>
      <c r="BK8" s="281">
        <v>26</v>
      </c>
      <c r="BL8" s="281">
        <v>13</v>
      </c>
      <c r="BM8" s="281">
        <v>15</v>
      </c>
      <c r="BN8" s="282">
        <v>97</v>
      </c>
      <c r="BO8" s="283">
        <v>97</v>
      </c>
      <c r="BP8" s="277">
        <v>0</v>
      </c>
      <c r="BQ8" s="281">
        <v>0</v>
      </c>
      <c r="BR8" s="278">
        <v>0</v>
      </c>
      <c r="BS8" s="280">
        <v>0</v>
      </c>
      <c r="BT8" s="281">
        <v>0</v>
      </c>
      <c r="BU8" s="281">
        <v>0</v>
      </c>
      <c r="BV8" s="281">
        <v>0</v>
      </c>
      <c r="BW8" s="281">
        <v>0</v>
      </c>
      <c r="BX8" s="281">
        <v>0</v>
      </c>
      <c r="BY8" s="278">
        <v>0</v>
      </c>
      <c r="BZ8" s="283">
        <v>0</v>
      </c>
      <c r="CA8" s="277">
        <v>0</v>
      </c>
      <c r="CB8" s="281">
        <v>0</v>
      </c>
      <c r="CC8" s="278">
        <v>0</v>
      </c>
      <c r="CD8" s="280">
        <v>0</v>
      </c>
      <c r="CE8" s="281">
        <v>1</v>
      </c>
      <c r="CF8" s="281">
        <v>0</v>
      </c>
      <c r="CG8" s="281">
        <v>6</v>
      </c>
      <c r="CH8" s="281">
        <v>10</v>
      </c>
      <c r="CI8" s="281">
        <v>1</v>
      </c>
      <c r="CJ8" s="278">
        <v>18</v>
      </c>
      <c r="CK8" s="283">
        <v>18</v>
      </c>
      <c r="CL8" s="277">
        <v>0</v>
      </c>
      <c r="CM8" s="281">
        <v>0</v>
      </c>
      <c r="CN8" s="278">
        <v>0</v>
      </c>
      <c r="CO8" s="280">
        <v>0</v>
      </c>
      <c r="CP8" s="281">
        <v>2</v>
      </c>
      <c r="CQ8" s="281">
        <v>5</v>
      </c>
      <c r="CR8" s="281">
        <v>3</v>
      </c>
      <c r="CS8" s="281">
        <v>9</v>
      </c>
      <c r="CT8" s="281">
        <v>5</v>
      </c>
      <c r="CU8" s="278">
        <v>24</v>
      </c>
      <c r="CV8" s="283">
        <v>24</v>
      </c>
    </row>
    <row r="9" spans="1:100" ht="21" customHeight="1" x14ac:dyDescent="0.2">
      <c r="A9" s="262" t="s">
        <v>14</v>
      </c>
      <c r="B9" s="277">
        <v>0</v>
      </c>
      <c r="C9" s="278">
        <v>0</v>
      </c>
      <c r="D9" s="279">
        <v>0</v>
      </c>
      <c r="E9" s="280">
        <v>0</v>
      </c>
      <c r="F9" s="281">
        <v>0</v>
      </c>
      <c r="G9" s="281">
        <v>0</v>
      </c>
      <c r="H9" s="281">
        <v>1</v>
      </c>
      <c r="I9" s="281">
        <v>1</v>
      </c>
      <c r="J9" s="281">
        <v>2</v>
      </c>
      <c r="K9" s="282">
        <v>4</v>
      </c>
      <c r="L9" s="283">
        <v>4</v>
      </c>
      <c r="M9" s="277">
        <v>0</v>
      </c>
      <c r="N9" s="281">
        <v>0</v>
      </c>
      <c r="O9" s="278">
        <v>0</v>
      </c>
      <c r="P9" s="280">
        <v>0</v>
      </c>
      <c r="Q9" s="281">
        <v>0</v>
      </c>
      <c r="R9" s="281">
        <v>0</v>
      </c>
      <c r="S9" s="281">
        <v>0</v>
      </c>
      <c r="T9" s="281">
        <v>1</v>
      </c>
      <c r="U9" s="281">
        <v>0</v>
      </c>
      <c r="V9" s="278">
        <v>1</v>
      </c>
      <c r="W9" s="283">
        <v>1</v>
      </c>
      <c r="X9" s="277">
        <v>0</v>
      </c>
      <c r="Y9" s="281">
        <v>0</v>
      </c>
      <c r="Z9" s="278">
        <v>0</v>
      </c>
      <c r="AA9" s="280">
        <v>0</v>
      </c>
      <c r="AB9" s="281">
        <v>51</v>
      </c>
      <c r="AC9" s="281">
        <v>39</v>
      </c>
      <c r="AD9" s="281">
        <v>24</v>
      </c>
      <c r="AE9" s="281">
        <v>5</v>
      </c>
      <c r="AF9" s="281">
        <v>4</v>
      </c>
      <c r="AG9" s="278">
        <v>123</v>
      </c>
      <c r="AH9" s="283">
        <v>123</v>
      </c>
      <c r="AI9" s="277">
        <v>0</v>
      </c>
      <c r="AJ9" s="281">
        <v>0</v>
      </c>
      <c r="AK9" s="278">
        <v>0</v>
      </c>
      <c r="AL9" s="280">
        <v>0</v>
      </c>
      <c r="AM9" s="281">
        <v>2</v>
      </c>
      <c r="AN9" s="281">
        <v>0</v>
      </c>
      <c r="AO9" s="281">
        <v>1</v>
      </c>
      <c r="AP9" s="281">
        <v>0</v>
      </c>
      <c r="AQ9" s="281">
        <v>1</v>
      </c>
      <c r="AR9" s="278">
        <v>4</v>
      </c>
      <c r="AS9" s="283">
        <v>4</v>
      </c>
      <c r="AT9" s="277">
        <v>0</v>
      </c>
      <c r="AU9" s="281">
        <v>0</v>
      </c>
      <c r="AV9" s="278">
        <v>0</v>
      </c>
      <c r="AW9" s="280">
        <v>0</v>
      </c>
      <c r="AX9" s="281">
        <v>4</v>
      </c>
      <c r="AY9" s="281">
        <v>5</v>
      </c>
      <c r="AZ9" s="281">
        <v>5</v>
      </c>
      <c r="BA9" s="281">
        <v>2</v>
      </c>
      <c r="BB9" s="281">
        <v>2</v>
      </c>
      <c r="BC9" s="278">
        <v>18</v>
      </c>
      <c r="BD9" s="283">
        <v>18</v>
      </c>
      <c r="BE9" s="277">
        <v>0</v>
      </c>
      <c r="BF9" s="281">
        <v>0</v>
      </c>
      <c r="BG9" s="278">
        <v>0</v>
      </c>
      <c r="BH9" s="280">
        <v>0</v>
      </c>
      <c r="BI9" s="281">
        <v>13</v>
      </c>
      <c r="BJ9" s="281">
        <v>9</v>
      </c>
      <c r="BK9" s="281">
        <v>8</v>
      </c>
      <c r="BL9" s="281">
        <v>12</v>
      </c>
      <c r="BM9" s="281">
        <v>4</v>
      </c>
      <c r="BN9" s="282">
        <v>46</v>
      </c>
      <c r="BO9" s="283">
        <v>46</v>
      </c>
      <c r="BP9" s="277">
        <v>0</v>
      </c>
      <c r="BQ9" s="281">
        <v>0</v>
      </c>
      <c r="BR9" s="278">
        <v>0</v>
      </c>
      <c r="BS9" s="280">
        <v>0</v>
      </c>
      <c r="BT9" s="281">
        <v>0</v>
      </c>
      <c r="BU9" s="281">
        <v>0</v>
      </c>
      <c r="BV9" s="281">
        <v>0</v>
      </c>
      <c r="BW9" s="281">
        <v>0</v>
      </c>
      <c r="BX9" s="281">
        <v>0</v>
      </c>
      <c r="BY9" s="278">
        <v>0</v>
      </c>
      <c r="BZ9" s="283">
        <v>0</v>
      </c>
      <c r="CA9" s="277">
        <v>0</v>
      </c>
      <c r="CB9" s="281">
        <v>0</v>
      </c>
      <c r="CC9" s="278">
        <v>0</v>
      </c>
      <c r="CD9" s="280">
        <v>0</v>
      </c>
      <c r="CE9" s="281">
        <v>0</v>
      </c>
      <c r="CF9" s="281">
        <v>1</v>
      </c>
      <c r="CG9" s="281">
        <v>0</v>
      </c>
      <c r="CH9" s="281">
        <v>0</v>
      </c>
      <c r="CI9" s="281">
        <v>0</v>
      </c>
      <c r="CJ9" s="278">
        <v>1</v>
      </c>
      <c r="CK9" s="283">
        <v>1</v>
      </c>
      <c r="CL9" s="277">
        <v>0</v>
      </c>
      <c r="CM9" s="281">
        <v>0</v>
      </c>
      <c r="CN9" s="278">
        <v>0</v>
      </c>
      <c r="CO9" s="280">
        <v>0</v>
      </c>
      <c r="CP9" s="281">
        <v>1</v>
      </c>
      <c r="CQ9" s="281">
        <v>2</v>
      </c>
      <c r="CR9" s="281">
        <v>0</v>
      </c>
      <c r="CS9" s="281">
        <v>2</v>
      </c>
      <c r="CT9" s="281">
        <v>0</v>
      </c>
      <c r="CU9" s="278">
        <v>5</v>
      </c>
      <c r="CV9" s="283">
        <v>5</v>
      </c>
    </row>
    <row r="10" spans="1:100" ht="21" customHeight="1" x14ac:dyDescent="0.2">
      <c r="A10" s="262" t="s">
        <v>7</v>
      </c>
      <c r="B10" s="277">
        <v>0</v>
      </c>
      <c r="C10" s="278">
        <v>0</v>
      </c>
      <c r="D10" s="279">
        <v>0</v>
      </c>
      <c r="E10" s="280">
        <v>0</v>
      </c>
      <c r="F10" s="281">
        <v>0</v>
      </c>
      <c r="G10" s="281">
        <v>0</v>
      </c>
      <c r="H10" s="281">
        <v>1</v>
      </c>
      <c r="I10" s="281">
        <v>0</v>
      </c>
      <c r="J10" s="281">
        <v>0</v>
      </c>
      <c r="K10" s="282">
        <v>1</v>
      </c>
      <c r="L10" s="283">
        <v>1</v>
      </c>
      <c r="M10" s="277">
        <v>0</v>
      </c>
      <c r="N10" s="281">
        <v>0</v>
      </c>
      <c r="O10" s="278">
        <v>0</v>
      </c>
      <c r="P10" s="280">
        <v>0</v>
      </c>
      <c r="Q10" s="281">
        <v>0</v>
      </c>
      <c r="R10" s="281">
        <v>0</v>
      </c>
      <c r="S10" s="281">
        <v>0</v>
      </c>
      <c r="T10" s="281">
        <v>0</v>
      </c>
      <c r="U10" s="281">
        <v>0</v>
      </c>
      <c r="V10" s="278">
        <v>0</v>
      </c>
      <c r="W10" s="283">
        <v>0</v>
      </c>
      <c r="X10" s="277">
        <v>0</v>
      </c>
      <c r="Y10" s="281">
        <v>0</v>
      </c>
      <c r="Z10" s="278">
        <v>0</v>
      </c>
      <c r="AA10" s="280">
        <v>0</v>
      </c>
      <c r="AB10" s="281">
        <v>21</v>
      </c>
      <c r="AC10" s="281">
        <v>16</v>
      </c>
      <c r="AD10" s="281">
        <v>14</v>
      </c>
      <c r="AE10" s="281">
        <v>5</v>
      </c>
      <c r="AF10" s="281">
        <v>1</v>
      </c>
      <c r="AG10" s="278">
        <v>57</v>
      </c>
      <c r="AH10" s="283">
        <v>57</v>
      </c>
      <c r="AI10" s="277">
        <v>0</v>
      </c>
      <c r="AJ10" s="281">
        <v>0</v>
      </c>
      <c r="AK10" s="278">
        <v>0</v>
      </c>
      <c r="AL10" s="280">
        <v>0</v>
      </c>
      <c r="AM10" s="281">
        <v>1</v>
      </c>
      <c r="AN10" s="281">
        <v>4</v>
      </c>
      <c r="AO10" s="281">
        <v>5</v>
      </c>
      <c r="AP10" s="281">
        <v>2</v>
      </c>
      <c r="AQ10" s="281">
        <v>0</v>
      </c>
      <c r="AR10" s="278">
        <v>12</v>
      </c>
      <c r="AS10" s="283">
        <v>12</v>
      </c>
      <c r="AT10" s="277">
        <v>0</v>
      </c>
      <c r="AU10" s="281">
        <v>0</v>
      </c>
      <c r="AV10" s="278">
        <v>0</v>
      </c>
      <c r="AW10" s="280">
        <v>0</v>
      </c>
      <c r="AX10" s="281">
        <v>0</v>
      </c>
      <c r="AY10" s="281">
        <v>2</v>
      </c>
      <c r="AZ10" s="281">
        <v>1</v>
      </c>
      <c r="BA10" s="281">
        <v>0</v>
      </c>
      <c r="BB10" s="281">
        <v>0</v>
      </c>
      <c r="BC10" s="278">
        <v>3</v>
      </c>
      <c r="BD10" s="283">
        <v>3</v>
      </c>
      <c r="BE10" s="277">
        <v>0</v>
      </c>
      <c r="BF10" s="281">
        <v>0</v>
      </c>
      <c r="BG10" s="278">
        <v>0</v>
      </c>
      <c r="BH10" s="280">
        <v>0</v>
      </c>
      <c r="BI10" s="281">
        <v>3</v>
      </c>
      <c r="BJ10" s="281">
        <v>2</v>
      </c>
      <c r="BK10" s="281">
        <v>7</v>
      </c>
      <c r="BL10" s="281">
        <v>2</v>
      </c>
      <c r="BM10" s="281">
        <v>1</v>
      </c>
      <c r="BN10" s="282">
        <v>15</v>
      </c>
      <c r="BO10" s="283">
        <v>15</v>
      </c>
      <c r="BP10" s="277">
        <v>0</v>
      </c>
      <c r="BQ10" s="281">
        <v>0</v>
      </c>
      <c r="BR10" s="278">
        <v>0</v>
      </c>
      <c r="BS10" s="280">
        <v>0</v>
      </c>
      <c r="BT10" s="281">
        <v>0</v>
      </c>
      <c r="BU10" s="281">
        <v>0</v>
      </c>
      <c r="BV10" s="281">
        <v>0</v>
      </c>
      <c r="BW10" s="281">
        <v>0</v>
      </c>
      <c r="BX10" s="281">
        <v>0</v>
      </c>
      <c r="BY10" s="278">
        <v>0</v>
      </c>
      <c r="BZ10" s="283">
        <v>0</v>
      </c>
      <c r="CA10" s="277">
        <v>0</v>
      </c>
      <c r="CB10" s="281">
        <v>0</v>
      </c>
      <c r="CC10" s="278">
        <v>0</v>
      </c>
      <c r="CD10" s="280">
        <v>0</v>
      </c>
      <c r="CE10" s="281">
        <v>0</v>
      </c>
      <c r="CF10" s="281">
        <v>0</v>
      </c>
      <c r="CG10" s="281">
        <v>0</v>
      </c>
      <c r="CH10" s="281">
        <v>0</v>
      </c>
      <c r="CI10" s="281">
        <v>0</v>
      </c>
      <c r="CJ10" s="278">
        <v>0</v>
      </c>
      <c r="CK10" s="283">
        <v>0</v>
      </c>
      <c r="CL10" s="277">
        <v>0</v>
      </c>
      <c r="CM10" s="281">
        <v>0</v>
      </c>
      <c r="CN10" s="278">
        <v>0</v>
      </c>
      <c r="CO10" s="280">
        <v>0</v>
      </c>
      <c r="CP10" s="281">
        <v>0</v>
      </c>
      <c r="CQ10" s="281">
        <v>0</v>
      </c>
      <c r="CR10" s="281">
        <v>0</v>
      </c>
      <c r="CS10" s="281">
        <v>0</v>
      </c>
      <c r="CT10" s="281">
        <v>2</v>
      </c>
      <c r="CU10" s="278">
        <v>2</v>
      </c>
      <c r="CV10" s="283">
        <v>2</v>
      </c>
    </row>
    <row r="11" spans="1:100" ht="21" customHeight="1" x14ac:dyDescent="0.2">
      <c r="A11" s="262" t="s">
        <v>8</v>
      </c>
      <c r="B11" s="277">
        <v>0</v>
      </c>
      <c r="C11" s="278">
        <v>0</v>
      </c>
      <c r="D11" s="279">
        <v>0</v>
      </c>
      <c r="E11" s="280">
        <v>0</v>
      </c>
      <c r="F11" s="281">
        <v>0</v>
      </c>
      <c r="G11" s="281">
        <v>0</v>
      </c>
      <c r="H11" s="281">
        <v>0</v>
      </c>
      <c r="I11" s="281">
        <v>2</v>
      </c>
      <c r="J11" s="281">
        <v>0</v>
      </c>
      <c r="K11" s="282">
        <v>2</v>
      </c>
      <c r="L11" s="283">
        <v>2</v>
      </c>
      <c r="M11" s="277">
        <v>0</v>
      </c>
      <c r="N11" s="281">
        <v>0</v>
      </c>
      <c r="O11" s="278">
        <v>0</v>
      </c>
      <c r="P11" s="280">
        <v>0</v>
      </c>
      <c r="Q11" s="281">
        <v>0</v>
      </c>
      <c r="R11" s="281">
        <v>0</v>
      </c>
      <c r="S11" s="281">
        <v>0</v>
      </c>
      <c r="T11" s="281">
        <v>0</v>
      </c>
      <c r="U11" s="281">
        <v>0</v>
      </c>
      <c r="V11" s="278">
        <v>0</v>
      </c>
      <c r="W11" s="283">
        <v>0</v>
      </c>
      <c r="X11" s="277">
        <v>0</v>
      </c>
      <c r="Y11" s="281">
        <v>0</v>
      </c>
      <c r="Z11" s="278">
        <v>0</v>
      </c>
      <c r="AA11" s="280">
        <v>0</v>
      </c>
      <c r="AB11" s="281">
        <v>30</v>
      </c>
      <c r="AC11" s="281">
        <v>21</v>
      </c>
      <c r="AD11" s="281">
        <v>6</v>
      </c>
      <c r="AE11" s="281">
        <v>3</v>
      </c>
      <c r="AF11" s="281">
        <v>2</v>
      </c>
      <c r="AG11" s="278">
        <v>62</v>
      </c>
      <c r="AH11" s="283">
        <v>62</v>
      </c>
      <c r="AI11" s="277">
        <v>0</v>
      </c>
      <c r="AJ11" s="281">
        <v>0</v>
      </c>
      <c r="AK11" s="278">
        <v>0</v>
      </c>
      <c r="AL11" s="280">
        <v>0</v>
      </c>
      <c r="AM11" s="281">
        <v>0</v>
      </c>
      <c r="AN11" s="281">
        <v>2</v>
      </c>
      <c r="AO11" s="281">
        <v>0</v>
      </c>
      <c r="AP11" s="281">
        <v>0</v>
      </c>
      <c r="AQ11" s="281">
        <v>0</v>
      </c>
      <c r="AR11" s="278">
        <v>2</v>
      </c>
      <c r="AS11" s="283">
        <v>2</v>
      </c>
      <c r="AT11" s="277">
        <v>0</v>
      </c>
      <c r="AU11" s="281">
        <v>0</v>
      </c>
      <c r="AV11" s="278">
        <v>0</v>
      </c>
      <c r="AW11" s="280">
        <v>0</v>
      </c>
      <c r="AX11" s="281">
        <v>2</v>
      </c>
      <c r="AY11" s="281">
        <v>0</v>
      </c>
      <c r="AZ11" s="281">
        <v>1</v>
      </c>
      <c r="BA11" s="281">
        <v>0</v>
      </c>
      <c r="BB11" s="281">
        <v>0</v>
      </c>
      <c r="BC11" s="278">
        <v>3</v>
      </c>
      <c r="BD11" s="283">
        <v>3</v>
      </c>
      <c r="BE11" s="277">
        <v>0</v>
      </c>
      <c r="BF11" s="281">
        <v>0</v>
      </c>
      <c r="BG11" s="278">
        <v>0</v>
      </c>
      <c r="BH11" s="280">
        <v>0</v>
      </c>
      <c r="BI11" s="281">
        <v>0</v>
      </c>
      <c r="BJ11" s="281">
        <v>1</v>
      </c>
      <c r="BK11" s="281">
        <v>0</v>
      </c>
      <c r="BL11" s="281">
        <v>5</v>
      </c>
      <c r="BM11" s="281">
        <v>0</v>
      </c>
      <c r="BN11" s="282">
        <v>6</v>
      </c>
      <c r="BO11" s="283">
        <v>6</v>
      </c>
      <c r="BP11" s="277">
        <v>0</v>
      </c>
      <c r="BQ11" s="281">
        <v>0</v>
      </c>
      <c r="BR11" s="278">
        <v>0</v>
      </c>
      <c r="BS11" s="280">
        <v>0</v>
      </c>
      <c r="BT11" s="281">
        <v>0</v>
      </c>
      <c r="BU11" s="281">
        <v>1</v>
      </c>
      <c r="BV11" s="281">
        <v>0</v>
      </c>
      <c r="BW11" s="281">
        <v>1</v>
      </c>
      <c r="BX11" s="281">
        <v>0</v>
      </c>
      <c r="BY11" s="278">
        <v>2</v>
      </c>
      <c r="BZ11" s="283">
        <v>2</v>
      </c>
      <c r="CA11" s="277">
        <v>0</v>
      </c>
      <c r="CB11" s="281">
        <v>0</v>
      </c>
      <c r="CC11" s="278">
        <v>0</v>
      </c>
      <c r="CD11" s="280">
        <v>0</v>
      </c>
      <c r="CE11" s="281">
        <v>0</v>
      </c>
      <c r="CF11" s="281">
        <v>0</v>
      </c>
      <c r="CG11" s="281">
        <v>0</v>
      </c>
      <c r="CH11" s="281">
        <v>1</v>
      </c>
      <c r="CI11" s="281">
        <v>1</v>
      </c>
      <c r="CJ11" s="278">
        <v>2</v>
      </c>
      <c r="CK11" s="283">
        <v>2</v>
      </c>
      <c r="CL11" s="277">
        <v>0</v>
      </c>
      <c r="CM11" s="281">
        <v>0</v>
      </c>
      <c r="CN11" s="278">
        <v>0</v>
      </c>
      <c r="CO11" s="280">
        <v>0</v>
      </c>
      <c r="CP11" s="281">
        <v>0</v>
      </c>
      <c r="CQ11" s="281">
        <v>0</v>
      </c>
      <c r="CR11" s="281">
        <v>0</v>
      </c>
      <c r="CS11" s="281">
        <v>0</v>
      </c>
      <c r="CT11" s="281">
        <v>0</v>
      </c>
      <c r="CU11" s="278">
        <v>0</v>
      </c>
      <c r="CV11" s="283">
        <v>0</v>
      </c>
    </row>
    <row r="12" spans="1:100" ht="21" customHeight="1" x14ac:dyDescent="0.2">
      <c r="A12" s="262" t="s">
        <v>9</v>
      </c>
      <c r="B12" s="277">
        <v>0</v>
      </c>
      <c r="C12" s="278">
        <v>0</v>
      </c>
      <c r="D12" s="279">
        <v>0</v>
      </c>
      <c r="E12" s="280">
        <v>0</v>
      </c>
      <c r="F12" s="281">
        <v>0</v>
      </c>
      <c r="G12" s="281">
        <v>1</v>
      </c>
      <c r="H12" s="281">
        <v>0</v>
      </c>
      <c r="I12" s="281">
        <v>3</v>
      </c>
      <c r="J12" s="281">
        <v>0</v>
      </c>
      <c r="K12" s="282">
        <v>4</v>
      </c>
      <c r="L12" s="283">
        <v>4</v>
      </c>
      <c r="M12" s="277">
        <v>0</v>
      </c>
      <c r="N12" s="281">
        <v>0</v>
      </c>
      <c r="O12" s="278">
        <v>0</v>
      </c>
      <c r="P12" s="280">
        <v>0</v>
      </c>
      <c r="Q12" s="281">
        <v>0</v>
      </c>
      <c r="R12" s="281">
        <v>0</v>
      </c>
      <c r="S12" s="281">
        <v>0</v>
      </c>
      <c r="T12" s="281">
        <v>0</v>
      </c>
      <c r="U12" s="281">
        <v>0</v>
      </c>
      <c r="V12" s="278">
        <v>0</v>
      </c>
      <c r="W12" s="283">
        <v>0</v>
      </c>
      <c r="X12" s="277">
        <v>0</v>
      </c>
      <c r="Y12" s="281">
        <v>0</v>
      </c>
      <c r="Z12" s="278">
        <v>0</v>
      </c>
      <c r="AA12" s="280">
        <v>0</v>
      </c>
      <c r="AB12" s="281">
        <v>41</v>
      </c>
      <c r="AC12" s="281">
        <v>33</v>
      </c>
      <c r="AD12" s="281">
        <v>18</v>
      </c>
      <c r="AE12" s="281">
        <v>9</v>
      </c>
      <c r="AF12" s="281">
        <v>1</v>
      </c>
      <c r="AG12" s="278">
        <v>102</v>
      </c>
      <c r="AH12" s="283">
        <v>102</v>
      </c>
      <c r="AI12" s="277">
        <v>0</v>
      </c>
      <c r="AJ12" s="281">
        <v>0</v>
      </c>
      <c r="AK12" s="278">
        <v>0</v>
      </c>
      <c r="AL12" s="280">
        <v>0</v>
      </c>
      <c r="AM12" s="281">
        <v>2</v>
      </c>
      <c r="AN12" s="281">
        <v>0</v>
      </c>
      <c r="AO12" s="281">
        <v>1</v>
      </c>
      <c r="AP12" s="281">
        <v>0</v>
      </c>
      <c r="AQ12" s="281">
        <v>1</v>
      </c>
      <c r="AR12" s="278">
        <v>4</v>
      </c>
      <c r="AS12" s="283">
        <v>4</v>
      </c>
      <c r="AT12" s="277">
        <v>1</v>
      </c>
      <c r="AU12" s="281">
        <v>0</v>
      </c>
      <c r="AV12" s="278">
        <v>1</v>
      </c>
      <c r="AW12" s="280">
        <v>0</v>
      </c>
      <c r="AX12" s="281">
        <v>5</v>
      </c>
      <c r="AY12" s="281">
        <v>2</v>
      </c>
      <c r="AZ12" s="281">
        <v>3</v>
      </c>
      <c r="BA12" s="281">
        <v>4</v>
      </c>
      <c r="BB12" s="281">
        <v>1</v>
      </c>
      <c r="BC12" s="278">
        <v>15</v>
      </c>
      <c r="BD12" s="283">
        <v>16</v>
      </c>
      <c r="BE12" s="277">
        <v>0</v>
      </c>
      <c r="BF12" s="281">
        <v>0</v>
      </c>
      <c r="BG12" s="278">
        <v>0</v>
      </c>
      <c r="BH12" s="280">
        <v>0</v>
      </c>
      <c r="BI12" s="281">
        <v>0</v>
      </c>
      <c r="BJ12" s="281">
        <v>5</v>
      </c>
      <c r="BK12" s="281">
        <v>5</v>
      </c>
      <c r="BL12" s="281">
        <v>3</v>
      </c>
      <c r="BM12" s="281">
        <v>1</v>
      </c>
      <c r="BN12" s="282">
        <v>14</v>
      </c>
      <c r="BO12" s="283">
        <v>14</v>
      </c>
      <c r="BP12" s="277">
        <v>0</v>
      </c>
      <c r="BQ12" s="281">
        <v>0</v>
      </c>
      <c r="BR12" s="278">
        <v>0</v>
      </c>
      <c r="BS12" s="280">
        <v>0</v>
      </c>
      <c r="BT12" s="281">
        <v>0</v>
      </c>
      <c r="BU12" s="281">
        <v>2</v>
      </c>
      <c r="BV12" s="281">
        <v>0</v>
      </c>
      <c r="BW12" s="281">
        <v>1</v>
      </c>
      <c r="BX12" s="281">
        <v>0</v>
      </c>
      <c r="BY12" s="278">
        <v>3</v>
      </c>
      <c r="BZ12" s="283">
        <v>3</v>
      </c>
      <c r="CA12" s="277">
        <v>0</v>
      </c>
      <c r="CB12" s="281">
        <v>0</v>
      </c>
      <c r="CC12" s="278">
        <v>0</v>
      </c>
      <c r="CD12" s="280">
        <v>0</v>
      </c>
      <c r="CE12" s="281">
        <v>0</v>
      </c>
      <c r="CF12" s="281">
        <v>0</v>
      </c>
      <c r="CG12" s="281">
        <v>0</v>
      </c>
      <c r="CH12" s="281">
        <v>0</v>
      </c>
      <c r="CI12" s="281">
        <v>0</v>
      </c>
      <c r="CJ12" s="278">
        <v>0</v>
      </c>
      <c r="CK12" s="283">
        <v>0</v>
      </c>
      <c r="CL12" s="277">
        <v>0</v>
      </c>
      <c r="CM12" s="281">
        <v>0</v>
      </c>
      <c r="CN12" s="278">
        <v>0</v>
      </c>
      <c r="CO12" s="280">
        <v>0</v>
      </c>
      <c r="CP12" s="281">
        <v>0</v>
      </c>
      <c r="CQ12" s="281">
        <v>1</v>
      </c>
      <c r="CR12" s="281">
        <v>2</v>
      </c>
      <c r="CS12" s="281">
        <v>3</v>
      </c>
      <c r="CT12" s="281">
        <v>1</v>
      </c>
      <c r="CU12" s="278">
        <v>7</v>
      </c>
      <c r="CV12" s="283">
        <v>7</v>
      </c>
    </row>
    <row r="13" spans="1:100" ht="21" customHeight="1" x14ac:dyDescent="0.2">
      <c r="A13" s="262" t="s">
        <v>10</v>
      </c>
      <c r="B13" s="277">
        <v>0</v>
      </c>
      <c r="C13" s="278">
        <v>0</v>
      </c>
      <c r="D13" s="279">
        <v>0</v>
      </c>
      <c r="E13" s="280">
        <v>0</v>
      </c>
      <c r="F13" s="281">
        <v>2</v>
      </c>
      <c r="G13" s="281">
        <v>3</v>
      </c>
      <c r="H13" s="281">
        <v>0</v>
      </c>
      <c r="I13" s="281">
        <v>1</v>
      </c>
      <c r="J13" s="281">
        <v>1</v>
      </c>
      <c r="K13" s="282">
        <v>7</v>
      </c>
      <c r="L13" s="283">
        <v>7</v>
      </c>
      <c r="M13" s="277">
        <v>0</v>
      </c>
      <c r="N13" s="281">
        <v>0</v>
      </c>
      <c r="O13" s="278">
        <v>0</v>
      </c>
      <c r="P13" s="280">
        <v>0</v>
      </c>
      <c r="Q13" s="281">
        <v>0</v>
      </c>
      <c r="R13" s="281">
        <v>1</v>
      </c>
      <c r="S13" s="281">
        <v>1</v>
      </c>
      <c r="T13" s="281">
        <v>0</v>
      </c>
      <c r="U13" s="281">
        <v>1</v>
      </c>
      <c r="V13" s="278">
        <v>3</v>
      </c>
      <c r="W13" s="283">
        <v>3</v>
      </c>
      <c r="X13" s="277">
        <v>0</v>
      </c>
      <c r="Y13" s="281">
        <v>0</v>
      </c>
      <c r="Z13" s="278">
        <v>0</v>
      </c>
      <c r="AA13" s="280">
        <v>0</v>
      </c>
      <c r="AB13" s="281">
        <v>42</v>
      </c>
      <c r="AC13" s="281">
        <v>15</v>
      </c>
      <c r="AD13" s="281">
        <v>9</v>
      </c>
      <c r="AE13" s="281">
        <v>4</v>
      </c>
      <c r="AF13" s="281">
        <v>1</v>
      </c>
      <c r="AG13" s="278">
        <v>71</v>
      </c>
      <c r="AH13" s="283">
        <v>71</v>
      </c>
      <c r="AI13" s="277">
        <v>0</v>
      </c>
      <c r="AJ13" s="281">
        <v>0</v>
      </c>
      <c r="AK13" s="278">
        <v>0</v>
      </c>
      <c r="AL13" s="280">
        <v>0</v>
      </c>
      <c r="AM13" s="281">
        <v>2</v>
      </c>
      <c r="AN13" s="281">
        <v>2</v>
      </c>
      <c r="AO13" s="281">
        <v>1</v>
      </c>
      <c r="AP13" s="281">
        <v>1</v>
      </c>
      <c r="AQ13" s="281">
        <v>0</v>
      </c>
      <c r="AR13" s="278">
        <v>6</v>
      </c>
      <c r="AS13" s="283">
        <v>6</v>
      </c>
      <c r="AT13" s="277">
        <v>1</v>
      </c>
      <c r="AU13" s="281">
        <v>2</v>
      </c>
      <c r="AV13" s="278">
        <v>3</v>
      </c>
      <c r="AW13" s="280">
        <v>0</v>
      </c>
      <c r="AX13" s="281">
        <v>5</v>
      </c>
      <c r="AY13" s="281">
        <v>2</v>
      </c>
      <c r="AZ13" s="281">
        <v>4</v>
      </c>
      <c r="BA13" s="281">
        <v>2</v>
      </c>
      <c r="BB13" s="281">
        <v>3</v>
      </c>
      <c r="BC13" s="278">
        <v>16</v>
      </c>
      <c r="BD13" s="283">
        <v>19</v>
      </c>
      <c r="BE13" s="277">
        <v>0</v>
      </c>
      <c r="BF13" s="281">
        <v>0</v>
      </c>
      <c r="BG13" s="278">
        <v>0</v>
      </c>
      <c r="BH13" s="280">
        <v>0</v>
      </c>
      <c r="BI13" s="281">
        <v>4</v>
      </c>
      <c r="BJ13" s="281">
        <v>7</v>
      </c>
      <c r="BK13" s="281">
        <v>5</v>
      </c>
      <c r="BL13" s="281">
        <v>5</v>
      </c>
      <c r="BM13" s="281">
        <v>7</v>
      </c>
      <c r="BN13" s="282">
        <v>28</v>
      </c>
      <c r="BO13" s="283">
        <v>28</v>
      </c>
      <c r="BP13" s="277">
        <v>0</v>
      </c>
      <c r="BQ13" s="281">
        <v>0</v>
      </c>
      <c r="BR13" s="278">
        <v>0</v>
      </c>
      <c r="BS13" s="280">
        <v>0</v>
      </c>
      <c r="BT13" s="281">
        <v>3</v>
      </c>
      <c r="BU13" s="281">
        <v>3</v>
      </c>
      <c r="BV13" s="281">
        <v>6</v>
      </c>
      <c r="BW13" s="281">
        <v>2</v>
      </c>
      <c r="BX13" s="281">
        <v>5</v>
      </c>
      <c r="BY13" s="278">
        <v>19</v>
      </c>
      <c r="BZ13" s="283">
        <v>19</v>
      </c>
      <c r="CA13" s="277">
        <v>0</v>
      </c>
      <c r="CB13" s="281">
        <v>0</v>
      </c>
      <c r="CC13" s="278">
        <v>0</v>
      </c>
      <c r="CD13" s="280">
        <v>0</v>
      </c>
      <c r="CE13" s="281">
        <v>0</v>
      </c>
      <c r="CF13" s="281">
        <v>0</v>
      </c>
      <c r="CG13" s="281">
        <v>0</v>
      </c>
      <c r="CH13" s="281">
        <v>3</v>
      </c>
      <c r="CI13" s="281">
        <v>2</v>
      </c>
      <c r="CJ13" s="278">
        <v>5</v>
      </c>
      <c r="CK13" s="283">
        <v>5</v>
      </c>
      <c r="CL13" s="277">
        <v>0</v>
      </c>
      <c r="CM13" s="281">
        <v>0</v>
      </c>
      <c r="CN13" s="278">
        <v>0</v>
      </c>
      <c r="CO13" s="280">
        <v>0</v>
      </c>
      <c r="CP13" s="281">
        <v>2</v>
      </c>
      <c r="CQ13" s="281">
        <v>0</v>
      </c>
      <c r="CR13" s="281">
        <v>2</v>
      </c>
      <c r="CS13" s="281">
        <v>0</v>
      </c>
      <c r="CT13" s="281">
        <v>3</v>
      </c>
      <c r="CU13" s="278">
        <v>7</v>
      </c>
      <c r="CV13" s="283">
        <v>7</v>
      </c>
    </row>
    <row r="14" spans="1:100" ht="21" customHeight="1" x14ac:dyDescent="0.2">
      <c r="A14" s="262" t="s">
        <v>11</v>
      </c>
      <c r="B14" s="277">
        <v>0</v>
      </c>
      <c r="C14" s="278">
        <v>0</v>
      </c>
      <c r="D14" s="279">
        <v>0</v>
      </c>
      <c r="E14" s="280">
        <v>0</v>
      </c>
      <c r="F14" s="281">
        <v>2</v>
      </c>
      <c r="G14" s="281">
        <v>1</v>
      </c>
      <c r="H14" s="281">
        <v>1</v>
      </c>
      <c r="I14" s="281">
        <v>0</v>
      </c>
      <c r="J14" s="281">
        <v>1</v>
      </c>
      <c r="K14" s="282">
        <v>5</v>
      </c>
      <c r="L14" s="283">
        <v>5</v>
      </c>
      <c r="M14" s="277">
        <v>0</v>
      </c>
      <c r="N14" s="281">
        <v>0</v>
      </c>
      <c r="O14" s="278">
        <v>0</v>
      </c>
      <c r="P14" s="280">
        <v>0</v>
      </c>
      <c r="Q14" s="281">
        <v>1</v>
      </c>
      <c r="R14" s="281">
        <v>0</v>
      </c>
      <c r="S14" s="281">
        <v>0</v>
      </c>
      <c r="T14" s="281">
        <v>0</v>
      </c>
      <c r="U14" s="281">
        <v>1</v>
      </c>
      <c r="V14" s="278">
        <v>2</v>
      </c>
      <c r="W14" s="283">
        <v>2</v>
      </c>
      <c r="X14" s="277">
        <v>0</v>
      </c>
      <c r="Y14" s="281">
        <v>0</v>
      </c>
      <c r="Z14" s="278">
        <v>0</v>
      </c>
      <c r="AA14" s="280">
        <v>0</v>
      </c>
      <c r="AB14" s="281">
        <v>21</v>
      </c>
      <c r="AC14" s="281">
        <v>5</v>
      </c>
      <c r="AD14" s="281">
        <v>7</v>
      </c>
      <c r="AE14" s="281">
        <v>6</v>
      </c>
      <c r="AF14" s="281">
        <v>1</v>
      </c>
      <c r="AG14" s="278">
        <v>40</v>
      </c>
      <c r="AH14" s="283">
        <v>40</v>
      </c>
      <c r="AI14" s="277">
        <v>0</v>
      </c>
      <c r="AJ14" s="281">
        <v>0</v>
      </c>
      <c r="AK14" s="278">
        <v>0</v>
      </c>
      <c r="AL14" s="280">
        <v>0</v>
      </c>
      <c r="AM14" s="281">
        <v>0</v>
      </c>
      <c r="AN14" s="281">
        <v>0</v>
      </c>
      <c r="AO14" s="281">
        <v>0</v>
      </c>
      <c r="AP14" s="281">
        <v>0</v>
      </c>
      <c r="AQ14" s="281">
        <v>1</v>
      </c>
      <c r="AR14" s="278">
        <v>1</v>
      </c>
      <c r="AS14" s="283">
        <v>1</v>
      </c>
      <c r="AT14" s="277">
        <v>0</v>
      </c>
      <c r="AU14" s="281">
        <v>0</v>
      </c>
      <c r="AV14" s="278">
        <v>0</v>
      </c>
      <c r="AW14" s="280">
        <v>0</v>
      </c>
      <c r="AX14" s="281">
        <v>0</v>
      </c>
      <c r="AY14" s="281">
        <v>1</v>
      </c>
      <c r="AZ14" s="281">
        <v>2</v>
      </c>
      <c r="BA14" s="281">
        <v>0</v>
      </c>
      <c r="BB14" s="281">
        <v>0</v>
      </c>
      <c r="BC14" s="278">
        <v>3</v>
      </c>
      <c r="BD14" s="283">
        <v>3</v>
      </c>
      <c r="BE14" s="277">
        <v>0</v>
      </c>
      <c r="BF14" s="281">
        <v>0</v>
      </c>
      <c r="BG14" s="278">
        <v>0</v>
      </c>
      <c r="BH14" s="280">
        <v>0</v>
      </c>
      <c r="BI14" s="281">
        <v>0</v>
      </c>
      <c r="BJ14" s="281">
        <v>3</v>
      </c>
      <c r="BK14" s="281">
        <v>0</v>
      </c>
      <c r="BL14" s="281">
        <v>3</v>
      </c>
      <c r="BM14" s="281">
        <v>1</v>
      </c>
      <c r="BN14" s="282">
        <v>7</v>
      </c>
      <c r="BO14" s="283">
        <v>7</v>
      </c>
      <c r="BP14" s="277">
        <v>0</v>
      </c>
      <c r="BQ14" s="281">
        <v>0</v>
      </c>
      <c r="BR14" s="278">
        <v>0</v>
      </c>
      <c r="BS14" s="280">
        <v>0</v>
      </c>
      <c r="BT14" s="281">
        <v>0</v>
      </c>
      <c r="BU14" s="281">
        <v>0</v>
      </c>
      <c r="BV14" s="281">
        <v>0</v>
      </c>
      <c r="BW14" s="281">
        <v>0</v>
      </c>
      <c r="BX14" s="281">
        <v>0</v>
      </c>
      <c r="BY14" s="278">
        <v>0</v>
      </c>
      <c r="BZ14" s="283">
        <v>0</v>
      </c>
      <c r="CA14" s="277">
        <v>0</v>
      </c>
      <c r="CB14" s="281">
        <v>0</v>
      </c>
      <c r="CC14" s="278">
        <v>0</v>
      </c>
      <c r="CD14" s="280">
        <v>0</v>
      </c>
      <c r="CE14" s="281">
        <v>0</v>
      </c>
      <c r="CF14" s="281">
        <v>0</v>
      </c>
      <c r="CG14" s="281">
        <v>0</v>
      </c>
      <c r="CH14" s="281">
        <v>0</v>
      </c>
      <c r="CI14" s="281">
        <v>0</v>
      </c>
      <c r="CJ14" s="278">
        <v>0</v>
      </c>
      <c r="CK14" s="283">
        <v>0</v>
      </c>
      <c r="CL14" s="277">
        <v>0</v>
      </c>
      <c r="CM14" s="281">
        <v>0</v>
      </c>
      <c r="CN14" s="278">
        <v>0</v>
      </c>
      <c r="CO14" s="280">
        <v>0</v>
      </c>
      <c r="CP14" s="281">
        <v>0</v>
      </c>
      <c r="CQ14" s="281">
        <v>0</v>
      </c>
      <c r="CR14" s="281">
        <v>0</v>
      </c>
      <c r="CS14" s="281">
        <v>0</v>
      </c>
      <c r="CT14" s="281">
        <v>0</v>
      </c>
      <c r="CU14" s="278">
        <v>0</v>
      </c>
      <c r="CV14" s="283">
        <v>0</v>
      </c>
    </row>
    <row r="15" spans="1:100" ht="21" customHeight="1" x14ac:dyDescent="0.2">
      <c r="A15" s="262" t="s">
        <v>12</v>
      </c>
      <c r="B15" s="277">
        <v>0</v>
      </c>
      <c r="C15" s="278">
        <v>0</v>
      </c>
      <c r="D15" s="279">
        <v>0</v>
      </c>
      <c r="E15" s="280">
        <v>0</v>
      </c>
      <c r="F15" s="281">
        <v>1</v>
      </c>
      <c r="G15" s="281">
        <v>0</v>
      </c>
      <c r="H15" s="281">
        <v>0</v>
      </c>
      <c r="I15" s="281">
        <v>0</v>
      </c>
      <c r="J15" s="281">
        <v>0</v>
      </c>
      <c r="K15" s="282">
        <v>1</v>
      </c>
      <c r="L15" s="283">
        <v>1</v>
      </c>
      <c r="M15" s="277">
        <v>0</v>
      </c>
      <c r="N15" s="281">
        <v>0</v>
      </c>
      <c r="O15" s="278">
        <v>0</v>
      </c>
      <c r="P15" s="280">
        <v>0</v>
      </c>
      <c r="Q15" s="281">
        <v>0</v>
      </c>
      <c r="R15" s="281">
        <v>0</v>
      </c>
      <c r="S15" s="281">
        <v>0</v>
      </c>
      <c r="T15" s="281">
        <v>0</v>
      </c>
      <c r="U15" s="281">
        <v>0</v>
      </c>
      <c r="V15" s="278">
        <v>0</v>
      </c>
      <c r="W15" s="283">
        <v>0</v>
      </c>
      <c r="X15" s="277">
        <v>0</v>
      </c>
      <c r="Y15" s="281">
        <v>0</v>
      </c>
      <c r="Z15" s="278">
        <v>0</v>
      </c>
      <c r="AA15" s="280">
        <v>0</v>
      </c>
      <c r="AB15" s="281">
        <v>21</v>
      </c>
      <c r="AC15" s="281">
        <v>8</v>
      </c>
      <c r="AD15" s="281">
        <v>7</v>
      </c>
      <c r="AE15" s="281">
        <v>6</v>
      </c>
      <c r="AF15" s="281">
        <v>1</v>
      </c>
      <c r="AG15" s="278">
        <v>43</v>
      </c>
      <c r="AH15" s="283">
        <v>43</v>
      </c>
      <c r="AI15" s="277">
        <v>0</v>
      </c>
      <c r="AJ15" s="281">
        <v>0</v>
      </c>
      <c r="AK15" s="278">
        <v>0</v>
      </c>
      <c r="AL15" s="280">
        <v>0</v>
      </c>
      <c r="AM15" s="281">
        <v>0</v>
      </c>
      <c r="AN15" s="281">
        <v>1</v>
      </c>
      <c r="AO15" s="281">
        <v>0</v>
      </c>
      <c r="AP15" s="281">
        <v>0</v>
      </c>
      <c r="AQ15" s="281">
        <v>0</v>
      </c>
      <c r="AR15" s="278">
        <v>1</v>
      </c>
      <c r="AS15" s="283">
        <v>1</v>
      </c>
      <c r="AT15" s="277">
        <v>0</v>
      </c>
      <c r="AU15" s="281">
        <v>0</v>
      </c>
      <c r="AV15" s="278">
        <v>0</v>
      </c>
      <c r="AW15" s="280">
        <v>0</v>
      </c>
      <c r="AX15" s="281">
        <v>1</v>
      </c>
      <c r="AY15" s="281">
        <v>1</v>
      </c>
      <c r="AZ15" s="281">
        <v>1</v>
      </c>
      <c r="BA15" s="281">
        <v>1</v>
      </c>
      <c r="BB15" s="281">
        <v>0</v>
      </c>
      <c r="BC15" s="278">
        <v>4</v>
      </c>
      <c r="BD15" s="283">
        <v>4</v>
      </c>
      <c r="BE15" s="277">
        <v>0</v>
      </c>
      <c r="BF15" s="281">
        <v>0</v>
      </c>
      <c r="BG15" s="278">
        <v>0</v>
      </c>
      <c r="BH15" s="280">
        <v>0</v>
      </c>
      <c r="BI15" s="281">
        <v>3</v>
      </c>
      <c r="BJ15" s="281">
        <v>1</v>
      </c>
      <c r="BK15" s="281">
        <v>2</v>
      </c>
      <c r="BL15" s="281">
        <v>1</v>
      </c>
      <c r="BM15" s="281">
        <v>0</v>
      </c>
      <c r="BN15" s="282">
        <v>7</v>
      </c>
      <c r="BO15" s="283">
        <v>7</v>
      </c>
      <c r="BP15" s="277">
        <v>0</v>
      </c>
      <c r="BQ15" s="281">
        <v>0</v>
      </c>
      <c r="BR15" s="278">
        <v>0</v>
      </c>
      <c r="BS15" s="280">
        <v>0</v>
      </c>
      <c r="BT15" s="281">
        <v>0</v>
      </c>
      <c r="BU15" s="281">
        <v>2</v>
      </c>
      <c r="BV15" s="281">
        <v>0</v>
      </c>
      <c r="BW15" s="281">
        <v>2</v>
      </c>
      <c r="BX15" s="281">
        <v>0</v>
      </c>
      <c r="BY15" s="278">
        <v>4</v>
      </c>
      <c r="BZ15" s="283">
        <v>4</v>
      </c>
      <c r="CA15" s="277">
        <v>0</v>
      </c>
      <c r="CB15" s="281">
        <v>0</v>
      </c>
      <c r="CC15" s="278">
        <v>0</v>
      </c>
      <c r="CD15" s="280">
        <v>0</v>
      </c>
      <c r="CE15" s="281">
        <v>0</v>
      </c>
      <c r="CF15" s="281">
        <v>0</v>
      </c>
      <c r="CG15" s="281">
        <v>0</v>
      </c>
      <c r="CH15" s="281">
        <v>0</v>
      </c>
      <c r="CI15" s="281">
        <v>1</v>
      </c>
      <c r="CJ15" s="278">
        <v>1</v>
      </c>
      <c r="CK15" s="283">
        <v>1</v>
      </c>
      <c r="CL15" s="277">
        <v>0</v>
      </c>
      <c r="CM15" s="281">
        <v>0</v>
      </c>
      <c r="CN15" s="278">
        <v>0</v>
      </c>
      <c r="CO15" s="280">
        <v>0</v>
      </c>
      <c r="CP15" s="281">
        <v>1</v>
      </c>
      <c r="CQ15" s="281">
        <v>2</v>
      </c>
      <c r="CR15" s="281">
        <v>1</v>
      </c>
      <c r="CS15" s="281">
        <v>2</v>
      </c>
      <c r="CT15" s="281">
        <v>3</v>
      </c>
      <c r="CU15" s="278">
        <v>9</v>
      </c>
      <c r="CV15" s="283">
        <v>9</v>
      </c>
    </row>
    <row r="16" spans="1:100" ht="21" customHeight="1" x14ac:dyDescent="0.2">
      <c r="A16" s="262" t="s">
        <v>13</v>
      </c>
      <c r="B16" s="277">
        <v>0</v>
      </c>
      <c r="C16" s="278">
        <v>0</v>
      </c>
      <c r="D16" s="279">
        <v>0</v>
      </c>
      <c r="E16" s="280">
        <v>0</v>
      </c>
      <c r="F16" s="281">
        <v>0</v>
      </c>
      <c r="G16" s="281">
        <v>0</v>
      </c>
      <c r="H16" s="281">
        <v>0</v>
      </c>
      <c r="I16" s="281">
        <v>0</v>
      </c>
      <c r="J16" s="281">
        <v>0</v>
      </c>
      <c r="K16" s="282">
        <v>0</v>
      </c>
      <c r="L16" s="283">
        <v>0</v>
      </c>
      <c r="M16" s="277">
        <v>0</v>
      </c>
      <c r="N16" s="281">
        <v>0</v>
      </c>
      <c r="O16" s="278">
        <v>0</v>
      </c>
      <c r="P16" s="280">
        <v>0</v>
      </c>
      <c r="Q16" s="281">
        <v>0</v>
      </c>
      <c r="R16" s="281">
        <v>0</v>
      </c>
      <c r="S16" s="281">
        <v>0</v>
      </c>
      <c r="T16" s="281">
        <v>0</v>
      </c>
      <c r="U16" s="281">
        <v>0</v>
      </c>
      <c r="V16" s="278">
        <v>0</v>
      </c>
      <c r="W16" s="283">
        <v>0</v>
      </c>
      <c r="X16" s="277">
        <v>0</v>
      </c>
      <c r="Y16" s="281">
        <v>0</v>
      </c>
      <c r="Z16" s="278">
        <v>0</v>
      </c>
      <c r="AA16" s="280">
        <v>0</v>
      </c>
      <c r="AB16" s="281">
        <v>8</v>
      </c>
      <c r="AC16" s="281">
        <v>10</v>
      </c>
      <c r="AD16" s="281">
        <v>6</v>
      </c>
      <c r="AE16" s="281">
        <v>4</v>
      </c>
      <c r="AF16" s="281">
        <v>0</v>
      </c>
      <c r="AG16" s="278">
        <v>28</v>
      </c>
      <c r="AH16" s="283">
        <v>28</v>
      </c>
      <c r="AI16" s="277">
        <v>0</v>
      </c>
      <c r="AJ16" s="281">
        <v>0</v>
      </c>
      <c r="AK16" s="278">
        <v>0</v>
      </c>
      <c r="AL16" s="280">
        <v>0</v>
      </c>
      <c r="AM16" s="281">
        <v>0</v>
      </c>
      <c r="AN16" s="281">
        <v>0</v>
      </c>
      <c r="AO16" s="281">
        <v>0</v>
      </c>
      <c r="AP16" s="281">
        <v>0</v>
      </c>
      <c r="AQ16" s="281">
        <v>0</v>
      </c>
      <c r="AR16" s="278">
        <v>0</v>
      </c>
      <c r="AS16" s="283">
        <v>0</v>
      </c>
      <c r="AT16" s="277">
        <v>0</v>
      </c>
      <c r="AU16" s="281">
        <v>0</v>
      </c>
      <c r="AV16" s="278">
        <v>0</v>
      </c>
      <c r="AW16" s="280">
        <v>0</v>
      </c>
      <c r="AX16" s="281">
        <v>0</v>
      </c>
      <c r="AY16" s="281">
        <v>1</v>
      </c>
      <c r="AZ16" s="281">
        <v>0</v>
      </c>
      <c r="BA16" s="281">
        <v>0</v>
      </c>
      <c r="BB16" s="281">
        <v>0</v>
      </c>
      <c r="BC16" s="278">
        <v>1</v>
      </c>
      <c r="BD16" s="283">
        <v>1</v>
      </c>
      <c r="BE16" s="277">
        <v>0</v>
      </c>
      <c r="BF16" s="281">
        <v>0</v>
      </c>
      <c r="BG16" s="278">
        <v>0</v>
      </c>
      <c r="BH16" s="280">
        <v>0</v>
      </c>
      <c r="BI16" s="281">
        <v>0</v>
      </c>
      <c r="BJ16" s="281">
        <v>0</v>
      </c>
      <c r="BK16" s="281">
        <v>2</v>
      </c>
      <c r="BL16" s="281">
        <v>0</v>
      </c>
      <c r="BM16" s="281">
        <v>0</v>
      </c>
      <c r="BN16" s="282">
        <v>2</v>
      </c>
      <c r="BO16" s="283">
        <v>2</v>
      </c>
      <c r="BP16" s="277">
        <v>0</v>
      </c>
      <c r="BQ16" s="281">
        <v>0</v>
      </c>
      <c r="BR16" s="278">
        <v>0</v>
      </c>
      <c r="BS16" s="280">
        <v>0</v>
      </c>
      <c r="BT16" s="281">
        <v>0</v>
      </c>
      <c r="BU16" s="281">
        <v>0</v>
      </c>
      <c r="BV16" s="281">
        <v>2</v>
      </c>
      <c r="BW16" s="281">
        <v>1</v>
      </c>
      <c r="BX16" s="281">
        <v>0</v>
      </c>
      <c r="BY16" s="278">
        <v>3</v>
      </c>
      <c r="BZ16" s="283">
        <v>3</v>
      </c>
      <c r="CA16" s="277">
        <v>0</v>
      </c>
      <c r="CB16" s="281">
        <v>0</v>
      </c>
      <c r="CC16" s="278">
        <v>0</v>
      </c>
      <c r="CD16" s="280">
        <v>0</v>
      </c>
      <c r="CE16" s="281">
        <v>0</v>
      </c>
      <c r="CF16" s="281">
        <v>0</v>
      </c>
      <c r="CG16" s="281">
        <v>0</v>
      </c>
      <c r="CH16" s="281">
        <v>0</v>
      </c>
      <c r="CI16" s="281">
        <v>0</v>
      </c>
      <c r="CJ16" s="278">
        <v>0</v>
      </c>
      <c r="CK16" s="283">
        <v>0</v>
      </c>
      <c r="CL16" s="277">
        <v>0</v>
      </c>
      <c r="CM16" s="281">
        <v>0</v>
      </c>
      <c r="CN16" s="278">
        <v>0</v>
      </c>
      <c r="CO16" s="280">
        <v>0</v>
      </c>
      <c r="CP16" s="281">
        <v>0</v>
      </c>
      <c r="CQ16" s="281">
        <v>0</v>
      </c>
      <c r="CR16" s="281">
        <v>0</v>
      </c>
      <c r="CS16" s="281">
        <v>0</v>
      </c>
      <c r="CT16" s="281">
        <v>0</v>
      </c>
      <c r="CU16" s="278">
        <v>0</v>
      </c>
      <c r="CV16" s="283">
        <v>0</v>
      </c>
    </row>
    <row r="17" spans="1:100" ht="21" customHeight="1" x14ac:dyDescent="0.2">
      <c r="A17" s="262" t="s">
        <v>15</v>
      </c>
      <c r="B17" s="277">
        <v>0</v>
      </c>
      <c r="C17" s="278">
        <v>0</v>
      </c>
      <c r="D17" s="279">
        <v>0</v>
      </c>
      <c r="E17" s="280">
        <v>0</v>
      </c>
      <c r="F17" s="281">
        <v>0</v>
      </c>
      <c r="G17" s="281">
        <v>1</v>
      </c>
      <c r="H17" s="281">
        <v>0</v>
      </c>
      <c r="I17" s="281">
        <v>0</v>
      </c>
      <c r="J17" s="281">
        <v>0</v>
      </c>
      <c r="K17" s="282">
        <v>1</v>
      </c>
      <c r="L17" s="283">
        <v>1</v>
      </c>
      <c r="M17" s="277">
        <v>0</v>
      </c>
      <c r="N17" s="281">
        <v>0</v>
      </c>
      <c r="O17" s="278">
        <v>0</v>
      </c>
      <c r="P17" s="280">
        <v>0</v>
      </c>
      <c r="Q17" s="281">
        <v>0</v>
      </c>
      <c r="R17" s="281">
        <v>0</v>
      </c>
      <c r="S17" s="281">
        <v>0</v>
      </c>
      <c r="T17" s="281">
        <v>0</v>
      </c>
      <c r="U17" s="281">
        <v>0</v>
      </c>
      <c r="V17" s="278">
        <v>0</v>
      </c>
      <c r="W17" s="283">
        <v>0</v>
      </c>
      <c r="X17" s="277">
        <v>0</v>
      </c>
      <c r="Y17" s="281">
        <v>0</v>
      </c>
      <c r="Z17" s="278">
        <v>0</v>
      </c>
      <c r="AA17" s="280">
        <v>0</v>
      </c>
      <c r="AB17" s="281">
        <v>9</v>
      </c>
      <c r="AC17" s="281">
        <v>7</v>
      </c>
      <c r="AD17" s="281">
        <v>1</v>
      </c>
      <c r="AE17" s="281">
        <v>2</v>
      </c>
      <c r="AF17" s="281">
        <v>1</v>
      </c>
      <c r="AG17" s="278">
        <v>20</v>
      </c>
      <c r="AH17" s="283">
        <v>20</v>
      </c>
      <c r="AI17" s="277">
        <v>0</v>
      </c>
      <c r="AJ17" s="281">
        <v>0</v>
      </c>
      <c r="AK17" s="278">
        <v>0</v>
      </c>
      <c r="AL17" s="280">
        <v>0</v>
      </c>
      <c r="AM17" s="281">
        <v>0</v>
      </c>
      <c r="AN17" s="281">
        <v>0</v>
      </c>
      <c r="AO17" s="281">
        <v>0</v>
      </c>
      <c r="AP17" s="281">
        <v>0</v>
      </c>
      <c r="AQ17" s="281">
        <v>0</v>
      </c>
      <c r="AR17" s="278">
        <v>0</v>
      </c>
      <c r="AS17" s="283">
        <v>0</v>
      </c>
      <c r="AT17" s="277">
        <v>0</v>
      </c>
      <c r="AU17" s="281">
        <v>0</v>
      </c>
      <c r="AV17" s="278">
        <v>0</v>
      </c>
      <c r="AW17" s="280">
        <v>0</v>
      </c>
      <c r="AX17" s="281">
        <v>0</v>
      </c>
      <c r="AY17" s="281">
        <v>0</v>
      </c>
      <c r="AZ17" s="281">
        <v>0</v>
      </c>
      <c r="BA17" s="281">
        <v>0</v>
      </c>
      <c r="BB17" s="281">
        <v>0</v>
      </c>
      <c r="BC17" s="278">
        <v>0</v>
      </c>
      <c r="BD17" s="283">
        <v>0</v>
      </c>
      <c r="BE17" s="277">
        <v>0</v>
      </c>
      <c r="BF17" s="281">
        <v>0</v>
      </c>
      <c r="BG17" s="278">
        <v>0</v>
      </c>
      <c r="BH17" s="280">
        <v>0</v>
      </c>
      <c r="BI17" s="281">
        <v>0</v>
      </c>
      <c r="BJ17" s="281">
        <v>1</v>
      </c>
      <c r="BK17" s="281">
        <v>1</v>
      </c>
      <c r="BL17" s="281">
        <v>2</v>
      </c>
      <c r="BM17" s="281">
        <v>1</v>
      </c>
      <c r="BN17" s="282">
        <v>5</v>
      </c>
      <c r="BO17" s="283">
        <v>5</v>
      </c>
      <c r="BP17" s="277">
        <v>0</v>
      </c>
      <c r="BQ17" s="281">
        <v>0</v>
      </c>
      <c r="BR17" s="278">
        <v>0</v>
      </c>
      <c r="BS17" s="280">
        <v>0</v>
      </c>
      <c r="BT17" s="281">
        <v>0</v>
      </c>
      <c r="BU17" s="281">
        <v>0</v>
      </c>
      <c r="BV17" s="281">
        <v>0</v>
      </c>
      <c r="BW17" s="281">
        <v>0</v>
      </c>
      <c r="BX17" s="281">
        <v>0</v>
      </c>
      <c r="BY17" s="278">
        <v>0</v>
      </c>
      <c r="BZ17" s="283">
        <v>0</v>
      </c>
      <c r="CA17" s="277">
        <v>0</v>
      </c>
      <c r="CB17" s="281">
        <v>0</v>
      </c>
      <c r="CC17" s="278">
        <v>0</v>
      </c>
      <c r="CD17" s="280">
        <v>0</v>
      </c>
      <c r="CE17" s="281">
        <v>0</v>
      </c>
      <c r="CF17" s="281">
        <v>0</v>
      </c>
      <c r="CG17" s="281">
        <v>1</v>
      </c>
      <c r="CH17" s="281">
        <v>0</v>
      </c>
      <c r="CI17" s="281">
        <v>0</v>
      </c>
      <c r="CJ17" s="278">
        <v>1</v>
      </c>
      <c r="CK17" s="283">
        <v>1</v>
      </c>
      <c r="CL17" s="277">
        <v>0</v>
      </c>
      <c r="CM17" s="281">
        <v>0</v>
      </c>
      <c r="CN17" s="278">
        <v>0</v>
      </c>
      <c r="CO17" s="280">
        <v>0</v>
      </c>
      <c r="CP17" s="281">
        <v>0</v>
      </c>
      <c r="CQ17" s="281">
        <v>0</v>
      </c>
      <c r="CR17" s="281">
        <v>0</v>
      </c>
      <c r="CS17" s="281">
        <v>0</v>
      </c>
      <c r="CT17" s="281">
        <v>0</v>
      </c>
      <c r="CU17" s="278">
        <v>0</v>
      </c>
      <c r="CV17" s="283">
        <v>0</v>
      </c>
    </row>
    <row r="18" spans="1:100" ht="21" customHeight="1" x14ac:dyDescent="0.2">
      <c r="A18" s="262" t="s">
        <v>16</v>
      </c>
      <c r="B18" s="277">
        <v>0</v>
      </c>
      <c r="C18" s="278">
        <v>0</v>
      </c>
      <c r="D18" s="279">
        <v>0</v>
      </c>
      <c r="E18" s="280">
        <v>0</v>
      </c>
      <c r="F18" s="281">
        <v>0</v>
      </c>
      <c r="G18" s="281">
        <v>0</v>
      </c>
      <c r="H18" s="281">
        <v>0</v>
      </c>
      <c r="I18" s="281">
        <v>0</v>
      </c>
      <c r="J18" s="281">
        <v>1</v>
      </c>
      <c r="K18" s="282">
        <v>1</v>
      </c>
      <c r="L18" s="283">
        <v>1</v>
      </c>
      <c r="M18" s="277">
        <v>0</v>
      </c>
      <c r="N18" s="281">
        <v>0</v>
      </c>
      <c r="O18" s="278">
        <v>0</v>
      </c>
      <c r="P18" s="280">
        <v>0</v>
      </c>
      <c r="Q18" s="281">
        <v>0</v>
      </c>
      <c r="R18" s="281">
        <v>0</v>
      </c>
      <c r="S18" s="281">
        <v>1</v>
      </c>
      <c r="T18" s="281">
        <v>0</v>
      </c>
      <c r="U18" s="281">
        <v>0</v>
      </c>
      <c r="V18" s="278">
        <v>1</v>
      </c>
      <c r="W18" s="283">
        <v>1</v>
      </c>
      <c r="X18" s="277">
        <v>0</v>
      </c>
      <c r="Y18" s="281">
        <v>0</v>
      </c>
      <c r="Z18" s="278">
        <v>0</v>
      </c>
      <c r="AA18" s="280">
        <v>0</v>
      </c>
      <c r="AB18" s="281">
        <v>7</v>
      </c>
      <c r="AC18" s="281">
        <v>7</v>
      </c>
      <c r="AD18" s="281">
        <v>5</v>
      </c>
      <c r="AE18" s="281">
        <v>0</v>
      </c>
      <c r="AF18" s="281">
        <v>3</v>
      </c>
      <c r="AG18" s="278">
        <v>22</v>
      </c>
      <c r="AH18" s="283">
        <v>22</v>
      </c>
      <c r="AI18" s="277">
        <v>0</v>
      </c>
      <c r="AJ18" s="281">
        <v>0</v>
      </c>
      <c r="AK18" s="278">
        <v>0</v>
      </c>
      <c r="AL18" s="280">
        <v>0</v>
      </c>
      <c r="AM18" s="281">
        <v>0</v>
      </c>
      <c r="AN18" s="281">
        <v>1</v>
      </c>
      <c r="AO18" s="281">
        <v>1</v>
      </c>
      <c r="AP18" s="281">
        <v>0</v>
      </c>
      <c r="AQ18" s="281">
        <v>0</v>
      </c>
      <c r="AR18" s="278">
        <v>2</v>
      </c>
      <c r="AS18" s="283">
        <v>2</v>
      </c>
      <c r="AT18" s="277">
        <v>0</v>
      </c>
      <c r="AU18" s="281">
        <v>0</v>
      </c>
      <c r="AV18" s="278">
        <v>0</v>
      </c>
      <c r="AW18" s="280">
        <v>0</v>
      </c>
      <c r="AX18" s="281">
        <v>0</v>
      </c>
      <c r="AY18" s="281">
        <v>0</v>
      </c>
      <c r="AZ18" s="281">
        <v>0</v>
      </c>
      <c r="BA18" s="281">
        <v>0</v>
      </c>
      <c r="BB18" s="281">
        <v>2</v>
      </c>
      <c r="BC18" s="278">
        <v>2</v>
      </c>
      <c r="BD18" s="283">
        <v>2</v>
      </c>
      <c r="BE18" s="277">
        <v>0</v>
      </c>
      <c r="BF18" s="281">
        <v>0</v>
      </c>
      <c r="BG18" s="278">
        <v>0</v>
      </c>
      <c r="BH18" s="280">
        <v>0</v>
      </c>
      <c r="BI18" s="281">
        <v>1</v>
      </c>
      <c r="BJ18" s="281">
        <v>1</v>
      </c>
      <c r="BK18" s="281">
        <v>2</v>
      </c>
      <c r="BL18" s="281">
        <v>1</v>
      </c>
      <c r="BM18" s="281">
        <v>0</v>
      </c>
      <c r="BN18" s="282">
        <v>5</v>
      </c>
      <c r="BO18" s="283">
        <v>5</v>
      </c>
      <c r="BP18" s="277">
        <v>0</v>
      </c>
      <c r="BQ18" s="281">
        <v>0</v>
      </c>
      <c r="BR18" s="278">
        <v>0</v>
      </c>
      <c r="BS18" s="280">
        <v>0</v>
      </c>
      <c r="BT18" s="281">
        <v>0</v>
      </c>
      <c r="BU18" s="281">
        <v>0</v>
      </c>
      <c r="BV18" s="281">
        <v>0</v>
      </c>
      <c r="BW18" s="281">
        <v>0</v>
      </c>
      <c r="BX18" s="281">
        <v>0</v>
      </c>
      <c r="BY18" s="278">
        <v>0</v>
      </c>
      <c r="BZ18" s="283">
        <v>0</v>
      </c>
      <c r="CA18" s="277">
        <v>0</v>
      </c>
      <c r="CB18" s="281">
        <v>0</v>
      </c>
      <c r="CC18" s="278">
        <v>0</v>
      </c>
      <c r="CD18" s="280">
        <v>0</v>
      </c>
      <c r="CE18" s="281">
        <v>0</v>
      </c>
      <c r="CF18" s="281">
        <v>0</v>
      </c>
      <c r="CG18" s="281">
        <v>0</v>
      </c>
      <c r="CH18" s="281">
        <v>0</v>
      </c>
      <c r="CI18" s="281">
        <v>0</v>
      </c>
      <c r="CJ18" s="278">
        <v>0</v>
      </c>
      <c r="CK18" s="283">
        <v>0</v>
      </c>
      <c r="CL18" s="277">
        <v>0</v>
      </c>
      <c r="CM18" s="281">
        <v>0</v>
      </c>
      <c r="CN18" s="278">
        <v>0</v>
      </c>
      <c r="CO18" s="280">
        <v>0</v>
      </c>
      <c r="CP18" s="281">
        <v>0</v>
      </c>
      <c r="CQ18" s="281">
        <v>0</v>
      </c>
      <c r="CR18" s="281">
        <v>0</v>
      </c>
      <c r="CS18" s="281">
        <v>0</v>
      </c>
      <c r="CT18" s="281">
        <v>0</v>
      </c>
      <c r="CU18" s="278">
        <v>0</v>
      </c>
      <c r="CV18" s="283">
        <v>0</v>
      </c>
    </row>
    <row r="19" spans="1:100" ht="21" customHeight="1" x14ac:dyDescent="0.2">
      <c r="A19" s="262" t="s">
        <v>17</v>
      </c>
      <c r="B19" s="277">
        <v>0</v>
      </c>
      <c r="C19" s="278">
        <v>0</v>
      </c>
      <c r="D19" s="279">
        <v>0</v>
      </c>
      <c r="E19" s="280">
        <v>0</v>
      </c>
      <c r="F19" s="281">
        <v>0</v>
      </c>
      <c r="G19" s="281">
        <v>0</v>
      </c>
      <c r="H19" s="281">
        <v>0</v>
      </c>
      <c r="I19" s="281">
        <v>0</v>
      </c>
      <c r="J19" s="281">
        <v>0</v>
      </c>
      <c r="K19" s="282">
        <v>0</v>
      </c>
      <c r="L19" s="283">
        <v>0</v>
      </c>
      <c r="M19" s="277">
        <v>0</v>
      </c>
      <c r="N19" s="281">
        <v>0</v>
      </c>
      <c r="O19" s="278">
        <v>0</v>
      </c>
      <c r="P19" s="280">
        <v>0</v>
      </c>
      <c r="Q19" s="281">
        <v>0</v>
      </c>
      <c r="R19" s="281">
        <v>0</v>
      </c>
      <c r="S19" s="281">
        <v>0</v>
      </c>
      <c r="T19" s="281">
        <v>0</v>
      </c>
      <c r="U19" s="281">
        <v>0</v>
      </c>
      <c r="V19" s="278">
        <v>0</v>
      </c>
      <c r="W19" s="283">
        <v>0</v>
      </c>
      <c r="X19" s="277">
        <v>0</v>
      </c>
      <c r="Y19" s="281">
        <v>0</v>
      </c>
      <c r="Z19" s="278">
        <v>0</v>
      </c>
      <c r="AA19" s="280">
        <v>0</v>
      </c>
      <c r="AB19" s="281">
        <v>14</v>
      </c>
      <c r="AC19" s="281">
        <v>19</v>
      </c>
      <c r="AD19" s="281">
        <v>7</v>
      </c>
      <c r="AE19" s="281">
        <v>4</v>
      </c>
      <c r="AF19" s="281">
        <v>1</v>
      </c>
      <c r="AG19" s="278">
        <v>45</v>
      </c>
      <c r="AH19" s="283">
        <v>45</v>
      </c>
      <c r="AI19" s="277">
        <v>0</v>
      </c>
      <c r="AJ19" s="281">
        <v>0</v>
      </c>
      <c r="AK19" s="278">
        <v>0</v>
      </c>
      <c r="AL19" s="280">
        <v>0</v>
      </c>
      <c r="AM19" s="281">
        <v>0</v>
      </c>
      <c r="AN19" s="281">
        <v>0</v>
      </c>
      <c r="AO19" s="281">
        <v>0</v>
      </c>
      <c r="AP19" s="281">
        <v>0</v>
      </c>
      <c r="AQ19" s="281">
        <v>0</v>
      </c>
      <c r="AR19" s="278">
        <v>0</v>
      </c>
      <c r="AS19" s="283">
        <v>0</v>
      </c>
      <c r="AT19" s="277">
        <v>0</v>
      </c>
      <c r="AU19" s="281">
        <v>0</v>
      </c>
      <c r="AV19" s="278">
        <v>0</v>
      </c>
      <c r="AW19" s="280">
        <v>0</v>
      </c>
      <c r="AX19" s="281">
        <v>1</v>
      </c>
      <c r="AY19" s="281">
        <v>1</v>
      </c>
      <c r="AZ19" s="281">
        <v>1</v>
      </c>
      <c r="BA19" s="281">
        <v>1</v>
      </c>
      <c r="BB19" s="281">
        <v>1</v>
      </c>
      <c r="BC19" s="278">
        <v>5</v>
      </c>
      <c r="BD19" s="283">
        <v>5</v>
      </c>
      <c r="BE19" s="277">
        <v>0</v>
      </c>
      <c r="BF19" s="281">
        <v>0</v>
      </c>
      <c r="BG19" s="278">
        <v>0</v>
      </c>
      <c r="BH19" s="280">
        <v>0</v>
      </c>
      <c r="BI19" s="281">
        <v>3</v>
      </c>
      <c r="BJ19" s="281">
        <v>5</v>
      </c>
      <c r="BK19" s="281">
        <v>3</v>
      </c>
      <c r="BL19" s="281">
        <v>2</v>
      </c>
      <c r="BM19" s="281">
        <v>3</v>
      </c>
      <c r="BN19" s="282">
        <v>16</v>
      </c>
      <c r="BO19" s="283">
        <v>16</v>
      </c>
      <c r="BP19" s="277">
        <v>0</v>
      </c>
      <c r="BQ19" s="281">
        <v>0</v>
      </c>
      <c r="BR19" s="278">
        <v>0</v>
      </c>
      <c r="BS19" s="280">
        <v>0</v>
      </c>
      <c r="BT19" s="281">
        <v>0</v>
      </c>
      <c r="BU19" s="281">
        <v>0</v>
      </c>
      <c r="BV19" s="281">
        <v>0</v>
      </c>
      <c r="BW19" s="281">
        <v>0</v>
      </c>
      <c r="BX19" s="281">
        <v>0</v>
      </c>
      <c r="BY19" s="278">
        <v>0</v>
      </c>
      <c r="BZ19" s="283">
        <v>0</v>
      </c>
      <c r="CA19" s="277">
        <v>0</v>
      </c>
      <c r="CB19" s="281">
        <v>0</v>
      </c>
      <c r="CC19" s="278">
        <v>0</v>
      </c>
      <c r="CD19" s="280">
        <v>0</v>
      </c>
      <c r="CE19" s="281">
        <v>0</v>
      </c>
      <c r="CF19" s="281">
        <v>0</v>
      </c>
      <c r="CG19" s="281">
        <v>2</v>
      </c>
      <c r="CH19" s="281">
        <v>2</v>
      </c>
      <c r="CI19" s="281">
        <v>4</v>
      </c>
      <c r="CJ19" s="278">
        <v>8</v>
      </c>
      <c r="CK19" s="283">
        <v>8</v>
      </c>
      <c r="CL19" s="277">
        <v>0</v>
      </c>
      <c r="CM19" s="281">
        <v>0</v>
      </c>
      <c r="CN19" s="278">
        <v>0</v>
      </c>
      <c r="CO19" s="280">
        <v>0</v>
      </c>
      <c r="CP19" s="281">
        <v>0</v>
      </c>
      <c r="CQ19" s="281">
        <v>0</v>
      </c>
      <c r="CR19" s="281">
        <v>0</v>
      </c>
      <c r="CS19" s="281">
        <v>0</v>
      </c>
      <c r="CT19" s="281">
        <v>0</v>
      </c>
      <c r="CU19" s="278">
        <v>0</v>
      </c>
      <c r="CV19" s="283">
        <v>0</v>
      </c>
    </row>
    <row r="20" spans="1:100" ht="21" customHeight="1" x14ac:dyDescent="0.2">
      <c r="A20" s="262" t="s">
        <v>18</v>
      </c>
      <c r="B20" s="277">
        <v>0</v>
      </c>
      <c r="C20" s="278">
        <v>0</v>
      </c>
      <c r="D20" s="279">
        <v>0</v>
      </c>
      <c r="E20" s="280">
        <v>0</v>
      </c>
      <c r="F20" s="281">
        <v>0</v>
      </c>
      <c r="G20" s="281">
        <v>0</v>
      </c>
      <c r="H20" s="281">
        <v>0</v>
      </c>
      <c r="I20" s="281">
        <v>0</v>
      </c>
      <c r="J20" s="281">
        <v>1</v>
      </c>
      <c r="K20" s="282">
        <v>1</v>
      </c>
      <c r="L20" s="283">
        <v>1</v>
      </c>
      <c r="M20" s="277">
        <v>0</v>
      </c>
      <c r="N20" s="281">
        <v>0</v>
      </c>
      <c r="O20" s="278">
        <v>0</v>
      </c>
      <c r="P20" s="280">
        <v>0</v>
      </c>
      <c r="Q20" s="281">
        <v>0</v>
      </c>
      <c r="R20" s="281">
        <v>0</v>
      </c>
      <c r="S20" s="281">
        <v>0</v>
      </c>
      <c r="T20" s="281">
        <v>0</v>
      </c>
      <c r="U20" s="281">
        <v>0</v>
      </c>
      <c r="V20" s="278">
        <v>0</v>
      </c>
      <c r="W20" s="283">
        <v>0</v>
      </c>
      <c r="X20" s="277">
        <v>0</v>
      </c>
      <c r="Y20" s="281">
        <v>0</v>
      </c>
      <c r="Z20" s="278">
        <v>0</v>
      </c>
      <c r="AA20" s="280">
        <v>0</v>
      </c>
      <c r="AB20" s="281">
        <v>21</v>
      </c>
      <c r="AC20" s="281">
        <v>15</v>
      </c>
      <c r="AD20" s="281">
        <v>7</v>
      </c>
      <c r="AE20" s="281">
        <v>0</v>
      </c>
      <c r="AF20" s="281">
        <v>0</v>
      </c>
      <c r="AG20" s="278">
        <v>43</v>
      </c>
      <c r="AH20" s="283">
        <v>43</v>
      </c>
      <c r="AI20" s="277">
        <v>0</v>
      </c>
      <c r="AJ20" s="281">
        <v>0</v>
      </c>
      <c r="AK20" s="278">
        <v>0</v>
      </c>
      <c r="AL20" s="280">
        <v>0</v>
      </c>
      <c r="AM20" s="281">
        <v>0</v>
      </c>
      <c r="AN20" s="281">
        <v>0</v>
      </c>
      <c r="AO20" s="281">
        <v>3</v>
      </c>
      <c r="AP20" s="281">
        <v>0</v>
      </c>
      <c r="AQ20" s="281">
        <v>0</v>
      </c>
      <c r="AR20" s="278">
        <v>3</v>
      </c>
      <c r="AS20" s="283">
        <v>3</v>
      </c>
      <c r="AT20" s="277">
        <v>0</v>
      </c>
      <c r="AU20" s="281">
        <v>0</v>
      </c>
      <c r="AV20" s="278">
        <v>0</v>
      </c>
      <c r="AW20" s="280">
        <v>0</v>
      </c>
      <c r="AX20" s="281">
        <v>2</v>
      </c>
      <c r="AY20" s="281">
        <v>1</v>
      </c>
      <c r="AZ20" s="281">
        <v>0</v>
      </c>
      <c r="BA20" s="281">
        <v>1</v>
      </c>
      <c r="BB20" s="281">
        <v>1</v>
      </c>
      <c r="BC20" s="278">
        <v>5</v>
      </c>
      <c r="BD20" s="283">
        <v>5</v>
      </c>
      <c r="BE20" s="277">
        <v>0</v>
      </c>
      <c r="BF20" s="281">
        <v>0</v>
      </c>
      <c r="BG20" s="278">
        <v>0</v>
      </c>
      <c r="BH20" s="280">
        <v>0</v>
      </c>
      <c r="BI20" s="281">
        <v>0</v>
      </c>
      <c r="BJ20" s="281">
        <v>3</v>
      </c>
      <c r="BK20" s="281">
        <v>1</v>
      </c>
      <c r="BL20" s="281">
        <v>0</v>
      </c>
      <c r="BM20" s="281">
        <v>1</v>
      </c>
      <c r="BN20" s="282">
        <v>5</v>
      </c>
      <c r="BO20" s="283">
        <v>5</v>
      </c>
      <c r="BP20" s="277">
        <v>0</v>
      </c>
      <c r="BQ20" s="281">
        <v>0</v>
      </c>
      <c r="BR20" s="278">
        <v>0</v>
      </c>
      <c r="BS20" s="280">
        <v>0</v>
      </c>
      <c r="BT20" s="281">
        <v>0</v>
      </c>
      <c r="BU20" s="281">
        <v>0</v>
      </c>
      <c r="BV20" s="281">
        <v>0</v>
      </c>
      <c r="BW20" s="281">
        <v>0</v>
      </c>
      <c r="BX20" s="281">
        <v>0</v>
      </c>
      <c r="BY20" s="278">
        <v>0</v>
      </c>
      <c r="BZ20" s="283">
        <v>0</v>
      </c>
      <c r="CA20" s="277">
        <v>0</v>
      </c>
      <c r="CB20" s="281">
        <v>0</v>
      </c>
      <c r="CC20" s="278">
        <v>0</v>
      </c>
      <c r="CD20" s="280">
        <v>0</v>
      </c>
      <c r="CE20" s="281">
        <v>0</v>
      </c>
      <c r="CF20" s="281">
        <v>0</v>
      </c>
      <c r="CG20" s="281">
        <v>0</v>
      </c>
      <c r="CH20" s="281">
        <v>1</v>
      </c>
      <c r="CI20" s="281">
        <v>0</v>
      </c>
      <c r="CJ20" s="278">
        <v>1</v>
      </c>
      <c r="CK20" s="283">
        <v>1</v>
      </c>
      <c r="CL20" s="277">
        <v>0</v>
      </c>
      <c r="CM20" s="281">
        <v>0</v>
      </c>
      <c r="CN20" s="278">
        <v>0</v>
      </c>
      <c r="CO20" s="280">
        <v>0</v>
      </c>
      <c r="CP20" s="281">
        <v>0</v>
      </c>
      <c r="CQ20" s="281">
        <v>0</v>
      </c>
      <c r="CR20" s="281">
        <v>1</v>
      </c>
      <c r="CS20" s="281">
        <v>1</v>
      </c>
      <c r="CT20" s="281">
        <v>2</v>
      </c>
      <c r="CU20" s="278">
        <v>4</v>
      </c>
      <c r="CV20" s="283">
        <v>4</v>
      </c>
    </row>
    <row r="21" spans="1:100" ht="21" customHeight="1" x14ac:dyDescent="0.2">
      <c r="A21" s="262" t="s">
        <v>19</v>
      </c>
      <c r="B21" s="277">
        <v>0</v>
      </c>
      <c r="C21" s="278">
        <v>0</v>
      </c>
      <c r="D21" s="279">
        <v>0</v>
      </c>
      <c r="E21" s="280">
        <v>0</v>
      </c>
      <c r="F21" s="281">
        <v>0</v>
      </c>
      <c r="G21" s="281">
        <v>0</v>
      </c>
      <c r="H21" s="281">
        <v>0</v>
      </c>
      <c r="I21" s="281">
        <v>2</v>
      </c>
      <c r="J21" s="281">
        <v>0</v>
      </c>
      <c r="K21" s="282">
        <v>2</v>
      </c>
      <c r="L21" s="283">
        <v>2</v>
      </c>
      <c r="M21" s="277">
        <v>0</v>
      </c>
      <c r="N21" s="281">
        <v>0</v>
      </c>
      <c r="O21" s="278">
        <v>0</v>
      </c>
      <c r="P21" s="280">
        <v>0</v>
      </c>
      <c r="Q21" s="281">
        <v>0</v>
      </c>
      <c r="R21" s="281">
        <v>0</v>
      </c>
      <c r="S21" s="281">
        <v>1</v>
      </c>
      <c r="T21" s="281">
        <v>1</v>
      </c>
      <c r="U21" s="281">
        <v>0</v>
      </c>
      <c r="V21" s="278">
        <v>2</v>
      </c>
      <c r="W21" s="283">
        <v>2</v>
      </c>
      <c r="X21" s="277">
        <v>0</v>
      </c>
      <c r="Y21" s="281">
        <v>0</v>
      </c>
      <c r="Z21" s="278">
        <v>0</v>
      </c>
      <c r="AA21" s="280">
        <v>0</v>
      </c>
      <c r="AB21" s="281">
        <v>10</v>
      </c>
      <c r="AC21" s="281">
        <v>4</v>
      </c>
      <c r="AD21" s="281">
        <v>2</v>
      </c>
      <c r="AE21" s="281">
        <v>1</v>
      </c>
      <c r="AF21" s="281">
        <v>0</v>
      </c>
      <c r="AG21" s="278">
        <v>17</v>
      </c>
      <c r="AH21" s="283">
        <v>17</v>
      </c>
      <c r="AI21" s="277">
        <v>0</v>
      </c>
      <c r="AJ21" s="281">
        <v>0</v>
      </c>
      <c r="AK21" s="278">
        <v>0</v>
      </c>
      <c r="AL21" s="280">
        <v>0</v>
      </c>
      <c r="AM21" s="281">
        <v>1</v>
      </c>
      <c r="AN21" s="281">
        <v>3</v>
      </c>
      <c r="AO21" s="281">
        <v>0</v>
      </c>
      <c r="AP21" s="281">
        <v>0</v>
      </c>
      <c r="AQ21" s="281">
        <v>0</v>
      </c>
      <c r="AR21" s="278">
        <v>4</v>
      </c>
      <c r="AS21" s="283">
        <v>4</v>
      </c>
      <c r="AT21" s="277">
        <v>0</v>
      </c>
      <c r="AU21" s="281">
        <v>0</v>
      </c>
      <c r="AV21" s="278">
        <v>0</v>
      </c>
      <c r="AW21" s="280">
        <v>0</v>
      </c>
      <c r="AX21" s="281">
        <v>1</v>
      </c>
      <c r="AY21" s="281">
        <v>1</v>
      </c>
      <c r="AZ21" s="281">
        <v>1</v>
      </c>
      <c r="BA21" s="281">
        <v>2</v>
      </c>
      <c r="BB21" s="281">
        <v>1</v>
      </c>
      <c r="BC21" s="278">
        <v>6</v>
      </c>
      <c r="BD21" s="283">
        <v>6</v>
      </c>
      <c r="BE21" s="277">
        <v>0</v>
      </c>
      <c r="BF21" s="281">
        <v>0</v>
      </c>
      <c r="BG21" s="278">
        <v>0</v>
      </c>
      <c r="BH21" s="280">
        <v>0</v>
      </c>
      <c r="BI21" s="281">
        <v>0</v>
      </c>
      <c r="BJ21" s="281">
        <v>2</v>
      </c>
      <c r="BK21" s="281">
        <v>0</v>
      </c>
      <c r="BL21" s="281">
        <v>0</v>
      </c>
      <c r="BM21" s="281">
        <v>0</v>
      </c>
      <c r="BN21" s="282">
        <v>2</v>
      </c>
      <c r="BO21" s="283">
        <v>2</v>
      </c>
      <c r="BP21" s="277">
        <v>0</v>
      </c>
      <c r="BQ21" s="281">
        <v>0</v>
      </c>
      <c r="BR21" s="278">
        <v>0</v>
      </c>
      <c r="BS21" s="280">
        <v>0</v>
      </c>
      <c r="BT21" s="281">
        <v>0</v>
      </c>
      <c r="BU21" s="281">
        <v>0</v>
      </c>
      <c r="BV21" s="281">
        <v>0</v>
      </c>
      <c r="BW21" s="281">
        <v>0</v>
      </c>
      <c r="BX21" s="281">
        <v>0</v>
      </c>
      <c r="BY21" s="278">
        <v>0</v>
      </c>
      <c r="BZ21" s="283">
        <v>0</v>
      </c>
      <c r="CA21" s="277">
        <v>0</v>
      </c>
      <c r="CB21" s="281">
        <v>0</v>
      </c>
      <c r="CC21" s="278">
        <v>0</v>
      </c>
      <c r="CD21" s="280">
        <v>0</v>
      </c>
      <c r="CE21" s="281">
        <v>0</v>
      </c>
      <c r="CF21" s="281">
        <v>0</v>
      </c>
      <c r="CG21" s="281">
        <v>0</v>
      </c>
      <c r="CH21" s="281">
        <v>0</v>
      </c>
      <c r="CI21" s="281">
        <v>0</v>
      </c>
      <c r="CJ21" s="278">
        <v>0</v>
      </c>
      <c r="CK21" s="283">
        <v>0</v>
      </c>
      <c r="CL21" s="277">
        <v>0</v>
      </c>
      <c r="CM21" s="281">
        <v>0</v>
      </c>
      <c r="CN21" s="278">
        <v>0</v>
      </c>
      <c r="CO21" s="280">
        <v>0</v>
      </c>
      <c r="CP21" s="281">
        <v>0</v>
      </c>
      <c r="CQ21" s="281">
        <v>0</v>
      </c>
      <c r="CR21" s="281">
        <v>0</v>
      </c>
      <c r="CS21" s="281">
        <v>1</v>
      </c>
      <c r="CT21" s="281">
        <v>0</v>
      </c>
      <c r="CU21" s="278">
        <v>1</v>
      </c>
      <c r="CV21" s="283">
        <v>1</v>
      </c>
    </row>
    <row r="22" spans="1:100" ht="21" customHeight="1" x14ac:dyDescent="0.2">
      <c r="A22" s="262" t="s">
        <v>20</v>
      </c>
      <c r="B22" s="277">
        <v>0</v>
      </c>
      <c r="C22" s="278">
        <v>0</v>
      </c>
      <c r="D22" s="279">
        <v>0</v>
      </c>
      <c r="E22" s="280">
        <v>0</v>
      </c>
      <c r="F22" s="281">
        <v>0</v>
      </c>
      <c r="G22" s="281">
        <v>0</v>
      </c>
      <c r="H22" s="281">
        <v>0</v>
      </c>
      <c r="I22" s="281">
        <v>0</v>
      </c>
      <c r="J22" s="281">
        <v>0</v>
      </c>
      <c r="K22" s="282">
        <v>0</v>
      </c>
      <c r="L22" s="283">
        <v>0</v>
      </c>
      <c r="M22" s="277">
        <v>0</v>
      </c>
      <c r="N22" s="281">
        <v>0</v>
      </c>
      <c r="O22" s="278">
        <v>0</v>
      </c>
      <c r="P22" s="280">
        <v>0</v>
      </c>
      <c r="Q22" s="281">
        <v>0</v>
      </c>
      <c r="R22" s="281">
        <v>0</v>
      </c>
      <c r="S22" s="281">
        <v>0</v>
      </c>
      <c r="T22" s="281">
        <v>0</v>
      </c>
      <c r="U22" s="281">
        <v>0</v>
      </c>
      <c r="V22" s="278">
        <v>0</v>
      </c>
      <c r="W22" s="283">
        <v>0</v>
      </c>
      <c r="X22" s="277">
        <v>0</v>
      </c>
      <c r="Y22" s="281">
        <v>0</v>
      </c>
      <c r="Z22" s="278">
        <v>0</v>
      </c>
      <c r="AA22" s="280">
        <v>0</v>
      </c>
      <c r="AB22" s="281">
        <v>10</v>
      </c>
      <c r="AC22" s="281">
        <v>5</v>
      </c>
      <c r="AD22" s="281">
        <v>0</v>
      </c>
      <c r="AE22" s="281">
        <v>1</v>
      </c>
      <c r="AF22" s="281">
        <v>0</v>
      </c>
      <c r="AG22" s="278">
        <v>16</v>
      </c>
      <c r="AH22" s="283">
        <v>16</v>
      </c>
      <c r="AI22" s="277">
        <v>0</v>
      </c>
      <c r="AJ22" s="281">
        <v>0</v>
      </c>
      <c r="AK22" s="278">
        <v>0</v>
      </c>
      <c r="AL22" s="280">
        <v>0</v>
      </c>
      <c r="AM22" s="281">
        <v>0</v>
      </c>
      <c r="AN22" s="281">
        <v>0</v>
      </c>
      <c r="AO22" s="281">
        <v>0</v>
      </c>
      <c r="AP22" s="281">
        <v>1</v>
      </c>
      <c r="AQ22" s="281">
        <v>0</v>
      </c>
      <c r="AR22" s="278">
        <v>1</v>
      </c>
      <c r="AS22" s="283">
        <v>1</v>
      </c>
      <c r="AT22" s="277">
        <v>0</v>
      </c>
      <c r="AU22" s="281">
        <v>0</v>
      </c>
      <c r="AV22" s="278">
        <v>0</v>
      </c>
      <c r="AW22" s="280">
        <v>0</v>
      </c>
      <c r="AX22" s="281">
        <v>0</v>
      </c>
      <c r="AY22" s="281">
        <v>1</v>
      </c>
      <c r="AZ22" s="281">
        <v>1</v>
      </c>
      <c r="BA22" s="281">
        <v>0</v>
      </c>
      <c r="BB22" s="281">
        <v>0</v>
      </c>
      <c r="BC22" s="278">
        <v>2</v>
      </c>
      <c r="BD22" s="283">
        <v>2</v>
      </c>
      <c r="BE22" s="277">
        <v>0</v>
      </c>
      <c r="BF22" s="281">
        <v>0</v>
      </c>
      <c r="BG22" s="278">
        <v>0</v>
      </c>
      <c r="BH22" s="280">
        <v>0</v>
      </c>
      <c r="BI22" s="281">
        <v>2</v>
      </c>
      <c r="BJ22" s="281">
        <v>1</v>
      </c>
      <c r="BK22" s="281">
        <v>1</v>
      </c>
      <c r="BL22" s="281">
        <v>1</v>
      </c>
      <c r="BM22" s="281">
        <v>0</v>
      </c>
      <c r="BN22" s="282">
        <v>5</v>
      </c>
      <c r="BO22" s="283">
        <v>5</v>
      </c>
      <c r="BP22" s="277">
        <v>0</v>
      </c>
      <c r="BQ22" s="281">
        <v>0</v>
      </c>
      <c r="BR22" s="278">
        <v>0</v>
      </c>
      <c r="BS22" s="280">
        <v>0</v>
      </c>
      <c r="BT22" s="281">
        <v>0</v>
      </c>
      <c r="BU22" s="281">
        <v>0</v>
      </c>
      <c r="BV22" s="281">
        <v>0</v>
      </c>
      <c r="BW22" s="281">
        <v>0</v>
      </c>
      <c r="BX22" s="281">
        <v>0</v>
      </c>
      <c r="BY22" s="278">
        <v>0</v>
      </c>
      <c r="BZ22" s="283">
        <v>0</v>
      </c>
      <c r="CA22" s="277">
        <v>0</v>
      </c>
      <c r="CB22" s="281">
        <v>0</v>
      </c>
      <c r="CC22" s="278">
        <v>0</v>
      </c>
      <c r="CD22" s="280">
        <v>0</v>
      </c>
      <c r="CE22" s="281">
        <v>0</v>
      </c>
      <c r="CF22" s="281">
        <v>0</v>
      </c>
      <c r="CG22" s="281">
        <v>0</v>
      </c>
      <c r="CH22" s="281">
        <v>0</v>
      </c>
      <c r="CI22" s="281">
        <v>0</v>
      </c>
      <c r="CJ22" s="278">
        <v>0</v>
      </c>
      <c r="CK22" s="283">
        <v>0</v>
      </c>
      <c r="CL22" s="277">
        <v>0</v>
      </c>
      <c r="CM22" s="281">
        <v>0</v>
      </c>
      <c r="CN22" s="278">
        <v>0</v>
      </c>
      <c r="CO22" s="280">
        <v>0</v>
      </c>
      <c r="CP22" s="281">
        <v>0</v>
      </c>
      <c r="CQ22" s="281">
        <v>0</v>
      </c>
      <c r="CR22" s="281">
        <v>0</v>
      </c>
      <c r="CS22" s="281">
        <v>0</v>
      </c>
      <c r="CT22" s="281">
        <v>0</v>
      </c>
      <c r="CU22" s="278">
        <v>0</v>
      </c>
      <c r="CV22" s="283">
        <v>0</v>
      </c>
    </row>
    <row r="23" spans="1:100" ht="21" customHeight="1" x14ac:dyDescent="0.2">
      <c r="A23" s="262" t="s">
        <v>21</v>
      </c>
      <c r="B23" s="277">
        <v>0</v>
      </c>
      <c r="C23" s="278">
        <v>0</v>
      </c>
      <c r="D23" s="279">
        <v>0</v>
      </c>
      <c r="E23" s="280">
        <v>0</v>
      </c>
      <c r="F23" s="281">
        <v>0</v>
      </c>
      <c r="G23" s="281">
        <v>0</v>
      </c>
      <c r="H23" s="281">
        <v>0</v>
      </c>
      <c r="I23" s="281">
        <v>0</v>
      </c>
      <c r="J23" s="281">
        <v>0</v>
      </c>
      <c r="K23" s="282">
        <v>0</v>
      </c>
      <c r="L23" s="283">
        <v>0</v>
      </c>
      <c r="M23" s="277">
        <v>0</v>
      </c>
      <c r="N23" s="281">
        <v>0</v>
      </c>
      <c r="O23" s="278">
        <v>0</v>
      </c>
      <c r="P23" s="280">
        <v>0</v>
      </c>
      <c r="Q23" s="281">
        <v>0</v>
      </c>
      <c r="R23" s="281">
        <v>0</v>
      </c>
      <c r="S23" s="281">
        <v>0</v>
      </c>
      <c r="T23" s="281">
        <v>0</v>
      </c>
      <c r="U23" s="281">
        <v>0</v>
      </c>
      <c r="V23" s="278">
        <v>0</v>
      </c>
      <c r="W23" s="283">
        <v>0</v>
      </c>
      <c r="X23" s="277">
        <v>0</v>
      </c>
      <c r="Y23" s="281">
        <v>0</v>
      </c>
      <c r="Z23" s="278">
        <v>0</v>
      </c>
      <c r="AA23" s="280">
        <v>0</v>
      </c>
      <c r="AB23" s="281">
        <v>12</v>
      </c>
      <c r="AC23" s="281">
        <v>4</v>
      </c>
      <c r="AD23" s="281">
        <v>1</v>
      </c>
      <c r="AE23" s="281">
        <v>0</v>
      </c>
      <c r="AF23" s="281">
        <v>0</v>
      </c>
      <c r="AG23" s="278">
        <v>17</v>
      </c>
      <c r="AH23" s="283">
        <v>17</v>
      </c>
      <c r="AI23" s="277">
        <v>0</v>
      </c>
      <c r="AJ23" s="281">
        <v>0</v>
      </c>
      <c r="AK23" s="278">
        <v>0</v>
      </c>
      <c r="AL23" s="280">
        <v>0</v>
      </c>
      <c r="AM23" s="281">
        <v>0</v>
      </c>
      <c r="AN23" s="281">
        <v>0</v>
      </c>
      <c r="AO23" s="281">
        <v>0</v>
      </c>
      <c r="AP23" s="281">
        <v>0</v>
      </c>
      <c r="AQ23" s="281">
        <v>0</v>
      </c>
      <c r="AR23" s="278">
        <v>0</v>
      </c>
      <c r="AS23" s="283">
        <v>0</v>
      </c>
      <c r="AT23" s="277">
        <v>0</v>
      </c>
      <c r="AU23" s="281">
        <v>0</v>
      </c>
      <c r="AV23" s="278">
        <v>0</v>
      </c>
      <c r="AW23" s="280">
        <v>0</v>
      </c>
      <c r="AX23" s="281">
        <v>1</v>
      </c>
      <c r="AY23" s="281">
        <v>0</v>
      </c>
      <c r="AZ23" s="281">
        <v>1</v>
      </c>
      <c r="BA23" s="281">
        <v>1</v>
      </c>
      <c r="BB23" s="281">
        <v>0</v>
      </c>
      <c r="BC23" s="278">
        <v>3</v>
      </c>
      <c r="BD23" s="283">
        <v>3</v>
      </c>
      <c r="BE23" s="277">
        <v>0</v>
      </c>
      <c r="BF23" s="281">
        <v>0</v>
      </c>
      <c r="BG23" s="278">
        <v>0</v>
      </c>
      <c r="BH23" s="280">
        <v>0</v>
      </c>
      <c r="BI23" s="281">
        <v>1</v>
      </c>
      <c r="BJ23" s="281">
        <v>1</v>
      </c>
      <c r="BK23" s="281">
        <v>0</v>
      </c>
      <c r="BL23" s="281">
        <v>1</v>
      </c>
      <c r="BM23" s="281">
        <v>0</v>
      </c>
      <c r="BN23" s="282">
        <v>3</v>
      </c>
      <c r="BO23" s="283">
        <v>3</v>
      </c>
      <c r="BP23" s="277">
        <v>0</v>
      </c>
      <c r="BQ23" s="281">
        <v>0</v>
      </c>
      <c r="BR23" s="278">
        <v>0</v>
      </c>
      <c r="BS23" s="280">
        <v>0</v>
      </c>
      <c r="BT23" s="281">
        <v>0</v>
      </c>
      <c r="BU23" s="281">
        <v>0</v>
      </c>
      <c r="BV23" s="281">
        <v>0</v>
      </c>
      <c r="BW23" s="281">
        <v>0</v>
      </c>
      <c r="BX23" s="281">
        <v>0</v>
      </c>
      <c r="BY23" s="278">
        <v>0</v>
      </c>
      <c r="BZ23" s="283">
        <v>0</v>
      </c>
      <c r="CA23" s="277">
        <v>0</v>
      </c>
      <c r="CB23" s="281">
        <v>0</v>
      </c>
      <c r="CC23" s="278">
        <v>0</v>
      </c>
      <c r="CD23" s="280">
        <v>0</v>
      </c>
      <c r="CE23" s="281">
        <v>0</v>
      </c>
      <c r="CF23" s="281">
        <v>0</v>
      </c>
      <c r="CG23" s="281">
        <v>0</v>
      </c>
      <c r="CH23" s="281">
        <v>0</v>
      </c>
      <c r="CI23" s="281">
        <v>0</v>
      </c>
      <c r="CJ23" s="278">
        <v>0</v>
      </c>
      <c r="CK23" s="283">
        <v>0</v>
      </c>
      <c r="CL23" s="277">
        <v>0</v>
      </c>
      <c r="CM23" s="281">
        <v>0</v>
      </c>
      <c r="CN23" s="278">
        <v>0</v>
      </c>
      <c r="CO23" s="280">
        <v>0</v>
      </c>
      <c r="CP23" s="281">
        <v>0</v>
      </c>
      <c r="CQ23" s="281">
        <v>0</v>
      </c>
      <c r="CR23" s="281">
        <v>0</v>
      </c>
      <c r="CS23" s="281">
        <v>0</v>
      </c>
      <c r="CT23" s="281">
        <v>0</v>
      </c>
      <c r="CU23" s="278">
        <v>0</v>
      </c>
      <c r="CV23" s="283">
        <v>0</v>
      </c>
    </row>
    <row r="24" spans="1:100" ht="21" customHeight="1" x14ac:dyDescent="0.2">
      <c r="A24" s="262" t="s">
        <v>22</v>
      </c>
      <c r="B24" s="277">
        <v>0</v>
      </c>
      <c r="C24" s="278">
        <v>0</v>
      </c>
      <c r="D24" s="279">
        <v>0</v>
      </c>
      <c r="E24" s="280">
        <v>0</v>
      </c>
      <c r="F24" s="281">
        <v>3</v>
      </c>
      <c r="G24" s="281">
        <v>1</v>
      </c>
      <c r="H24" s="281">
        <v>0</v>
      </c>
      <c r="I24" s="281">
        <v>0</v>
      </c>
      <c r="J24" s="281">
        <v>0</v>
      </c>
      <c r="K24" s="282">
        <v>4</v>
      </c>
      <c r="L24" s="283">
        <v>4</v>
      </c>
      <c r="M24" s="277">
        <v>0</v>
      </c>
      <c r="N24" s="281">
        <v>0</v>
      </c>
      <c r="O24" s="278">
        <v>0</v>
      </c>
      <c r="P24" s="280">
        <v>0</v>
      </c>
      <c r="Q24" s="281">
        <v>0</v>
      </c>
      <c r="R24" s="281">
        <v>0</v>
      </c>
      <c r="S24" s="281">
        <v>0</v>
      </c>
      <c r="T24" s="281">
        <v>0</v>
      </c>
      <c r="U24" s="281">
        <v>0</v>
      </c>
      <c r="V24" s="278">
        <v>0</v>
      </c>
      <c r="W24" s="283">
        <v>0</v>
      </c>
      <c r="X24" s="277">
        <v>0</v>
      </c>
      <c r="Y24" s="281">
        <v>0</v>
      </c>
      <c r="Z24" s="278">
        <v>0</v>
      </c>
      <c r="AA24" s="280">
        <v>0</v>
      </c>
      <c r="AB24" s="281">
        <v>9</v>
      </c>
      <c r="AC24" s="281">
        <v>2</v>
      </c>
      <c r="AD24" s="281">
        <v>0</v>
      </c>
      <c r="AE24" s="281">
        <v>1</v>
      </c>
      <c r="AF24" s="281">
        <v>0</v>
      </c>
      <c r="AG24" s="278">
        <v>12</v>
      </c>
      <c r="AH24" s="283">
        <v>12</v>
      </c>
      <c r="AI24" s="277">
        <v>0</v>
      </c>
      <c r="AJ24" s="281">
        <v>0</v>
      </c>
      <c r="AK24" s="278">
        <v>0</v>
      </c>
      <c r="AL24" s="280">
        <v>0</v>
      </c>
      <c r="AM24" s="281">
        <v>0</v>
      </c>
      <c r="AN24" s="281">
        <v>0</v>
      </c>
      <c r="AO24" s="281">
        <v>1</v>
      </c>
      <c r="AP24" s="281">
        <v>0</v>
      </c>
      <c r="AQ24" s="281">
        <v>0</v>
      </c>
      <c r="AR24" s="278">
        <v>1</v>
      </c>
      <c r="AS24" s="283">
        <v>1</v>
      </c>
      <c r="AT24" s="277">
        <v>1</v>
      </c>
      <c r="AU24" s="281">
        <v>0</v>
      </c>
      <c r="AV24" s="278">
        <v>1</v>
      </c>
      <c r="AW24" s="280">
        <v>0</v>
      </c>
      <c r="AX24" s="281">
        <v>0</v>
      </c>
      <c r="AY24" s="281">
        <v>1</v>
      </c>
      <c r="AZ24" s="281">
        <v>0</v>
      </c>
      <c r="BA24" s="281">
        <v>0</v>
      </c>
      <c r="BB24" s="281">
        <v>0</v>
      </c>
      <c r="BC24" s="278">
        <v>1</v>
      </c>
      <c r="BD24" s="283">
        <v>2</v>
      </c>
      <c r="BE24" s="277">
        <v>0</v>
      </c>
      <c r="BF24" s="281">
        <v>0</v>
      </c>
      <c r="BG24" s="278">
        <v>0</v>
      </c>
      <c r="BH24" s="280">
        <v>0</v>
      </c>
      <c r="BI24" s="281">
        <v>0</v>
      </c>
      <c r="BJ24" s="281">
        <v>0</v>
      </c>
      <c r="BK24" s="281">
        <v>1</v>
      </c>
      <c r="BL24" s="281">
        <v>1</v>
      </c>
      <c r="BM24" s="281">
        <v>0</v>
      </c>
      <c r="BN24" s="282">
        <v>2</v>
      </c>
      <c r="BO24" s="283">
        <v>2</v>
      </c>
      <c r="BP24" s="277">
        <v>0</v>
      </c>
      <c r="BQ24" s="281">
        <v>0</v>
      </c>
      <c r="BR24" s="278">
        <v>0</v>
      </c>
      <c r="BS24" s="280">
        <v>0</v>
      </c>
      <c r="BT24" s="281">
        <v>0</v>
      </c>
      <c r="BU24" s="281">
        <v>0</v>
      </c>
      <c r="BV24" s="281">
        <v>0</v>
      </c>
      <c r="BW24" s="281">
        <v>0</v>
      </c>
      <c r="BX24" s="281">
        <v>0</v>
      </c>
      <c r="BY24" s="278">
        <v>0</v>
      </c>
      <c r="BZ24" s="283">
        <v>0</v>
      </c>
      <c r="CA24" s="277">
        <v>0</v>
      </c>
      <c r="CB24" s="281">
        <v>0</v>
      </c>
      <c r="CC24" s="278">
        <v>0</v>
      </c>
      <c r="CD24" s="280">
        <v>0</v>
      </c>
      <c r="CE24" s="281">
        <v>0</v>
      </c>
      <c r="CF24" s="281">
        <v>0</v>
      </c>
      <c r="CG24" s="281">
        <v>0</v>
      </c>
      <c r="CH24" s="281">
        <v>2</v>
      </c>
      <c r="CI24" s="281">
        <v>0</v>
      </c>
      <c r="CJ24" s="278">
        <v>2</v>
      </c>
      <c r="CK24" s="283">
        <v>2</v>
      </c>
      <c r="CL24" s="277">
        <v>0</v>
      </c>
      <c r="CM24" s="281">
        <v>0</v>
      </c>
      <c r="CN24" s="278">
        <v>0</v>
      </c>
      <c r="CO24" s="280">
        <v>0</v>
      </c>
      <c r="CP24" s="281">
        <v>0</v>
      </c>
      <c r="CQ24" s="281">
        <v>0</v>
      </c>
      <c r="CR24" s="281">
        <v>0</v>
      </c>
      <c r="CS24" s="281">
        <v>0</v>
      </c>
      <c r="CT24" s="281">
        <v>0</v>
      </c>
      <c r="CU24" s="278">
        <v>0</v>
      </c>
      <c r="CV24" s="283">
        <v>0</v>
      </c>
    </row>
    <row r="25" spans="1:100" ht="21" customHeight="1" x14ac:dyDescent="0.2">
      <c r="A25" s="262" t="s">
        <v>23</v>
      </c>
      <c r="B25" s="277">
        <v>0</v>
      </c>
      <c r="C25" s="278">
        <v>0</v>
      </c>
      <c r="D25" s="279">
        <v>0</v>
      </c>
      <c r="E25" s="280">
        <v>0</v>
      </c>
      <c r="F25" s="281">
        <v>0</v>
      </c>
      <c r="G25" s="281">
        <v>0</v>
      </c>
      <c r="H25" s="281">
        <v>0</v>
      </c>
      <c r="I25" s="281">
        <v>0</v>
      </c>
      <c r="J25" s="281">
        <v>0</v>
      </c>
      <c r="K25" s="282">
        <v>0</v>
      </c>
      <c r="L25" s="283">
        <v>0</v>
      </c>
      <c r="M25" s="277">
        <v>0</v>
      </c>
      <c r="N25" s="281">
        <v>0</v>
      </c>
      <c r="O25" s="278">
        <v>0</v>
      </c>
      <c r="P25" s="280">
        <v>0</v>
      </c>
      <c r="Q25" s="281">
        <v>0</v>
      </c>
      <c r="R25" s="281">
        <v>0</v>
      </c>
      <c r="S25" s="281">
        <v>0</v>
      </c>
      <c r="T25" s="281">
        <v>0</v>
      </c>
      <c r="U25" s="281">
        <v>0</v>
      </c>
      <c r="V25" s="278">
        <v>0</v>
      </c>
      <c r="W25" s="283">
        <v>0</v>
      </c>
      <c r="X25" s="277">
        <v>0</v>
      </c>
      <c r="Y25" s="281">
        <v>0</v>
      </c>
      <c r="Z25" s="278">
        <v>0</v>
      </c>
      <c r="AA25" s="280">
        <v>0</v>
      </c>
      <c r="AB25" s="281">
        <v>2</v>
      </c>
      <c r="AC25" s="281">
        <v>1</v>
      </c>
      <c r="AD25" s="281">
        <v>0</v>
      </c>
      <c r="AE25" s="281">
        <v>0</v>
      </c>
      <c r="AF25" s="281">
        <v>1</v>
      </c>
      <c r="AG25" s="278">
        <v>4</v>
      </c>
      <c r="AH25" s="283">
        <v>4</v>
      </c>
      <c r="AI25" s="277">
        <v>0</v>
      </c>
      <c r="AJ25" s="281">
        <v>0</v>
      </c>
      <c r="AK25" s="278">
        <v>0</v>
      </c>
      <c r="AL25" s="280">
        <v>0</v>
      </c>
      <c r="AM25" s="281">
        <v>0</v>
      </c>
      <c r="AN25" s="281">
        <v>0</v>
      </c>
      <c r="AO25" s="281">
        <v>0</v>
      </c>
      <c r="AP25" s="281">
        <v>0</v>
      </c>
      <c r="AQ25" s="281">
        <v>0</v>
      </c>
      <c r="AR25" s="278">
        <v>0</v>
      </c>
      <c r="AS25" s="283">
        <v>0</v>
      </c>
      <c r="AT25" s="277">
        <v>0</v>
      </c>
      <c r="AU25" s="281">
        <v>0</v>
      </c>
      <c r="AV25" s="278">
        <v>0</v>
      </c>
      <c r="AW25" s="280">
        <v>0</v>
      </c>
      <c r="AX25" s="281">
        <v>0</v>
      </c>
      <c r="AY25" s="281">
        <v>0</v>
      </c>
      <c r="AZ25" s="281">
        <v>0</v>
      </c>
      <c r="BA25" s="281">
        <v>0</v>
      </c>
      <c r="BB25" s="281">
        <v>0</v>
      </c>
      <c r="BC25" s="278">
        <v>0</v>
      </c>
      <c r="BD25" s="283">
        <v>0</v>
      </c>
      <c r="BE25" s="277">
        <v>0</v>
      </c>
      <c r="BF25" s="281">
        <v>0</v>
      </c>
      <c r="BG25" s="278">
        <v>0</v>
      </c>
      <c r="BH25" s="280">
        <v>0</v>
      </c>
      <c r="BI25" s="281">
        <v>0</v>
      </c>
      <c r="BJ25" s="281">
        <v>0</v>
      </c>
      <c r="BK25" s="281">
        <v>1</v>
      </c>
      <c r="BL25" s="281">
        <v>0</v>
      </c>
      <c r="BM25" s="281">
        <v>0</v>
      </c>
      <c r="BN25" s="282">
        <v>1</v>
      </c>
      <c r="BO25" s="283">
        <v>1</v>
      </c>
      <c r="BP25" s="277">
        <v>0</v>
      </c>
      <c r="BQ25" s="281">
        <v>0</v>
      </c>
      <c r="BR25" s="278">
        <v>0</v>
      </c>
      <c r="BS25" s="280">
        <v>0</v>
      </c>
      <c r="BT25" s="281">
        <v>0</v>
      </c>
      <c r="BU25" s="281">
        <v>0</v>
      </c>
      <c r="BV25" s="281">
        <v>0</v>
      </c>
      <c r="BW25" s="281">
        <v>0</v>
      </c>
      <c r="BX25" s="281">
        <v>0</v>
      </c>
      <c r="BY25" s="278">
        <v>0</v>
      </c>
      <c r="BZ25" s="283">
        <v>0</v>
      </c>
      <c r="CA25" s="277">
        <v>0</v>
      </c>
      <c r="CB25" s="281">
        <v>0</v>
      </c>
      <c r="CC25" s="278">
        <v>0</v>
      </c>
      <c r="CD25" s="280">
        <v>0</v>
      </c>
      <c r="CE25" s="281">
        <v>0</v>
      </c>
      <c r="CF25" s="281">
        <v>0</v>
      </c>
      <c r="CG25" s="281">
        <v>0</v>
      </c>
      <c r="CH25" s="281">
        <v>0</v>
      </c>
      <c r="CI25" s="281">
        <v>0</v>
      </c>
      <c r="CJ25" s="278">
        <v>0</v>
      </c>
      <c r="CK25" s="283">
        <v>0</v>
      </c>
      <c r="CL25" s="277">
        <v>0</v>
      </c>
      <c r="CM25" s="281">
        <v>0</v>
      </c>
      <c r="CN25" s="278">
        <v>0</v>
      </c>
      <c r="CO25" s="280">
        <v>0</v>
      </c>
      <c r="CP25" s="281">
        <v>0</v>
      </c>
      <c r="CQ25" s="281">
        <v>0</v>
      </c>
      <c r="CR25" s="281">
        <v>0</v>
      </c>
      <c r="CS25" s="281">
        <v>0</v>
      </c>
      <c r="CT25" s="281">
        <v>0</v>
      </c>
      <c r="CU25" s="278">
        <v>0</v>
      </c>
      <c r="CV25" s="283">
        <v>0</v>
      </c>
    </row>
    <row r="26" spans="1:100" ht="21" customHeight="1" x14ac:dyDescent="0.2">
      <c r="A26" s="262" t="s">
        <v>24</v>
      </c>
      <c r="B26" s="277">
        <v>0</v>
      </c>
      <c r="C26" s="278">
        <v>0</v>
      </c>
      <c r="D26" s="279">
        <v>0</v>
      </c>
      <c r="E26" s="280">
        <v>0</v>
      </c>
      <c r="F26" s="281">
        <v>0</v>
      </c>
      <c r="G26" s="281">
        <v>0</v>
      </c>
      <c r="H26" s="281">
        <v>0</v>
      </c>
      <c r="I26" s="281">
        <v>1</v>
      </c>
      <c r="J26" s="281">
        <v>0</v>
      </c>
      <c r="K26" s="282">
        <v>1</v>
      </c>
      <c r="L26" s="283">
        <v>1</v>
      </c>
      <c r="M26" s="277">
        <v>0</v>
      </c>
      <c r="N26" s="281">
        <v>0</v>
      </c>
      <c r="O26" s="278">
        <v>0</v>
      </c>
      <c r="P26" s="280">
        <v>0</v>
      </c>
      <c r="Q26" s="281">
        <v>0</v>
      </c>
      <c r="R26" s="281">
        <v>0</v>
      </c>
      <c r="S26" s="281">
        <v>0</v>
      </c>
      <c r="T26" s="281">
        <v>0</v>
      </c>
      <c r="U26" s="281">
        <v>0</v>
      </c>
      <c r="V26" s="278">
        <v>0</v>
      </c>
      <c r="W26" s="283">
        <v>0</v>
      </c>
      <c r="X26" s="277">
        <v>0</v>
      </c>
      <c r="Y26" s="281">
        <v>0</v>
      </c>
      <c r="Z26" s="278">
        <v>0</v>
      </c>
      <c r="AA26" s="280">
        <v>0</v>
      </c>
      <c r="AB26" s="281">
        <v>0</v>
      </c>
      <c r="AC26" s="281">
        <v>1</v>
      </c>
      <c r="AD26" s="281">
        <v>2</v>
      </c>
      <c r="AE26" s="281">
        <v>1</v>
      </c>
      <c r="AF26" s="281">
        <v>0</v>
      </c>
      <c r="AG26" s="278">
        <v>4</v>
      </c>
      <c r="AH26" s="283">
        <v>4</v>
      </c>
      <c r="AI26" s="277">
        <v>0</v>
      </c>
      <c r="AJ26" s="281">
        <v>0</v>
      </c>
      <c r="AK26" s="278">
        <v>0</v>
      </c>
      <c r="AL26" s="280">
        <v>0</v>
      </c>
      <c r="AM26" s="281">
        <v>0</v>
      </c>
      <c r="AN26" s="281">
        <v>2</v>
      </c>
      <c r="AO26" s="281">
        <v>0</v>
      </c>
      <c r="AP26" s="281">
        <v>0</v>
      </c>
      <c r="AQ26" s="281">
        <v>1</v>
      </c>
      <c r="AR26" s="278">
        <v>3</v>
      </c>
      <c r="AS26" s="283">
        <v>3</v>
      </c>
      <c r="AT26" s="277">
        <v>1</v>
      </c>
      <c r="AU26" s="281">
        <v>1</v>
      </c>
      <c r="AV26" s="278">
        <v>2</v>
      </c>
      <c r="AW26" s="280">
        <v>0</v>
      </c>
      <c r="AX26" s="281">
        <v>4</v>
      </c>
      <c r="AY26" s="281">
        <v>0</v>
      </c>
      <c r="AZ26" s="281">
        <v>0</v>
      </c>
      <c r="BA26" s="281">
        <v>0</v>
      </c>
      <c r="BB26" s="281">
        <v>1</v>
      </c>
      <c r="BC26" s="278">
        <v>5</v>
      </c>
      <c r="BD26" s="283">
        <v>7</v>
      </c>
      <c r="BE26" s="277">
        <v>0</v>
      </c>
      <c r="BF26" s="281">
        <v>0</v>
      </c>
      <c r="BG26" s="278">
        <v>0</v>
      </c>
      <c r="BH26" s="280">
        <v>0</v>
      </c>
      <c r="BI26" s="281">
        <v>0</v>
      </c>
      <c r="BJ26" s="281">
        <v>0</v>
      </c>
      <c r="BK26" s="281">
        <v>2</v>
      </c>
      <c r="BL26" s="281">
        <v>1</v>
      </c>
      <c r="BM26" s="281">
        <v>1</v>
      </c>
      <c r="BN26" s="282">
        <v>4</v>
      </c>
      <c r="BO26" s="283">
        <v>4</v>
      </c>
      <c r="BP26" s="277">
        <v>0</v>
      </c>
      <c r="BQ26" s="281">
        <v>0</v>
      </c>
      <c r="BR26" s="278">
        <v>0</v>
      </c>
      <c r="BS26" s="280">
        <v>0</v>
      </c>
      <c r="BT26" s="281">
        <v>0</v>
      </c>
      <c r="BU26" s="281">
        <v>0</v>
      </c>
      <c r="BV26" s="281">
        <v>0</v>
      </c>
      <c r="BW26" s="281">
        <v>0</v>
      </c>
      <c r="BX26" s="281">
        <v>0</v>
      </c>
      <c r="BY26" s="278">
        <v>0</v>
      </c>
      <c r="BZ26" s="283">
        <v>0</v>
      </c>
      <c r="CA26" s="277">
        <v>0</v>
      </c>
      <c r="CB26" s="281">
        <v>0</v>
      </c>
      <c r="CC26" s="278">
        <v>0</v>
      </c>
      <c r="CD26" s="280">
        <v>0</v>
      </c>
      <c r="CE26" s="281">
        <v>0</v>
      </c>
      <c r="CF26" s="281">
        <v>0</v>
      </c>
      <c r="CG26" s="281">
        <v>0</v>
      </c>
      <c r="CH26" s="281">
        <v>0</v>
      </c>
      <c r="CI26" s="281">
        <v>0</v>
      </c>
      <c r="CJ26" s="278">
        <v>0</v>
      </c>
      <c r="CK26" s="283">
        <v>0</v>
      </c>
      <c r="CL26" s="277">
        <v>0</v>
      </c>
      <c r="CM26" s="281">
        <v>0</v>
      </c>
      <c r="CN26" s="278">
        <v>0</v>
      </c>
      <c r="CO26" s="280">
        <v>0</v>
      </c>
      <c r="CP26" s="281">
        <v>0</v>
      </c>
      <c r="CQ26" s="281">
        <v>0</v>
      </c>
      <c r="CR26" s="281">
        <v>0</v>
      </c>
      <c r="CS26" s="281">
        <v>0</v>
      </c>
      <c r="CT26" s="281">
        <v>0</v>
      </c>
      <c r="CU26" s="278">
        <v>0</v>
      </c>
      <c r="CV26" s="283">
        <v>0</v>
      </c>
    </row>
    <row r="27" spans="1:100" ht="21" customHeight="1" x14ac:dyDescent="0.2">
      <c r="A27" s="262" t="s">
        <v>25</v>
      </c>
      <c r="B27" s="277">
        <v>0</v>
      </c>
      <c r="C27" s="278">
        <v>0</v>
      </c>
      <c r="D27" s="279">
        <v>0</v>
      </c>
      <c r="E27" s="280">
        <v>0</v>
      </c>
      <c r="F27" s="281">
        <v>0</v>
      </c>
      <c r="G27" s="281">
        <v>0</v>
      </c>
      <c r="H27" s="281">
        <v>0</v>
      </c>
      <c r="I27" s="281">
        <v>0</v>
      </c>
      <c r="J27" s="281">
        <v>0</v>
      </c>
      <c r="K27" s="282">
        <v>0</v>
      </c>
      <c r="L27" s="283">
        <v>0</v>
      </c>
      <c r="M27" s="277">
        <v>0</v>
      </c>
      <c r="N27" s="281">
        <v>0</v>
      </c>
      <c r="O27" s="278">
        <v>0</v>
      </c>
      <c r="P27" s="280">
        <v>0</v>
      </c>
      <c r="Q27" s="281">
        <v>0</v>
      </c>
      <c r="R27" s="281">
        <v>0</v>
      </c>
      <c r="S27" s="281">
        <v>0</v>
      </c>
      <c r="T27" s="281">
        <v>0</v>
      </c>
      <c r="U27" s="281">
        <v>0</v>
      </c>
      <c r="V27" s="278">
        <v>0</v>
      </c>
      <c r="W27" s="283">
        <v>0</v>
      </c>
      <c r="X27" s="277">
        <v>0</v>
      </c>
      <c r="Y27" s="281">
        <v>0</v>
      </c>
      <c r="Z27" s="278">
        <v>0</v>
      </c>
      <c r="AA27" s="280">
        <v>0</v>
      </c>
      <c r="AB27" s="281">
        <v>4</v>
      </c>
      <c r="AC27" s="281">
        <v>0</v>
      </c>
      <c r="AD27" s="281">
        <v>0</v>
      </c>
      <c r="AE27" s="281">
        <v>0</v>
      </c>
      <c r="AF27" s="281">
        <v>0</v>
      </c>
      <c r="AG27" s="278">
        <v>4</v>
      </c>
      <c r="AH27" s="283">
        <v>4</v>
      </c>
      <c r="AI27" s="277">
        <v>0</v>
      </c>
      <c r="AJ27" s="281">
        <v>0</v>
      </c>
      <c r="AK27" s="278">
        <v>0</v>
      </c>
      <c r="AL27" s="280">
        <v>0</v>
      </c>
      <c r="AM27" s="281">
        <v>0</v>
      </c>
      <c r="AN27" s="281">
        <v>0</v>
      </c>
      <c r="AO27" s="281">
        <v>0</v>
      </c>
      <c r="AP27" s="281">
        <v>0</v>
      </c>
      <c r="AQ27" s="281">
        <v>0</v>
      </c>
      <c r="AR27" s="278">
        <v>0</v>
      </c>
      <c r="AS27" s="283">
        <v>0</v>
      </c>
      <c r="AT27" s="277">
        <v>0</v>
      </c>
      <c r="AU27" s="281">
        <v>0</v>
      </c>
      <c r="AV27" s="278">
        <v>0</v>
      </c>
      <c r="AW27" s="280">
        <v>0</v>
      </c>
      <c r="AX27" s="281">
        <v>0</v>
      </c>
      <c r="AY27" s="281">
        <v>0</v>
      </c>
      <c r="AZ27" s="281">
        <v>0</v>
      </c>
      <c r="BA27" s="281">
        <v>0</v>
      </c>
      <c r="BB27" s="281">
        <v>1</v>
      </c>
      <c r="BC27" s="278">
        <v>1</v>
      </c>
      <c r="BD27" s="283">
        <v>1</v>
      </c>
      <c r="BE27" s="277">
        <v>0</v>
      </c>
      <c r="BF27" s="281">
        <v>0</v>
      </c>
      <c r="BG27" s="278">
        <v>0</v>
      </c>
      <c r="BH27" s="280">
        <v>0</v>
      </c>
      <c r="BI27" s="281">
        <v>2</v>
      </c>
      <c r="BJ27" s="281">
        <v>0</v>
      </c>
      <c r="BK27" s="281">
        <v>1</v>
      </c>
      <c r="BL27" s="281">
        <v>0</v>
      </c>
      <c r="BM27" s="281">
        <v>0</v>
      </c>
      <c r="BN27" s="282">
        <v>3</v>
      </c>
      <c r="BO27" s="283">
        <v>3</v>
      </c>
      <c r="BP27" s="277">
        <v>0</v>
      </c>
      <c r="BQ27" s="281">
        <v>0</v>
      </c>
      <c r="BR27" s="278">
        <v>0</v>
      </c>
      <c r="BS27" s="280">
        <v>0</v>
      </c>
      <c r="BT27" s="281">
        <v>0</v>
      </c>
      <c r="BU27" s="281">
        <v>0</v>
      </c>
      <c r="BV27" s="281">
        <v>0</v>
      </c>
      <c r="BW27" s="281">
        <v>0</v>
      </c>
      <c r="BX27" s="281">
        <v>0</v>
      </c>
      <c r="BY27" s="278">
        <v>0</v>
      </c>
      <c r="BZ27" s="283">
        <v>0</v>
      </c>
      <c r="CA27" s="277">
        <v>0</v>
      </c>
      <c r="CB27" s="281">
        <v>0</v>
      </c>
      <c r="CC27" s="278">
        <v>0</v>
      </c>
      <c r="CD27" s="280">
        <v>0</v>
      </c>
      <c r="CE27" s="281">
        <v>0</v>
      </c>
      <c r="CF27" s="281">
        <v>0</v>
      </c>
      <c r="CG27" s="281">
        <v>0</v>
      </c>
      <c r="CH27" s="281">
        <v>0</v>
      </c>
      <c r="CI27" s="281">
        <v>0</v>
      </c>
      <c r="CJ27" s="278">
        <v>0</v>
      </c>
      <c r="CK27" s="283">
        <v>0</v>
      </c>
      <c r="CL27" s="277">
        <v>0</v>
      </c>
      <c r="CM27" s="281">
        <v>0</v>
      </c>
      <c r="CN27" s="278">
        <v>0</v>
      </c>
      <c r="CO27" s="280">
        <v>0</v>
      </c>
      <c r="CP27" s="281">
        <v>0</v>
      </c>
      <c r="CQ27" s="281">
        <v>0</v>
      </c>
      <c r="CR27" s="281">
        <v>0</v>
      </c>
      <c r="CS27" s="281">
        <v>0</v>
      </c>
      <c r="CT27" s="281">
        <v>0</v>
      </c>
      <c r="CU27" s="278">
        <v>0</v>
      </c>
      <c r="CV27" s="283">
        <v>0</v>
      </c>
    </row>
    <row r="28" spans="1:100" ht="21" customHeight="1" x14ac:dyDescent="0.2">
      <c r="A28" s="262" t="s">
        <v>26</v>
      </c>
      <c r="B28" s="277">
        <v>0</v>
      </c>
      <c r="C28" s="278">
        <v>0</v>
      </c>
      <c r="D28" s="279">
        <v>0</v>
      </c>
      <c r="E28" s="280">
        <v>0</v>
      </c>
      <c r="F28" s="281">
        <v>0</v>
      </c>
      <c r="G28" s="281">
        <v>0</v>
      </c>
      <c r="H28" s="281">
        <v>0</v>
      </c>
      <c r="I28" s="281">
        <v>0</v>
      </c>
      <c r="J28" s="281">
        <v>0</v>
      </c>
      <c r="K28" s="282">
        <v>0</v>
      </c>
      <c r="L28" s="283">
        <v>0</v>
      </c>
      <c r="M28" s="277">
        <v>0</v>
      </c>
      <c r="N28" s="281">
        <v>0</v>
      </c>
      <c r="O28" s="278">
        <v>0</v>
      </c>
      <c r="P28" s="280">
        <v>0</v>
      </c>
      <c r="Q28" s="281">
        <v>0</v>
      </c>
      <c r="R28" s="281">
        <v>0</v>
      </c>
      <c r="S28" s="281">
        <v>0</v>
      </c>
      <c r="T28" s="281">
        <v>0</v>
      </c>
      <c r="U28" s="281">
        <v>0</v>
      </c>
      <c r="V28" s="278">
        <v>0</v>
      </c>
      <c r="W28" s="283">
        <v>0</v>
      </c>
      <c r="X28" s="277">
        <v>0</v>
      </c>
      <c r="Y28" s="281">
        <v>0</v>
      </c>
      <c r="Z28" s="278">
        <v>0</v>
      </c>
      <c r="AA28" s="280">
        <v>0</v>
      </c>
      <c r="AB28" s="281">
        <v>3</v>
      </c>
      <c r="AC28" s="281">
        <v>2</v>
      </c>
      <c r="AD28" s="281">
        <v>2</v>
      </c>
      <c r="AE28" s="281">
        <v>0</v>
      </c>
      <c r="AF28" s="281">
        <v>1</v>
      </c>
      <c r="AG28" s="278">
        <v>8</v>
      </c>
      <c r="AH28" s="283">
        <v>8</v>
      </c>
      <c r="AI28" s="277">
        <v>0</v>
      </c>
      <c r="AJ28" s="281">
        <v>0</v>
      </c>
      <c r="AK28" s="278">
        <v>0</v>
      </c>
      <c r="AL28" s="280">
        <v>0</v>
      </c>
      <c r="AM28" s="281">
        <v>0</v>
      </c>
      <c r="AN28" s="281">
        <v>0</v>
      </c>
      <c r="AO28" s="281">
        <v>0</v>
      </c>
      <c r="AP28" s="281">
        <v>0</v>
      </c>
      <c r="AQ28" s="281">
        <v>1</v>
      </c>
      <c r="AR28" s="278">
        <v>1</v>
      </c>
      <c r="AS28" s="283">
        <v>1</v>
      </c>
      <c r="AT28" s="277">
        <v>0</v>
      </c>
      <c r="AU28" s="281">
        <v>0</v>
      </c>
      <c r="AV28" s="278">
        <v>0</v>
      </c>
      <c r="AW28" s="280">
        <v>0</v>
      </c>
      <c r="AX28" s="281">
        <v>1</v>
      </c>
      <c r="AY28" s="281">
        <v>0</v>
      </c>
      <c r="AZ28" s="281">
        <v>0</v>
      </c>
      <c r="BA28" s="281">
        <v>0</v>
      </c>
      <c r="BB28" s="281">
        <v>0</v>
      </c>
      <c r="BC28" s="278">
        <v>1</v>
      </c>
      <c r="BD28" s="283">
        <v>1</v>
      </c>
      <c r="BE28" s="277">
        <v>0</v>
      </c>
      <c r="BF28" s="281">
        <v>0</v>
      </c>
      <c r="BG28" s="278">
        <v>0</v>
      </c>
      <c r="BH28" s="280">
        <v>0</v>
      </c>
      <c r="BI28" s="281">
        <v>0</v>
      </c>
      <c r="BJ28" s="281">
        <v>0</v>
      </c>
      <c r="BK28" s="281">
        <v>1</v>
      </c>
      <c r="BL28" s="281">
        <v>1</v>
      </c>
      <c r="BM28" s="281">
        <v>2</v>
      </c>
      <c r="BN28" s="282">
        <v>4</v>
      </c>
      <c r="BO28" s="283">
        <v>4</v>
      </c>
      <c r="BP28" s="277">
        <v>0</v>
      </c>
      <c r="BQ28" s="281">
        <v>0</v>
      </c>
      <c r="BR28" s="278">
        <v>0</v>
      </c>
      <c r="BS28" s="280">
        <v>0</v>
      </c>
      <c r="BT28" s="281">
        <v>0</v>
      </c>
      <c r="BU28" s="281">
        <v>0</v>
      </c>
      <c r="BV28" s="281">
        <v>0</v>
      </c>
      <c r="BW28" s="281">
        <v>0</v>
      </c>
      <c r="BX28" s="281">
        <v>0</v>
      </c>
      <c r="BY28" s="278">
        <v>0</v>
      </c>
      <c r="BZ28" s="283">
        <v>0</v>
      </c>
      <c r="CA28" s="277">
        <v>0</v>
      </c>
      <c r="CB28" s="281">
        <v>0</v>
      </c>
      <c r="CC28" s="278">
        <v>0</v>
      </c>
      <c r="CD28" s="280">
        <v>0</v>
      </c>
      <c r="CE28" s="281">
        <v>0</v>
      </c>
      <c r="CF28" s="281">
        <v>0</v>
      </c>
      <c r="CG28" s="281">
        <v>0</v>
      </c>
      <c r="CH28" s="281">
        <v>0</v>
      </c>
      <c r="CI28" s="281">
        <v>0</v>
      </c>
      <c r="CJ28" s="278">
        <v>0</v>
      </c>
      <c r="CK28" s="283">
        <v>0</v>
      </c>
      <c r="CL28" s="277">
        <v>0</v>
      </c>
      <c r="CM28" s="281">
        <v>0</v>
      </c>
      <c r="CN28" s="278">
        <v>0</v>
      </c>
      <c r="CO28" s="280">
        <v>0</v>
      </c>
      <c r="CP28" s="281">
        <v>0</v>
      </c>
      <c r="CQ28" s="281">
        <v>0</v>
      </c>
      <c r="CR28" s="281">
        <v>0</v>
      </c>
      <c r="CS28" s="281">
        <v>0</v>
      </c>
      <c r="CT28" s="281">
        <v>0</v>
      </c>
      <c r="CU28" s="278">
        <v>0</v>
      </c>
      <c r="CV28" s="283">
        <v>0</v>
      </c>
    </row>
    <row r="29" spans="1:100" ht="21" customHeight="1" x14ac:dyDescent="0.2">
      <c r="A29" s="262" t="s">
        <v>27</v>
      </c>
      <c r="B29" s="277">
        <v>0</v>
      </c>
      <c r="C29" s="278">
        <v>0</v>
      </c>
      <c r="D29" s="279">
        <v>0</v>
      </c>
      <c r="E29" s="280">
        <v>0</v>
      </c>
      <c r="F29" s="281">
        <v>0</v>
      </c>
      <c r="G29" s="281">
        <v>0</v>
      </c>
      <c r="H29" s="281">
        <v>0</v>
      </c>
      <c r="I29" s="281">
        <v>0</v>
      </c>
      <c r="J29" s="281">
        <v>0</v>
      </c>
      <c r="K29" s="282">
        <v>0</v>
      </c>
      <c r="L29" s="283">
        <v>0</v>
      </c>
      <c r="M29" s="277">
        <v>0</v>
      </c>
      <c r="N29" s="281">
        <v>0</v>
      </c>
      <c r="O29" s="278">
        <v>0</v>
      </c>
      <c r="P29" s="280">
        <v>0</v>
      </c>
      <c r="Q29" s="281">
        <v>0</v>
      </c>
      <c r="R29" s="281">
        <v>0</v>
      </c>
      <c r="S29" s="281">
        <v>0</v>
      </c>
      <c r="T29" s="281">
        <v>0</v>
      </c>
      <c r="U29" s="281">
        <v>0</v>
      </c>
      <c r="V29" s="278">
        <v>0</v>
      </c>
      <c r="W29" s="283">
        <v>0</v>
      </c>
      <c r="X29" s="277">
        <v>0</v>
      </c>
      <c r="Y29" s="281">
        <v>0</v>
      </c>
      <c r="Z29" s="278">
        <v>0</v>
      </c>
      <c r="AA29" s="280">
        <v>0</v>
      </c>
      <c r="AB29" s="281">
        <v>0</v>
      </c>
      <c r="AC29" s="281">
        <v>1</v>
      </c>
      <c r="AD29" s="281">
        <v>0</v>
      </c>
      <c r="AE29" s="281">
        <v>0</v>
      </c>
      <c r="AF29" s="281">
        <v>0</v>
      </c>
      <c r="AG29" s="278">
        <v>1</v>
      </c>
      <c r="AH29" s="283">
        <v>1</v>
      </c>
      <c r="AI29" s="277">
        <v>0</v>
      </c>
      <c r="AJ29" s="281">
        <v>0</v>
      </c>
      <c r="AK29" s="278">
        <v>0</v>
      </c>
      <c r="AL29" s="280">
        <v>0</v>
      </c>
      <c r="AM29" s="281">
        <v>1</v>
      </c>
      <c r="AN29" s="281">
        <v>0</v>
      </c>
      <c r="AO29" s="281">
        <v>0</v>
      </c>
      <c r="AP29" s="281">
        <v>0</v>
      </c>
      <c r="AQ29" s="281">
        <v>0</v>
      </c>
      <c r="AR29" s="278">
        <v>1</v>
      </c>
      <c r="AS29" s="283">
        <v>1</v>
      </c>
      <c r="AT29" s="277">
        <v>0</v>
      </c>
      <c r="AU29" s="281">
        <v>0</v>
      </c>
      <c r="AV29" s="278">
        <v>0</v>
      </c>
      <c r="AW29" s="280">
        <v>0</v>
      </c>
      <c r="AX29" s="281">
        <v>0</v>
      </c>
      <c r="AY29" s="281">
        <v>0</v>
      </c>
      <c r="AZ29" s="281">
        <v>0</v>
      </c>
      <c r="BA29" s="281">
        <v>0</v>
      </c>
      <c r="BB29" s="281">
        <v>0</v>
      </c>
      <c r="BC29" s="278">
        <v>0</v>
      </c>
      <c r="BD29" s="283">
        <v>0</v>
      </c>
      <c r="BE29" s="277">
        <v>0</v>
      </c>
      <c r="BF29" s="281">
        <v>0</v>
      </c>
      <c r="BG29" s="278">
        <v>0</v>
      </c>
      <c r="BH29" s="280">
        <v>0</v>
      </c>
      <c r="BI29" s="281">
        <v>0</v>
      </c>
      <c r="BJ29" s="281">
        <v>0</v>
      </c>
      <c r="BK29" s="281">
        <v>0</v>
      </c>
      <c r="BL29" s="281">
        <v>0</v>
      </c>
      <c r="BM29" s="281">
        <v>0</v>
      </c>
      <c r="BN29" s="282">
        <v>0</v>
      </c>
      <c r="BO29" s="283">
        <v>0</v>
      </c>
      <c r="BP29" s="277">
        <v>0</v>
      </c>
      <c r="BQ29" s="281">
        <v>0</v>
      </c>
      <c r="BR29" s="278">
        <v>0</v>
      </c>
      <c r="BS29" s="280">
        <v>0</v>
      </c>
      <c r="BT29" s="281">
        <v>0</v>
      </c>
      <c r="BU29" s="281">
        <v>0</v>
      </c>
      <c r="BV29" s="281">
        <v>0</v>
      </c>
      <c r="BW29" s="281">
        <v>0</v>
      </c>
      <c r="BX29" s="281">
        <v>0</v>
      </c>
      <c r="BY29" s="278">
        <v>0</v>
      </c>
      <c r="BZ29" s="283">
        <v>0</v>
      </c>
      <c r="CA29" s="277">
        <v>0</v>
      </c>
      <c r="CB29" s="281">
        <v>0</v>
      </c>
      <c r="CC29" s="278">
        <v>0</v>
      </c>
      <c r="CD29" s="280">
        <v>0</v>
      </c>
      <c r="CE29" s="281">
        <v>0</v>
      </c>
      <c r="CF29" s="281">
        <v>0</v>
      </c>
      <c r="CG29" s="281">
        <v>0</v>
      </c>
      <c r="CH29" s="281">
        <v>0</v>
      </c>
      <c r="CI29" s="281">
        <v>0</v>
      </c>
      <c r="CJ29" s="278">
        <v>0</v>
      </c>
      <c r="CK29" s="283">
        <v>0</v>
      </c>
      <c r="CL29" s="277">
        <v>0</v>
      </c>
      <c r="CM29" s="281">
        <v>0</v>
      </c>
      <c r="CN29" s="278">
        <v>0</v>
      </c>
      <c r="CO29" s="280">
        <v>0</v>
      </c>
      <c r="CP29" s="281">
        <v>0</v>
      </c>
      <c r="CQ29" s="281">
        <v>0</v>
      </c>
      <c r="CR29" s="281">
        <v>0</v>
      </c>
      <c r="CS29" s="281">
        <v>0</v>
      </c>
      <c r="CT29" s="281">
        <v>0</v>
      </c>
      <c r="CU29" s="278">
        <v>0</v>
      </c>
      <c r="CV29" s="283">
        <v>0</v>
      </c>
    </row>
    <row r="30" spans="1:100" ht="21" customHeight="1" x14ac:dyDescent="0.2">
      <c r="A30" s="262" t="s">
        <v>28</v>
      </c>
      <c r="B30" s="277">
        <v>0</v>
      </c>
      <c r="C30" s="278">
        <v>0</v>
      </c>
      <c r="D30" s="279">
        <v>0</v>
      </c>
      <c r="E30" s="280">
        <v>0</v>
      </c>
      <c r="F30" s="281">
        <v>0</v>
      </c>
      <c r="G30" s="281">
        <v>0</v>
      </c>
      <c r="H30" s="281">
        <v>0</v>
      </c>
      <c r="I30" s="281">
        <v>0</v>
      </c>
      <c r="J30" s="281">
        <v>0</v>
      </c>
      <c r="K30" s="282">
        <v>0</v>
      </c>
      <c r="L30" s="283">
        <v>0</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4</v>
      </c>
      <c r="AC30" s="281">
        <v>1</v>
      </c>
      <c r="AD30" s="281">
        <v>0</v>
      </c>
      <c r="AE30" s="281">
        <v>0</v>
      </c>
      <c r="AF30" s="281">
        <v>0</v>
      </c>
      <c r="AG30" s="278">
        <v>5</v>
      </c>
      <c r="AH30" s="283">
        <v>5</v>
      </c>
      <c r="AI30" s="277">
        <v>0</v>
      </c>
      <c r="AJ30" s="281">
        <v>0</v>
      </c>
      <c r="AK30" s="278">
        <v>0</v>
      </c>
      <c r="AL30" s="280">
        <v>0</v>
      </c>
      <c r="AM30" s="281">
        <v>0</v>
      </c>
      <c r="AN30" s="281">
        <v>0</v>
      </c>
      <c r="AO30" s="281">
        <v>0</v>
      </c>
      <c r="AP30" s="281">
        <v>0</v>
      </c>
      <c r="AQ30" s="281">
        <v>0</v>
      </c>
      <c r="AR30" s="278">
        <v>0</v>
      </c>
      <c r="AS30" s="283">
        <v>0</v>
      </c>
      <c r="AT30" s="277">
        <v>0</v>
      </c>
      <c r="AU30" s="281">
        <v>0</v>
      </c>
      <c r="AV30" s="278">
        <v>0</v>
      </c>
      <c r="AW30" s="280">
        <v>0</v>
      </c>
      <c r="AX30" s="281">
        <v>0</v>
      </c>
      <c r="AY30" s="281">
        <v>0</v>
      </c>
      <c r="AZ30" s="281">
        <v>0</v>
      </c>
      <c r="BA30" s="281">
        <v>0</v>
      </c>
      <c r="BB30" s="281">
        <v>0</v>
      </c>
      <c r="BC30" s="278">
        <v>0</v>
      </c>
      <c r="BD30" s="283">
        <v>0</v>
      </c>
      <c r="BE30" s="277">
        <v>0</v>
      </c>
      <c r="BF30" s="281">
        <v>0</v>
      </c>
      <c r="BG30" s="278">
        <v>0</v>
      </c>
      <c r="BH30" s="280">
        <v>0</v>
      </c>
      <c r="BI30" s="281">
        <v>0</v>
      </c>
      <c r="BJ30" s="281">
        <v>0</v>
      </c>
      <c r="BK30" s="281">
        <v>0</v>
      </c>
      <c r="BL30" s="281">
        <v>0</v>
      </c>
      <c r="BM30" s="281">
        <v>0</v>
      </c>
      <c r="BN30" s="282">
        <v>0</v>
      </c>
      <c r="BO30" s="283">
        <v>0</v>
      </c>
      <c r="BP30" s="277">
        <v>0</v>
      </c>
      <c r="BQ30" s="281">
        <v>0</v>
      </c>
      <c r="BR30" s="278">
        <v>0</v>
      </c>
      <c r="BS30" s="280">
        <v>0</v>
      </c>
      <c r="BT30" s="281">
        <v>0</v>
      </c>
      <c r="BU30" s="281">
        <v>0</v>
      </c>
      <c r="BV30" s="281">
        <v>0</v>
      </c>
      <c r="BW30" s="281">
        <v>0</v>
      </c>
      <c r="BX30" s="281">
        <v>0</v>
      </c>
      <c r="BY30" s="278">
        <v>0</v>
      </c>
      <c r="BZ30" s="283">
        <v>0</v>
      </c>
      <c r="CA30" s="277">
        <v>0</v>
      </c>
      <c r="CB30" s="281">
        <v>0</v>
      </c>
      <c r="CC30" s="278">
        <v>0</v>
      </c>
      <c r="CD30" s="280">
        <v>0</v>
      </c>
      <c r="CE30" s="281">
        <v>0</v>
      </c>
      <c r="CF30" s="281">
        <v>0</v>
      </c>
      <c r="CG30" s="281">
        <v>0</v>
      </c>
      <c r="CH30" s="281">
        <v>0</v>
      </c>
      <c r="CI30" s="281">
        <v>0</v>
      </c>
      <c r="CJ30" s="278">
        <v>0</v>
      </c>
      <c r="CK30" s="283">
        <v>0</v>
      </c>
      <c r="CL30" s="277">
        <v>0</v>
      </c>
      <c r="CM30" s="281">
        <v>0</v>
      </c>
      <c r="CN30" s="278">
        <v>0</v>
      </c>
      <c r="CO30" s="280">
        <v>0</v>
      </c>
      <c r="CP30" s="281">
        <v>0</v>
      </c>
      <c r="CQ30" s="281">
        <v>0</v>
      </c>
      <c r="CR30" s="281">
        <v>0</v>
      </c>
      <c r="CS30" s="281">
        <v>0</v>
      </c>
      <c r="CT30" s="281">
        <v>0</v>
      </c>
      <c r="CU30" s="278">
        <v>0</v>
      </c>
      <c r="CV30" s="283">
        <v>0</v>
      </c>
    </row>
    <row r="31" spans="1:100" ht="21" customHeight="1" x14ac:dyDescent="0.2">
      <c r="A31" s="262" t="s">
        <v>29</v>
      </c>
      <c r="B31" s="277">
        <v>0</v>
      </c>
      <c r="C31" s="278">
        <v>0</v>
      </c>
      <c r="D31" s="279">
        <v>0</v>
      </c>
      <c r="E31" s="280">
        <v>0</v>
      </c>
      <c r="F31" s="281">
        <v>0</v>
      </c>
      <c r="G31" s="281">
        <v>0</v>
      </c>
      <c r="H31" s="281">
        <v>0</v>
      </c>
      <c r="I31" s="281">
        <v>0</v>
      </c>
      <c r="J31" s="281">
        <v>0</v>
      </c>
      <c r="K31" s="282">
        <v>0</v>
      </c>
      <c r="L31" s="283">
        <v>0</v>
      </c>
      <c r="M31" s="277">
        <v>0</v>
      </c>
      <c r="N31" s="281">
        <v>0</v>
      </c>
      <c r="O31" s="278">
        <v>0</v>
      </c>
      <c r="P31" s="280">
        <v>0</v>
      </c>
      <c r="Q31" s="281">
        <v>0</v>
      </c>
      <c r="R31" s="281">
        <v>0</v>
      </c>
      <c r="S31" s="281">
        <v>0</v>
      </c>
      <c r="T31" s="281">
        <v>0</v>
      </c>
      <c r="U31" s="281">
        <v>0</v>
      </c>
      <c r="V31" s="278">
        <v>0</v>
      </c>
      <c r="W31" s="283">
        <v>0</v>
      </c>
      <c r="X31" s="277">
        <v>0</v>
      </c>
      <c r="Y31" s="281">
        <v>0</v>
      </c>
      <c r="Z31" s="278">
        <v>0</v>
      </c>
      <c r="AA31" s="280">
        <v>0</v>
      </c>
      <c r="AB31" s="281">
        <v>0</v>
      </c>
      <c r="AC31" s="281">
        <v>1</v>
      </c>
      <c r="AD31" s="281">
        <v>0</v>
      </c>
      <c r="AE31" s="281">
        <v>0</v>
      </c>
      <c r="AF31" s="281">
        <v>0</v>
      </c>
      <c r="AG31" s="278">
        <v>1</v>
      </c>
      <c r="AH31" s="283">
        <v>1</v>
      </c>
      <c r="AI31" s="277">
        <v>0</v>
      </c>
      <c r="AJ31" s="281">
        <v>0</v>
      </c>
      <c r="AK31" s="278">
        <v>0</v>
      </c>
      <c r="AL31" s="280">
        <v>0</v>
      </c>
      <c r="AM31" s="281">
        <v>0</v>
      </c>
      <c r="AN31" s="281">
        <v>0</v>
      </c>
      <c r="AO31" s="281">
        <v>1</v>
      </c>
      <c r="AP31" s="281">
        <v>0</v>
      </c>
      <c r="AQ31" s="281">
        <v>0</v>
      </c>
      <c r="AR31" s="278">
        <v>1</v>
      </c>
      <c r="AS31" s="283">
        <v>1</v>
      </c>
      <c r="AT31" s="277">
        <v>0</v>
      </c>
      <c r="AU31" s="281">
        <v>0</v>
      </c>
      <c r="AV31" s="278">
        <v>0</v>
      </c>
      <c r="AW31" s="280">
        <v>0</v>
      </c>
      <c r="AX31" s="281">
        <v>1</v>
      </c>
      <c r="AY31" s="281">
        <v>0</v>
      </c>
      <c r="AZ31" s="281">
        <v>0</v>
      </c>
      <c r="BA31" s="281">
        <v>0</v>
      </c>
      <c r="BB31" s="281">
        <v>0</v>
      </c>
      <c r="BC31" s="278">
        <v>1</v>
      </c>
      <c r="BD31" s="283">
        <v>1</v>
      </c>
      <c r="BE31" s="277">
        <v>0</v>
      </c>
      <c r="BF31" s="281">
        <v>0</v>
      </c>
      <c r="BG31" s="278">
        <v>0</v>
      </c>
      <c r="BH31" s="280">
        <v>0</v>
      </c>
      <c r="BI31" s="281">
        <v>0</v>
      </c>
      <c r="BJ31" s="281">
        <v>0</v>
      </c>
      <c r="BK31" s="281">
        <v>0</v>
      </c>
      <c r="BL31" s="281">
        <v>0</v>
      </c>
      <c r="BM31" s="281">
        <v>0</v>
      </c>
      <c r="BN31" s="282">
        <v>0</v>
      </c>
      <c r="BO31" s="283">
        <v>0</v>
      </c>
      <c r="BP31" s="277">
        <v>0</v>
      </c>
      <c r="BQ31" s="281">
        <v>0</v>
      </c>
      <c r="BR31" s="278">
        <v>0</v>
      </c>
      <c r="BS31" s="280">
        <v>0</v>
      </c>
      <c r="BT31" s="281">
        <v>0</v>
      </c>
      <c r="BU31" s="281">
        <v>0</v>
      </c>
      <c r="BV31" s="281">
        <v>0</v>
      </c>
      <c r="BW31" s="281">
        <v>0</v>
      </c>
      <c r="BX31" s="281">
        <v>0</v>
      </c>
      <c r="BY31" s="278">
        <v>0</v>
      </c>
      <c r="BZ31" s="283">
        <v>0</v>
      </c>
      <c r="CA31" s="277">
        <v>0</v>
      </c>
      <c r="CB31" s="281">
        <v>0</v>
      </c>
      <c r="CC31" s="278">
        <v>0</v>
      </c>
      <c r="CD31" s="280">
        <v>0</v>
      </c>
      <c r="CE31" s="281">
        <v>0</v>
      </c>
      <c r="CF31" s="281">
        <v>0</v>
      </c>
      <c r="CG31" s="281">
        <v>1</v>
      </c>
      <c r="CH31" s="281">
        <v>0</v>
      </c>
      <c r="CI31" s="281">
        <v>0</v>
      </c>
      <c r="CJ31" s="278">
        <v>1</v>
      </c>
      <c r="CK31" s="283">
        <v>1</v>
      </c>
      <c r="CL31" s="277">
        <v>0</v>
      </c>
      <c r="CM31" s="281">
        <v>0</v>
      </c>
      <c r="CN31" s="278">
        <v>0</v>
      </c>
      <c r="CO31" s="280">
        <v>0</v>
      </c>
      <c r="CP31" s="281">
        <v>0</v>
      </c>
      <c r="CQ31" s="281">
        <v>0</v>
      </c>
      <c r="CR31" s="281">
        <v>0</v>
      </c>
      <c r="CS31" s="281">
        <v>0</v>
      </c>
      <c r="CT31" s="281">
        <v>0</v>
      </c>
      <c r="CU31" s="278">
        <v>0</v>
      </c>
      <c r="CV31" s="283">
        <v>0</v>
      </c>
    </row>
    <row r="32" spans="1:100" ht="21" customHeight="1" x14ac:dyDescent="0.2">
      <c r="A32" s="262" t="s">
        <v>30</v>
      </c>
      <c r="B32" s="277">
        <v>0</v>
      </c>
      <c r="C32" s="278">
        <v>0</v>
      </c>
      <c r="D32" s="279">
        <v>0</v>
      </c>
      <c r="E32" s="280">
        <v>0</v>
      </c>
      <c r="F32" s="281">
        <v>0</v>
      </c>
      <c r="G32" s="281">
        <v>0</v>
      </c>
      <c r="H32" s="281">
        <v>0</v>
      </c>
      <c r="I32" s="281">
        <v>0</v>
      </c>
      <c r="J32" s="281">
        <v>0</v>
      </c>
      <c r="K32" s="282">
        <v>0</v>
      </c>
      <c r="L32" s="283">
        <v>0</v>
      </c>
      <c r="M32" s="277">
        <v>0</v>
      </c>
      <c r="N32" s="281">
        <v>0</v>
      </c>
      <c r="O32" s="278">
        <v>0</v>
      </c>
      <c r="P32" s="280">
        <v>0</v>
      </c>
      <c r="Q32" s="281">
        <v>0</v>
      </c>
      <c r="R32" s="281">
        <v>0</v>
      </c>
      <c r="S32" s="281">
        <v>0</v>
      </c>
      <c r="T32" s="281">
        <v>0</v>
      </c>
      <c r="U32" s="281">
        <v>0</v>
      </c>
      <c r="V32" s="278">
        <v>0</v>
      </c>
      <c r="W32" s="283">
        <v>0</v>
      </c>
      <c r="X32" s="277">
        <v>0</v>
      </c>
      <c r="Y32" s="281">
        <v>0</v>
      </c>
      <c r="Z32" s="278">
        <v>0</v>
      </c>
      <c r="AA32" s="280">
        <v>0</v>
      </c>
      <c r="AB32" s="281">
        <v>2</v>
      </c>
      <c r="AC32" s="281">
        <v>0</v>
      </c>
      <c r="AD32" s="281">
        <v>0</v>
      </c>
      <c r="AE32" s="281">
        <v>0</v>
      </c>
      <c r="AF32" s="281">
        <v>0</v>
      </c>
      <c r="AG32" s="278">
        <v>2</v>
      </c>
      <c r="AH32" s="283">
        <v>2</v>
      </c>
      <c r="AI32" s="277">
        <v>0</v>
      </c>
      <c r="AJ32" s="281">
        <v>0</v>
      </c>
      <c r="AK32" s="278">
        <v>0</v>
      </c>
      <c r="AL32" s="280">
        <v>0</v>
      </c>
      <c r="AM32" s="281">
        <v>0</v>
      </c>
      <c r="AN32" s="281">
        <v>1</v>
      </c>
      <c r="AO32" s="281">
        <v>0</v>
      </c>
      <c r="AP32" s="281">
        <v>0</v>
      </c>
      <c r="AQ32" s="281">
        <v>0</v>
      </c>
      <c r="AR32" s="278">
        <v>1</v>
      </c>
      <c r="AS32" s="283">
        <v>1</v>
      </c>
      <c r="AT32" s="277">
        <v>0</v>
      </c>
      <c r="AU32" s="281">
        <v>0</v>
      </c>
      <c r="AV32" s="278">
        <v>0</v>
      </c>
      <c r="AW32" s="280">
        <v>0</v>
      </c>
      <c r="AX32" s="281">
        <v>0</v>
      </c>
      <c r="AY32" s="281">
        <v>0</v>
      </c>
      <c r="AZ32" s="281">
        <v>0</v>
      </c>
      <c r="BA32" s="281">
        <v>0</v>
      </c>
      <c r="BB32" s="281">
        <v>0</v>
      </c>
      <c r="BC32" s="278">
        <v>0</v>
      </c>
      <c r="BD32" s="283">
        <v>0</v>
      </c>
      <c r="BE32" s="277">
        <v>0</v>
      </c>
      <c r="BF32" s="281">
        <v>0</v>
      </c>
      <c r="BG32" s="278">
        <v>0</v>
      </c>
      <c r="BH32" s="280">
        <v>0</v>
      </c>
      <c r="BI32" s="281">
        <v>1</v>
      </c>
      <c r="BJ32" s="281">
        <v>0</v>
      </c>
      <c r="BK32" s="281">
        <v>0</v>
      </c>
      <c r="BL32" s="281">
        <v>0</v>
      </c>
      <c r="BM32" s="281">
        <v>0</v>
      </c>
      <c r="BN32" s="282">
        <v>1</v>
      </c>
      <c r="BO32" s="283">
        <v>1</v>
      </c>
      <c r="BP32" s="277">
        <v>0</v>
      </c>
      <c r="BQ32" s="281">
        <v>0</v>
      </c>
      <c r="BR32" s="278">
        <v>0</v>
      </c>
      <c r="BS32" s="280">
        <v>0</v>
      </c>
      <c r="BT32" s="281">
        <v>0</v>
      </c>
      <c r="BU32" s="281">
        <v>0</v>
      </c>
      <c r="BV32" s="281">
        <v>0</v>
      </c>
      <c r="BW32" s="281">
        <v>0</v>
      </c>
      <c r="BX32" s="281">
        <v>0</v>
      </c>
      <c r="BY32" s="278">
        <v>0</v>
      </c>
      <c r="BZ32" s="283">
        <v>0</v>
      </c>
      <c r="CA32" s="277">
        <v>0</v>
      </c>
      <c r="CB32" s="281">
        <v>0</v>
      </c>
      <c r="CC32" s="278">
        <v>0</v>
      </c>
      <c r="CD32" s="280">
        <v>0</v>
      </c>
      <c r="CE32" s="281">
        <v>0</v>
      </c>
      <c r="CF32" s="281">
        <v>0</v>
      </c>
      <c r="CG32" s="281">
        <v>0</v>
      </c>
      <c r="CH32" s="281">
        <v>0</v>
      </c>
      <c r="CI32" s="281">
        <v>0</v>
      </c>
      <c r="CJ32" s="278">
        <v>0</v>
      </c>
      <c r="CK32" s="283">
        <v>0</v>
      </c>
      <c r="CL32" s="277">
        <v>0</v>
      </c>
      <c r="CM32" s="281">
        <v>0</v>
      </c>
      <c r="CN32" s="278">
        <v>0</v>
      </c>
      <c r="CO32" s="280">
        <v>0</v>
      </c>
      <c r="CP32" s="281">
        <v>0</v>
      </c>
      <c r="CQ32" s="281">
        <v>0</v>
      </c>
      <c r="CR32" s="281">
        <v>0</v>
      </c>
      <c r="CS32" s="281">
        <v>0</v>
      </c>
      <c r="CT32" s="281">
        <v>0</v>
      </c>
      <c r="CU32" s="278">
        <v>0</v>
      </c>
      <c r="CV32" s="283">
        <v>0</v>
      </c>
    </row>
    <row r="33" spans="1:100" ht="21" customHeight="1" x14ac:dyDescent="0.2">
      <c r="A33" s="262" t="s">
        <v>31</v>
      </c>
      <c r="B33" s="277">
        <v>0</v>
      </c>
      <c r="C33" s="278">
        <v>0</v>
      </c>
      <c r="D33" s="279">
        <v>0</v>
      </c>
      <c r="E33" s="280">
        <v>0</v>
      </c>
      <c r="F33" s="281">
        <v>0</v>
      </c>
      <c r="G33" s="281">
        <v>1</v>
      </c>
      <c r="H33" s="281">
        <v>0</v>
      </c>
      <c r="I33" s="281">
        <v>0</v>
      </c>
      <c r="J33" s="281">
        <v>0</v>
      </c>
      <c r="K33" s="282">
        <v>1</v>
      </c>
      <c r="L33" s="283">
        <v>1</v>
      </c>
      <c r="M33" s="277">
        <v>0</v>
      </c>
      <c r="N33" s="281">
        <v>0</v>
      </c>
      <c r="O33" s="278">
        <v>0</v>
      </c>
      <c r="P33" s="280">
        <v>0</v>
      </c>
      <c r="Q33" s="281">
        <v>0</v>
      </c>
      <c r="R33" s="281">
        <v>0</v>
      </c>
      <c r="S33" s="281">
        <v>0</v>
      </c>
      <c r="T33" s="281">
        <v>0</v>
      </c>
      <c r="U33" s="281">
        <v>0</v>
      </c>
      <c r="V33" s="278">
        <v>0</v>
      </c>
      <c r="W33" s="283">
        <v>0</v>
      </c>
      <c r="X33" s="277">
        <v>0</v>
      </c>
      <c r="Y33" s="281">
        <v>0</v>
      </c>
      <c r="Z33" s="278">
        <v>0</v>
      </c>
      <c r="AA33" s="280">
        <v>0</v>
      </c>
      <c r="AB33" s="281">
        <v>2</v>
      </c>
      <c r="AC33" s="281">
        <v>2</v>
      </c>
      <c r="AD33" s="281">
        <v>2</v>
      </c>
      <c r="AE33" s="281">
        <v>0</v>
      </c>
      <c r="AF33" s="281">
        <v>0</v>
      </c>
      <c r="AG33" s="278">
        <v>6</v>
      </c>
      <c r="AH33" s="283">
        <v>6</v>
      </c>
      <c r="AI33" s="277">
        <v>0</v>
      </c>
      <c r="AJ33" s="281">
        <v>0</v>
      </c>
      <c r="AK33" s="278">
        <v>0</v>
      </c>
      <c r="AL33" s="280">
        <v>0</v>
      </c>
      <c r="AM33" s="281">
        <v>0</v>
      </c>
      <c r="AN33" s="281">
        <v>0</v>
      </c>
      <c r="AO33" s="281">
        <v>0</v>
      </c>
      <c r="AP33" s="281">
        <v>0</v>
      </c>
      <c r="AQ33" s="281">
        <v>0</v>
      </c>
      <c r="AR33" s="278">
        <v>0</v>
      </c>
      <c r="AS33" s="283">
        <v>0</v>
      </c>
      <c r="AT33" s="277">
        <v>0</v>
      </c>
      <c r="AU33" s="281">
        <v>0</v>
      </c>
      <c r="AV33" s="278">
        <v>0</v>
      </c>
      <c r="AW33" s="280">
        <v>0</v>
      </c>
      <c r="AX33" s="281">
        <v>0</v>
      </c>
      <c r="AY33" s="281">
        <v>1</v>
      </c>
      <c r="AZ33" s="281">
        <v>0</v>
      </c>
      <c r="BA33" s="281">
        <v>0</v>
      </c>
      <c r="BB33" s="281">
        <v>0</v>
      </c>
      <c r="BC33" s="278">
        <v>1</v>
      </c>
      <c r="BD33" s="283">
        <v>1</v>
      </c>
      <c r="BE33" s="277">
        <v>0</v>
      </c>
      <c r="BF33" s="281">
        <v>0</v>
      </c>
      <c r="BG33" s="278">
        <v>0</v>
      </c>
      <c r="BH33" s="280">
        <v>0</v>
      </c>
      <c r="BI33" s="281">
        <v>0</v>
      </c>
      <c r="BJ33" s="281">
        <v>0</v>
      </c>
      <c r="BK33" s="281">
        <v>0</v>
      </c>
      <c r="BL33" s="281">
        <v>0</v>
      </c>
      <c r="BM33" s="281">
        <v>1</v>
      </c>
      <c r="BN33" s="282">
        <v>1</v>
      </c>
      <c r="BO33" s="283">
        <v>1</v>
      </c>
      <c r="BP33" s="277">
        <v>0</v>
      </c>
      <c r="BQ33" s="281">
        <v>0</v>
      </c>
      <c r="BR33" s="278">
        <v>0</v>
      </c>
      <c r="BS33" s="280">
        <v>0</v>
      </c>
      <c r="BT33" s="281">
        <v>0</v>
      </c>
      <c r="BU33" s="281">
        <v>0</v>
      </c>
      <c r="BV33" s="281">
        <v>0</v>
      </c>
      <c r="BW33" s="281">
        <v>0</v>
      </c>
      <c r="BX33" s="281">
        <v>0</v>
      </c>
      <c r="BY33" s="278">
        <v>0</v>
      </c>
      <c r="BZ33" s="283">
        <v>0</v>
      </c>
      <c r="CA33" s="277">
        <v>0</v>
      </c>
      <c r="CB33" s="281">
        <v>0</v>
      </c>
      <c r="CC33" s="278">
        <v>0</v>
      </c>
      <c r="CD33" s="280">
        <v>0</v>
      </c>
      <c r="CE33" s="281">
        <v>0</v>
      </c>
      <c r="CF33" s="281">
        <v>0</v>
      </c>
      <c r="CG33" s="281">
        <v>0</v>
      </c>
      <c r="CH33" s="281">
        <v>0</v>
      </c>
      <c r="CI33" s="281">
        <v>0</v>
      </c>
      <c r="CJ33" s="278">
        <v>0</v>
      </c>
      <c r="CK33" s="283">
        <v>0</v>
      </c>
      <c r="CL33" s="277">
        <v>0</v>
      </c>
      <c r="CM33" s="281">
        <v>0</v>
      </c>
      <c r="CN33" s="278">
        <v>0</v>
      </c>
      <c r="CO33" s="280">
        <v>0</v>
      </c>
      <c r="CP33" s="281">
        <v>0</v>
      </c>
      <c r="CQ33" s="281">
        <v>0</v>
      </c>
      <c r="CR33" s="281">
        <v>0</v>
      </c>
      <c r="CS33" s="281">
        <v>0</v>
      </c>
      <c r="CT33" s="281">
        <v>0</v>
      </c>
      <c r="CU33" s="278">
        <v>0</v>
      </c>
      <c r="CV33" s="283">
        <v>0</v>
      </c>
    </row>
    <row r="34" spans="1:100" ht="21" customHeight="1" x14ac:dyDescent="0.2">
      <c r="A34" s="262" t="s">
        <v>32</v>
      </c>
      <c r="B34" s="277">
        <v>0</v>
      </c>
      <c r="C34" s="278">
        <v>0</v>
      </c>
      <c r="D34" s="279">
        <v>0</v>
      </c>
      <c r="E34" s="280">
        <v>0</v>
      </c>
      <c r="F34" s="281">
        <v>0</v>
      </c>
      <c r="G34" s="281">
        <v>1</v>
      </c>
      <c r="H34" s="281">
        <v>0</v>
      </c>
      <c r="I34" s="281">
        <v>0</v>
      </c>
      <c r="J34" s="281">
        <v>0</v>
      </c>
      <c r="K34" s="282">
        <v>1</v>
      </c>
      <c r="L34" s="283">
        <v>1</v>
      </c>
      <c r="M34" s="277">
        <v>0</v>
      </c>
      <c r="N34" s="281">
        <v>0</v>
      </c>
      <c r="O34" s="278">
        <v>0</v>
      </c>
      <c r="P34" s="280">
        <v>0</v>
      </c>
      <c r="Q34" s="281">
        <v>0</v>
      </c>
      <c r="R34" s="281">
        <v>0</v>
      </c>
      <c r="S34" s="281">
        <v>0</v>
      </c>
      <c r="T34" s="281">
        <v>0</v>
      </c>
      <c r="U34" s="281">
        <v>0</v>
      </c>
      <c r="V34" s="278">
        <v>0</v>
      </c>
      <c r="W34" s="283">
        <v>0</v>
      </c>
      <c r="X34" s="277">
        <v>0</v>
      </c>
      <c r="Y34" s="281">
        <v>0</v>
      </c>
      <c r="Z34" s="278">
        <v>0</v>
      </c>
      <c r="AA34" s="280">
        <v>0</v>
      </c>
      <c r="AB34" s="281">
        <v>2</v>
      </c>
      <c r="AC34" s="281">
        <v>2</v>
      </c>
      <c r="AD34" s="281">
        <v>1</v>
      </c>
      <c r="AE34" s="281">
        <v>1</v>
      </c>
      <c r="AF34" s="281">
        <v>0</v>
      </c>
      <c r="AG34" s="278">
        <v>6</v>
      </c>
      <c r="AH34" s="283">
        <v>6</v>
      </c>
      <c r="AI34" s="277">
        <v>0</v>
      </c>
      <c r="AJ34" s="281">
        <v>0</v>
      </c>
      <c r="AK34" s="278">
        <v>0</v>
      </c>
      <c r="AL34" s="280">
        <v>0</v>
      </c>
      <c r="AM34" s="281">
        <v>0</v>
      </c>
      <c r="AN34" s="281">
        <v>0</v>
      </c>
      <c r="AO34" s="281">
        <v>0</v>
      </c>
      <c r="AP34" s="281">
        <v>0</v>
      </c>
      <c r="AQ34" s="281">
        <v>0</v>
      </c>
      <c r="AR34" s="278">
        <v>0</v>
      </c>
      <c r="AS34" s="283">
        <v>0</v>
      </c>
      <c r="AT34" s="277">
        <v>0</v>
      </c>
      <c r="AU34" s="281">
        <v>0</v>
      </c>
      <c r="AV34" s="278">
        <v>0</v>
      </c>
      <c r="AW34" s="280">
        <v>0</v>
      </c>
      <c r="AX34" s="281">
        <v>0</v>
      </c>
      <c r="AY34" s="281">
        <v>0</v>
      </c>
      <c r="AZ34" s="281">
        <v>0</v>
      </c>
      <c r="BA34" s="281">
        <v>0</v>
      </c>
      <c r="BB34" s="281">
        <v>0</v>
      </c>
      <c r="BC34" s="278">
        <v>0</v>
      </c>
      <c r="BD34" s="283">
        <v>0</v>
      </c>
      <c r="BE34" s="277">
        <v>0</v>
      </c>
      <c r="BF34" s="281">
        <v>0</v>
      </c>
      <c r="BG34" s="278">
        <v>0</v>
      </c>
      <c r="BH34" s="280">
        <v>0</v>
      </c>
      <c r="BI34" s="281">
        <v>0</v>
      </c>
      <c r="BJ34" s="281">
        <v>0</v>
      </c>
      <c r="BK34" s="281">
        <v>1</v>
      </c>
      <c r="BL34" s="281">
        <v>0</v>
      </c>
      <c r="BM34" s="281">
        <v>1</v>
      </c>
      <c r="BN34" s="282">
        <v>2</v>
      </c>
      <c r="BO34" s="283">
        <v>2</v>
      </c>
      <c r="BP34" s="277">
        <v>0</v>
      </c>
      <c r="BQ34" s="281">
        <v>0</v>
      </c>
      <c r="BR34" s="278">
        <v>0</v>
      </c>
      <c r="BS34" s="280">
        <v>0</v>
      </c>
      <c r="BT34" s="281">
        <v>0</v>
      </c>
      <c r="BU34" s="281">
        <v>0</v>
      </c>
      <c r="BV34" s="281">
        <v>0</v>
      </c>
      <c r="BW34" s="281">
        <v>0</v>
      </c>
      <c r="BX34" s="281">
        <v>0</v>
      </c>
      <c r="BY34" s="278">
        <v>0</v>
      </c>
      <c r="BZ34" s="283">
        <v>0</v>
      </c>
      <c r="CA34" s="277">
        <v>0</v>
      </c>
      <c r="CB34" s="281">
        <v>0</v>
      </c>
      <c r="CC34" s="278">
        <v>0</v>
      </c>
      <c r="CD34" s="280">
        <v>0</v>
      </c>
      <c r="CE34" s="281">
        <v>0</v>
      </c>
      <c r="CF34" s="281">
        <v>1</v>
      </c>
      <c r="CG34" s="281">
        <v>0</v>
      </c>
      <c r="CH34" s="281">
        <v>0</v>
      </c>
      <c r="CI34" s="281">
        <v>0</v>
      </c>
      <c r="CJ34" s="278">
        <v>1</v>
      </c>
      <c r="CK34" s="283">
        <v>1</v>
      </c>
      <c r="CL34" s="277">
        <v>0</v>
      </c>
      <c r="CM34" s="281">
        <v>0</v>
      </c>
      <c r="CN34" s="278">
        <v>0</v>
      </c>
      <c r="CO34" s="280">
        <v>0</v>
      </c>
      <c r="CP34" s="281">
        <v>0</v>
      </c>
      <c r="CQ34" s="281">
        <v>0</v>
      </c>
      <c r="CR34" s="281">
        <v>0</v>
      </c>
      <c r="CS34" s="281">
        <v>0</v>
      </c>
      <c r="CT34" s="281">
        <v>0</v>
      </c>
      <c r="CU34" s="278">
        <v>0</v>
      </c>
      <c r="CV34" s="283">
        <v>0</v>
      </c>
    </row>
    <row r="35" spans="1:100" ht="21" customHeight="1" x14ac:dyDescent="0.2">
      <c r="A35" s="262" t="s">
        <v>33</v>
      </c>
      <c r="B35" s="277">
        <v>0</v>
      </c>
      <c r="C35" s="278">
        <v>0</v>
      </c>
      <c r="D35" s="279">
        <v>0</v>
      </c>
      <c r="E35" s="280">
        <v>0</v>
      </c>
      <c r="F35" s="281">
        <v>0</v>
      </c>
      <c r="G35" s="281">
        <v>0</v>
      </c>
      <c r="H35" s="281">
        <v>0</v>
      </c>
      <c r="I35" s="281">
        <v>0</v>
      </c>
      <c r="J35" s="281">
        <v>0</v>
      </c>
      <c r="K35" s="282">
        <v>0</v>
      </c>
      <c r="L35" s="283">
        <v>0</v>
      </c>
      <c r="M35" s="277">
        <v>0</v>
      </c>
      <c r="N35" s="281">
        <v>0</v>
      </c>
      <c r="O35" s="278">
        <v>0</v>
      </c>
      <c r="P35" s="280">
        <v>0</v>
      </c>
      <c r="Q35" s="281">
        <v>0</v>
      </c>
      <c r="R35" s="281">
        <v>0</v>
      </c>
      <c r="S35" s="281">
        <v>0</v>
      </c>
      <c r="T35" s="281">
        <v>0</v>
      </c>
      <c r="U35" s="281">
        <v>0</v>
      </c>
      <c r="V35" s="278">
        <v>0</v>
      </c>
      <c r="W35" s="283">
        <v>0</v>
      </c>
      <c r="X35" s="277">
        <v>0</v>
      </c>
      <c r="Y35" s="281">
        <v>0</v>
      </c>
      <c r="Z35" s="278">
        <v>0</v>
      </c>
      <c r="AA35" s="280">
        <v>0</v>
      </c>
      <c r="AB35" s="281">
        <v>2</v>
      </c>
      <c r="AC35" s="281">
        <v>0</v>
      </c>
      <c r="AD35" s="281">
        <v>2</v>
      </c>
      <c r="AE35" s="281">
        <v>0</v>
      </c>
      <c r="AF35" s="281">
        <v>0</v>
      </c>
      <c r="AG35" s="278">
        <v>4</v>
      </c>
      <c r="AH35" s="283">
        <v>4</v>
      </c>
      <c r="AI35" s="277">
        <v>0</v>
      </c>
      <c r="AJ35" s="281">
        <v>0</v>
      </c>
      <c r="AK35" s="278">
        <v>0</v>
      </c>
      <c r="AL35" s="280">
        <v>0</v>
      </c>
      <c r="AM35" s="281">
        <v>0</v>
      </c>
      <c r="AN35" s="281">
        <v>0</v>
      </c>
      <c r="AO35" s="281">
        <v>0</v>
      </c>
      <c r="AP35" s="281">
        <v>0</v>
      </c>
      <c r="AQ35" s="281">
        <v>0</v>
      </c>
      <c r="AR35" s="278">
        <v>0</v>
      </c>
      <c r="AS35" s="283">
        <v>0</v>
      </c>
      <c r="AT35" s="277">
        <v>0</v>
      </c>
      <c r="AU35" s="281">
        <v>0</v>
      </c>
      <c r="AV35" s="278">
        <v>0</v>
      </c>
      <c r="AW35" s="280">
        <v>0</v>
      </c>
      <c r="AX35" s="281">
        <v>0</v>
      </c>
      <c r="AY35" s="281">
        <v>0</v>
      </c>
      <c r="AZ35" s="281">
        <v>0</v>
      </c>
      <c r="BA35" s="281">
        <v>0</v>
      </c>
      <c r="BB35" s="281">
        <v>0</v>
      </c>
      <c r="BC35" s="278">
        <v>0</v>
      </c>
      <c r="BD35" s="283">
        <v>0</v>
      </c>
      <c r="BE35" s="277">
        <v>0</v>
      </c>
      <c r="BF35" s="281">
        <v>0</v>
      </c>
      <c r="BG35" s="278">
        <v>0</v>
      </c>
      <c r="BH35" s="280">
        <v>0</v>
      </c>
      <c r="BI35" s="281">
        <v>0</v>
      </c>
      <c r="BJ35" s="281">
        <v>0</v>
      </c>
      <c r="BK35" s="281">
        <v>0</v>
      </c>
      <c r="BL35" s="281">
        <v>0</v>
      </c>
      <c r="BM35" s="281">
        <v>0</v>
      </c>
      <c r="BN35" s="282">
        <v>0</v>
      </c>
      <c r="BO35" s="283">
        <v>0</v>
      </c>
      <c r="BP35" s="277">
        <v>0</v>
      </c>
      <c r="BQ35" s="281">
        <v>0</v>
      </c>
      <c r="BR35" s="278">
        <v>0</v>
      </c>
      <c r="BS35" s="280">
        <v>0</v>
      </c>
      <c r="BT35" s="281">
        <v>0</v>
      </c>
      <c r="BU35" s="281">
        <v>0</v>
      </c>
      <c r="BV35" s="281">
        <v>0</v>
      </c>
      <c r="BW35" s="281">
        <v>0</v>
      </c>
      <c r="BX35" s="281">
        <v>0</v>
      </c>
      <c r="BY35" s="278">
        <v>0</v>
      </c>
      <c r="BZ35" s="283">
        <v>0</v>
      </c>
      <c r="CA35" s="277">
        <v>0</v>
      </c>
      <c r="CB35" s="281">
        <v>0</v>
      </c>
      <c r="CC35" s="278">
        <v>0</v>
      </c>
      <c r="CD35" s="280">
        <v>0</v>
      </c>
      <c r="CE35" s="281">
        <v>0</v>
      </c>
      <c r="CF35" s="281">
        <v>0</v>
      </c>
      <c r="CG35" s="281">
        <v>0</v>
      </c>
      <c r="CH35" s="281">
        <v>0</v>
      </c>
      <c r="CI35" s="281">
        <v>0</v>
      </c>
      <c r="CJ35" s="278">
        <v>0</v>
      </c>
      <c r="CK35" s="283">
        <v>0</v>
      </c>
      <c r="CL35" s="277">
        <v>0</v>
      </c>
      <c r="CM35" s="281">
        <v>0</v>
      </c>
      <c r="CN35" s="278">
        <v>0</v>
      </c>
      <c r="CO35" s="280">
        <v>0</v>
      </c>
      <c r="CP35" s="281">
        <v>0</v>
      </c>
      <c r="CQ35" s="281">
        <v>0</v>
      </c>
      <c r="CR35" s="281">
        <v>1</v>
      </c>
      <c r="CS35" s="281">
        <v>0</v>
      </c>
      <c r="CT35" s="281">
        <v>0</v>
      </c>
      <c r="CU35" s="278">
        <v>1</v>
      </c>
      <c r="CV35" s="283">
        <v>1</v>
      </c>
    </row>
    <row r="36" spans="1:100" ht="21" customHeight="1" x14ac:dyDescent="0.2">
      <c r="A36" s="262" t="s">
        <v>34</v>
      </c>
      <c r="B36" s="277">
        <v>0</v>
      </c>
      <c r="C36" s="278">
        <v>0</v>
      </c>
      <c r="D36" s="279">
        <v>0</v>
      </c>
      <c r="E36" s="280">
        <v>0</v>
      </c>
      <c r="F36" s="281">
        <v>0</v>
      </c>
      <c r="G36" s="281">
        <v>0</v>
      </c>
      <c r="H36" s="281">
        <v>0</v>
      </c>
      <c r="I36" s="281">
        <v>0</v>
      </c>
      <c r="J36" s="281">
        <v>0</v>
      </c>
      <c r="K36" s="282">
        <v>0</v>
      </c>
      <c r="L36" s="283">
        <v>0</v>
      </c>
      <c r="M36" s="277">
        <v>0</v>
      </c>
      <c r="N36" s="281">
        <v>0</v>
      </c>
      <c r="O36" s="278">
        <v>0</v>
      </c>
      <c r="P36" s="280">
        <v>0</v>
      </c>
      <c r="Q36" s="281">
        <v>0</v>
      </c>
      <c r="R36" s="281">
        <v>0</v>
      </c>
      <c r="S36" s="281">
        <v>0</v>
      </c>
      <c r="T36" s="281">
        <v>0</v>
      </c>
      <c r="U36" s="281">
        <v>0</v>
      </c>
      <c r="V36" s="278">
        <v>0</v>
      </c>
      <c r="W36" s="283">
        <v>0</v>
      </c>
      <c r="X36" s="277">
        <v>0</v>
      </c>
      <c r="Y36" s="281">
        <v>0</v>
      </c>
      <c r="Z36" s="278">
        <v>0</v>
      </c>
      <c r="AA36" s="280">
        <v>0</v>
      </c>
      <c r="AB36" s="281">
        <v>0</v>
      </c>
      <c r="AC36" s="281">
        <v>0</v>
      </c>
      <c r="AD36" s="281">
        <v>0</v>
      </c>
      <c r="AE36" s="281">
        <v>0</v>
      </c>
      <c r="AF36" s="281">
        <v>0</v>
      </c>
      <c r="AG36" s="278">
        <v>0</v>
      </c>
      <c r="AH36" s="283">
        <v>0</v>
      </c>
      <c r="AI36" s="277">
        <v>0</v>
      </c>
      <c r="AJ36" s="281">
        <v>0</v>
      </c>
      <c r="AK36" s="278">
        <v>0</v>
      </c>
      <c r="AL36" s="280">
        <v>0</v>
      </c>
      <c r="AM36" s="281">
        <v>0</v>
      </c>
      <c r="AN36" s="281">
        <v>0</v>
      </c>
      <c r="AO36" s="281">
        <v>0</v>
      </c>
      <c r="AP36" s="281">
        <v>0</v>
      </c>
      <c r="AQ36" s="281">
        <v>0</v>
      </c>
      <c r="AR36" s="278">
        <v>0</v>
      </c>
      <c r="AS36" s="283">
        <v>0</v>
      </c>
      <c r="AT36" s="277">
        <v>0</v>
      </c>
      <c r="AU36" s="281">
        <v>0</v>
      </c>
      <c r="AV36" s="278">
        <v>0</v>
      </c>
      <c r="AW36" s="280">
        <v>0</v>
      </c>
      <c r="AX36" s="281">
        <v>1</v>
      </c>
      <c r="AY36" s="281">
        <v>0</v>
      </c>
      <c r="AZ36" s="281">
        <v>0</v>
      </c>
      <c r="BA36" s="281">
        <v>0</v>
      </c>
      <c r="BB36" s="281">
        <v>0</v>
      </c>
      <c r="BC36" s="278">
        <v>1</v>
      </c>
      <c r="BD36" s="283">
        <v>1</v>
      </c>
      <c r="BE36" s="277">
        <v>0</v>
      </c>
      <c r="BF36" s="281">
        <v>0</v>
      </c>
      <c r="BG36" s="278">
        <v>0</v>
      </c>
      <c r="BH36" s="280">
        <v>0</v>
      </c>
      <c r="BI36" s="281">
        <v>0</v>
      </c>
      <c r="BJ36" s="281">
        <v>0</v>
      </c>
      <c r="BK36" s="281">
        <v>0</v>
      </c>
      <c r="BL36" s="281">
        <v>0</v>
      </c>
      <c r="BM36" s="281">
        <v>0</v>
      </c>
      <c r="BN36" s="282">
        <v>0</v>
      </c>
      <c r="BO36" s="283">
        <v>0</v>
      </c>
      <c r="BP36" s="277">
        <v>0</v>
      </c>
      <c r="BQ36" s="281">
        <v>0</v>
      </c>
      <c r="BR36" s="278">
        <v>0</v>
      </c>
      <c r="BS36" s="280">
        <v>0</v>
      </c>
      <c r="BT36" s="281">
        <v>0</v>
      </c>
      <c r="BU36" s="281">
        <v>0</v>
      </c>
      <c r="BV36" s="281">
        <v>0</v>
      </c>
      <c r="BW36" s="281">
        <v>0</v>
      </c>
      <c r="BX36" s="281">
        <v>0</v>
      </c>
      <c r="BY36" s="278">
        <v>0</v>
      </c>
      <c r="BZ36" s="283">
        <v>0</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0</v>
      </c>
      <c r="CQ36" s="281">
        <v>1</v>
      </c>
      <c r="CR36" s="281">
        <v>0</v>
      </c>
      <c r="CS36" s="281">
        <v>0</v>
      </c>
      <c r="CT36" s="281">
        <v>0</v>
      </c>
      <c r="CU36" s="278">
        <v>1</v>
      </c>
      <c r="CV36" s="283">
        <v>1</v>
      </c>
    </row>
    <row r="37" spans="1:100" ht="21" customHeight="1" x14ac:dyDescent="0.2">
      <c r="A37" s="262" t="s">
        <v>35</v>
      </c>
      <c r="B37" s="277">
        <v>0</v>
      </c>
      <c r="C37" s="278">
        <v>0</v>
      </c>
      <c r="D37" s="279">
        <v>0</v>
      </c>
      <c r="E37" s="280">
        <v>0</v>
      </c>
      <c r="F37" s="281">
        <v>0</v>
      </c>
      <c r="G37" s="281">
        <v>0</v>
      </c>
      <c r="H37" s="281">
        <v>0</v>
      </c>
      <c r="I37" s="281">
        <v>0</v>
      </c>
      <c r="J37" s="281">
        <v>0</v>
      </c>
      <c r="K37" s="282">
        <v>0</v>
      </c>
      <c r="L37" s="283">
        <v>0</v>
      </c>
      <c r="M37" s="277">
        <v>0</v>
      </c>
      <c r="N37" s="281">
        <v>0</v>
      </c>
      <c r="O37" s="278">
        <v>0</v>
      </c>
      <c r="P37" s="280">
        <v>0</v>
      </c>
      <c r="Q37" s="281">
        <v>0</v>
      </c>
      <c r="R37" s="281">
        <v>0</v>
      </c>
      <c r="S37" s="281">
        <v>0</v>
      </c>
      <c r="T37" s="281">
        <v>0</v>
      </c>
      <c r="U37" s="281">
        <v>0</v>
      </c>
      <c r="V37" s="278">
        <v>0</v>
      </c>
      <c r="W37" s="283">
        <v>0</v>
      </c>
      <c r="X37" s="277">
        <v>0</v>
      </c>
      <c r="Y37" s="281">
        <v>0</v>
      </c>
      <c r="Z37" s="278">
        <v>0</v>
      </c>
      <c r="AA37" s="280">
        <v>0</v>
      </c>
      <c r="AB37" s="281">
        <v>1</v>
      </c>
      <c r="AC37" s="281">
        <v>1</v>
      </c>
      <c r="AD37" s="281">
        <v>0</v>
      </c>
      <c r="AE37" s="281">
        <v>0</v>
      </c>
      <c r="AF37" s="281">
        <v>0</v>
      </c>
      <c r="AG37" s="278">
        <v>2</v>
      </c>
      <c r="AH37" s="283">
        <v>2</v>
      </c>
      <c r="AI37" s="277">
        <v>0</v>
      </c>
      <c r="AJ37" s="281">
        <v>0</v>
      </c>
      <c r="AK37" s="278">
        <v>0</v>
      </c>
      <c r="AL37" s="280">
        <v>0</v>
      </c>
      <c r="AM37" s="281">
        <v>0</v>
      </c>
      <c r="AN37" s="281">
        <v>0</v>
      </c>
      <c r="AO37" s="281">
        <v>0</v>
      </c>
      <c r="AP37" s="281">
        <v>0</v>
      </c>
      <c r="AQ37" s="281">
        <v>0</v>
      </c>
      <c r="AR37" s="278">
        <v>0</v>
      </c>
      <c r="AS37" s="283">
        <v>0</v>
      </c>
      <c r="AT37" s="277">
        <v>0</v>
      </c>
      <c r="AU37" s="281">
        <v>0</v>
      </c>
      <c r="AV37" s="278">
        <v>0</v>
      </c>
      <c r="AW37" s="280">
        <v>0</v>
      </c>
      <c r="AX37" s="281">
        <v>1</v>
      </c>
      <c r="AY37" s="281">
        <v>0</v>
      </c>
      <c r="AZ37" s="281">
        <v>1</v>
      </c>
      <c r="BA37" s="281">
        <v>0</v>
      </c>
      <c r="BB37" s="281">
        <v>0</v>
      </c>
      <c r="BC37" s="278">
        <v>2</v>
      </c>
      <c r="BD37" s="283">
        <v>2</v>
      </c>
      <c r="BE37" s="277">
        <v>0</v>
      </c>
      <c r="BF37" s="281">
        <v>0</v>
      </c>
      <c r="BG37" s="278">
        <v>0</v>
      </c>
      <c r="BH37" s="280">
        <v>0</v>
      </c>
      <c r="BI37" s="281">
        <v>0</v>
      </c>
      <c r="BJ37" s="281">
        <v>0</v>
      </c>
      <c r="BK37" s="281">
        <v>0</v>
      </c>
      <c r="BL37" s="281">
        <v>1</v>
      </c>
      <c r="BM37" s="281">
        <v>0</v>
      </c>
      <c r="BN37" s="282">
        <v>1</v>
      </c>
      <c r="BO37" s="283">
        <v>1</v>
      </c>
      <c r="BP37" s="277">
        <v>0</v>
      </c>
      <c r="BQ37" s="281">
        <v>0</v>
      </c>
      <c r="BR37" s="278">
        <v>0</v>
      </c>
      <c r="BS37" s="280">
        <v>0</v>
      </c>
      <c r="BT37" s="281">
        <v>0</v>
      </c>
      <c r="BU37" s="281">
        <v>0</v>
      </c>
      <c r="BV37" s="281">
        <v>0</v>
      </c>
      <c r="BW37" s="281">
        <v>0</v>
      </c>
      <c r="BX37" s="281">
        <v>0</v>
      </c>
      <c r="BY37" s="278">
        <v>0</v>
      </c>
      <c r="BZ37" s="283">
        <v>0</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row>
    <row r="38" spans="1:100" ht="21" customHeight="1" x14ac:dyDescent="0.2">
      <c r="A38" s="262" t="s">
        <v>36</v>
      </c>
      <c r="B38" s="277">
        <v>0</v>
      </c>
      <c r="C38" s="278">
        <v>0</v>
      </c>
      <c r="D38" s="279">
        <v>0</v>
      </c>
      <c r="E38" s="280">
        <v>0</v>
      </c>
      <c r="F38" s="281">
        <v>0</v>
      </c>
      <c r="G38" s="281">
        <v>0</v>
      </c>
      <c r="H38" s="281">
        <v>0</v>
      </c>
      <c r="I38" s="281">
        <v>0</v>
      </c>
      <c r="J38" s="281">
        <v>0</v>
      </c>
      <c r="K38" s="282">
        <v>0</v>
      </c>
      <c r="L38" s="283">
        <v>0</v>
      </c>
      <c r="M38" s="277">
        <v>0</v>
      </c>
      <c r="N38" s="281">
        <v>0</v>
      </c>
      <c r="O38" s="278">
        <v>0</v>
      </c>
      <c r="P38" s="280">
        <v>0</v>
      </c>
      <c r="Q38" s="281">
        <v>0</v>
      </c>
      <c r="R38" s="281">
        <v>0</v>
      </c>
      <c r="S38" s="281">
        <v>0</v>
      </c>
      <c r="T38" s="281">
        <v>0</v>
      </c>
      <c r="U38" s="281">
        <v>0</v>
      </c>
      <c r="V38" s="278">
        <v>0</v>
      </c>
      <c r="W38" s="283">
        <v>0</v>
      </c>
      <c r="X38" s="277">
        <v>0</v>
      </c>
      <c r="Y38" s="281">
        <v>0</v>
      </c>
      <c r="Z38" s="278">
        <v>0</v>
      </c>
      <c r="AA38" s="280">
        <v>0</v>
      </c>
      <c r="AB38" s="281">
        <v>0</v>
      </c>
      <c r="AC38" s="281">
        <v>1</v>
      </c>
      <c r="AD38" s="281">
        <v>0</v>
      </c>
      <c r="AE38" s="281">
        <v>1</v>
      </c>
      <c r="AF38" s="281">
        <v>1</v>
      </c>
      <c r="AG38" s="278">
        <v>3</v>
      </c>
      <c r="AH38" s="283">
        <v>3</v>
      </c>
      <c r="AI38" s="277">
        <v>0</v>
      </c>
      <c r="AJ38" s="281">
        <v>0</v>
      </c>
      <c r="AK38" s="278">
        <v>0</v>
      </c>
      <c r="AL38" s="280">
        <v>0</v>
      </c>
      <c r="AM38" s="281">
        <v>0</v>
      </c>
      <c r="AN38" s="281">
        <v>0</v>
      </c>
      <c r="AO38" s="281">
        <v>0</v>
      </c>
      <c r="AP38" s="281">
        <v>0</v>
      </c>
      <c r="AQ38" s="281">
        <v>0</v>
      </c>
      <c r="AR38" s="278">
        <v>0</v>
      </c>
      <c r="AS38" s="283">
        <v>0</v>
      </c>
      <c r="AT38" s="277">
        <v>0</v>
      </c>
      <c r="AU38" s="281">
        <v>0</v>
      </c>
      <c r="AV38" s="278">
        <v>0</v>
      </c>
      <c r="AW38" s="280">
        <v>0</v>
      </c>
      <c r="AX38" s="281">
        <v>1</v>
      </c>
      <c r="AY38" s="281">
        <v>0</v>
      </c>
      <c r="AZ38" s="281">
        <v>0</v>
      </c>
      <c r="BA38" s="281">
        <v>0</v>
      </c>
      <c r="BB38" s="281">
        <v>0</v>
      </c>
      <c r="BC38" s="278">
        <v>1</v>
      </c>
      <c r="BD38" s="283">
        <v>1</v>
      </c>
      <c r="BE38" s="277">
        <v>0</v>
      </c>
      <c r="BF38" s="281">
        <v>0</v>
      </c>
      <c r="BG38" s="278">
        <v>0</v>
      </c>
      <c r="BH38" s="280">
        <v>0</v>
      </c>
      <c r="BI38" s="281">
        <v>0</v>
      </c>
      <c r="BJ38" s="281">
        <v>0</v>
      </c>
      <c r="BK38" s="281">
        <v>1</v>
      </c>
      <c r="BL38" s="281">
        <v>1</v>
      </c>
      <c r="BM38" s="281">
        <v>0</v>
      </c>
      <c r="BN38" s="282">
        <v>2</v>
      </c>
      <c r="BO38" s="283">
        <v>2</v>
      </c>
      <c r="BP38" s="277">
        <v>0</v>
      </c>
      <c r="BQ38" s="281">
        <v>0</v>
      </c>
      <c r="BR38" s="278">
        <v>0</v>
      </c>
      <c r="BS38" s="280">
        <v>0</v>
      </c>
      <c r="BT38" s="281">
        <v>0</v>
      </c>
      <c r="BU38" s="281">
        <v>0</v>
      </c>
      <c r="BV38" s="281">
        <v>0</v>
      </c>
      <c r="BW38" s="281">
        <v>0</v>
      </c>
      <c r="BX38" s="281">
        <v>0</v>
      </c>
      <c r="BY38" s="278">
        <v>0</v>
      </c>
      <c r="BZ38" s="283">
        <v>0</v>
      </c>
      <c r="CA38" s="277">
        <v>0</v>
      </c>
      <c r="CB38" s="281">
        <v>0</v>
      </c>
      <c r="CC38" s="278">
        <v>0</v>
      </c>
      <c r="CD38" s="280">
        <v>0</v>
      </c>
      <c r="CE38" s="281">
        <v>0</v>
      </c>
      <c r="CF38" s="281">
        <v>0</v>
      </c>
      <c r="CG38" s="281">
        <v>0</v>
      </c>
      <c r="CH38" s="281">
        <v>0</v>
      </c>
      <c r="CI38" s="281">
        <v>0</v>
      </c>
      <c r="CJ38" s="278">
        <v>0</v>
      </c>
      <c r="CK38" s="283">
        <v>0</v>
      </c>
      <c r="CL38" s="277">
        <v>0</v>
      </c>
      <c r="CM38" s="281">
        <v>0</v>
      </c>
      <c r="CN38" s="278">
        <v>0</v>
      </c>
      <c r="CO38" s="280">
        <v>0</v>
      </c>
      <c r="CP38" s="281">
        <v>0</v>
      </c>
      <c r="CQ38" s="281">
        <v>0</v>
      </c>
      <c r="CR38" s="281">
        <v>0</v>
      </c>
      <c r="CS38" s="281">
        <v>0</v>
      </c>
      <c r="CT38" s="281">
        <v>0</v>
      </c>
      <c r="CU38" s="278">
        <v>0</v>
      </c>
      <c r="CV38" s="283">
        <v>0</v>
      </c>
    </row>
    <row r="39" spans="1:100" ht="21" customHeight="1" thickBot="1" x14ac:dyDescent="0.25">
      <c r="A39" s="263" t="s">
        <v>37</v>
      </c>
      <c r="B39" s="284">
        <v>0</v>
      </c>
      <c r="C39" s="285">
        <v>0</v>
      </c>
      <c r="D39" s="286">
        <v>0</v>
      </c>
      <c r="E39" s="287">
        <v>0</v>
      </c>
      <c r="F39" s="288">
        <v>0</v>
      </c>
      <c r="G39" s="288">
        <v>0</v>
      </c>
      <c r="H39" s="288">
        <v>0</v>
      </c>
      <c r="I39" s="288">
        <v>0</v>
      </c>
      <c r="J39" s="288">
        <v>0</v>
      </c>
      <c r="K39" s="289">
        <v>0</v>
      </c>
      <c r="L39" s="290">
        <v>0</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0</v>
      </c>
      <c r="AC39" s="288">
        <v>0</v>
      </c>
      <c r="AD39" s="288">
        <v>1</v>
      </c>
      <c r="AE39" s="288">
        <v>0</v>
      </c>
      <c r="AF39" s="288">
        <v>1</v>
      </c>
      <c r="AG39" s="285">
        <v>2</v>
      </c>
      <c r="AH39" s="290">
        <v>2</v>
      </c>
      <c r="AI39" s="284">
        <v>0</v>
      </c>
      <c r="AJ39" s="288">
        <v>0</v>
      </c>
      <c r="AK39" s="285">
        <v>0</v>
      </c>
      <c r="AL39" s="287">
        <v>0</v>
      </c>
      <c r="AM39" s="288">
        <v>0</v>
      </c>
      <c r="AN39" s="288">
        <v>0</v>
      </c>
      <c r="AO39" s="288">
        <v>0</v>
      </c>
      <c r="AP39" s="288">
        <v>0</v>
      </c>
      <c r="AQ39" s="288">
        <v>0</v>
      </c>
      <c r="AR39" s="285">
        <v>0</v>
      </c>
      <c r="AS39" s="290">
        <v>0</v>
      </c>
      <c r="AT39" s="284">
        <v>0</v>
      </c>
      <c r="AU39" s="288">
        <v>0</v>
      </c>
      <c r="AV39" s="285">
        <v>0</v>
      </c>
      <c r="AW39" s="287">
        <v>0</v>
      </c>
      <c r="AX39" s="288">
        <v>0</v>
      </c>
      <c r="AY39" s="288">
        <v>0</v>
      </c>
      <c r="AZ39" s="288">
        <v>0</v>
      </c>
      <c r="BA39" s="288">
        <v>0</v>
      </c>
      <c r="BB39" s="288">
        <v>0</v>
      </c>
      <c r="BC39" s="285">
        <v>0</v>
      </c>
      <c r="BD39" s="290">
        <v>0</v>
      </c>
      <c r="BE39" s="284">
        <v>0</v>
      </c>
      <c r="BF39" s="288">
        <v>0</v>
      </c>
      <c r="BG39" s="285">
        <v>0</v>
      </c>
      <c r="BH39" s="287">
        <v>0</v>
      </c>
      <c r="BI39" s="288">
        <v>0</v>
      </c>
      <c r="BJ39" s="288">
        <v>0</v>
      </c>
      <c r="BK39" s="288">
        <v>0</v>
      </c>
      <c r="BL39" s="288">
        <v>0</v>
      </c>
      <c r="BM39" s="288">
        <v>0</v>
      </c>
      <c r="BN39" s="289">
        <v>0</v>
      </c>
      <c r="BO39" s="290">
        <v>0</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0</v>
      </c>
      <c r="CI39" s="288">
        <v>0</v>
      </c>
      <c r="CJ39" s="285">
        <v>0</v>
      </c>
      <c r="CK39" s="290">
        <v>0</v>
      </c>
      <c r="CL39" s="284">
        <v>0</v>
      </c>
      <c r="CM39" s="288">
        <v>0</v>
      </c>
      <c r="CN39" s="285">
        <v>0</v>
      </c>
      <c r="CO39" s="287">
        <v>0</v>
      </c>
      <c r="CP39" s="288">
        <v>0</v>
      </c>
      <c r="CQ39" s="288">
        <v>0</v>
      </c>
      <c r="CR39" s="288">
        <v>0</v>
      </c>
      <c r="CS39" s="288">
        <v>0</v>
      </c>
      <c r="CT39" s="288">
        <v>0</v>
      </c>
      <c r="CU39" s="285">
        <v>0</v>
      </c>
      <c r="CV39" s="290">
        <v>0</v>
      </c>
    </row>
  </sheetData>
  <mergeCells count="39">
    <mergeCell ref="CV4:CV5"/>
    <mergeCell ref="CA3:CK3"/>
    <mergeCell ref="CL3:CV3"/>
    <mergeCell ref="H1:I1"/>
    <mergeCell ref="K1:L1"/>
    <mergeCell ref="BD4:BD5"/>
    <mergeCell ref="BE3:BO3"/>
    <mergeCell ref="BO4:BO5"/>
    <mergeCell ref="BP3:BZ3"/>
    <mergeCell ref="AI4:AK4"/>
    <mergeCell ref="AI3:AS3"/>
    <mergeCell ref="AT3:BD3"/>
    <mergeCell ref="CO4:CU4"/>
    <mergeCell ref="AL4:AR4"/>
    <mergeCell ref="AS4:AS5"/>
    <mergeCell ref="AT4:AV4"/>
    <mergeCell ref="A3:A5"/>
    <mergeCell ref="B3:L3"/>
    <mergeCell ref="M3:W3"/>
    <mergeCell ref="X3:AH3"/>
    <mergeCell ref="B4:D4"/>
    <mergeCell ref="E4:K4"/>
    <mergeCell ref="L4:L5"/>
    <mergeCell ref="M4:O4"/>
    <mergeCell ref="P4:V4"/>
    <mergeCell ref="W4:W5"/>
    <mergeCell ref="X4:Z4"/>
    <mergeCell ref="AA4:AG4"/>
    <mergeCell ref="AH4:AH5"/>
    <mergeCell ref="CL4:CN4"/>
    <mergeCell ref="AW4:BC4"/>
    <mergeCell ref="BE4:BG4"/>
    <mergeCell ref="BH4:BN4"/>
    <mergeCell ref="BZ4:BZ5"/>
    <mergeCell ref="CK4:CK5"/>
    <mergeCell ref="BP4:BR4"/>
    <mergeCell ref="BS4:BY4"/>
    <mergeCell ref="CA4:CC4"/>
    <mergeCell ref="CD4:CJ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 style="256" customWidth="1"/>
    <col min="5" max="5" width="7.77734375" style="256" customWidth="1"/>
    <col min="6" max="6" width="10.77734375" style="256" customWidth="1"/>
    <col min="7" max="15" width="9" style="256"/>
    <col min="16" max="16" width="8" style="256" customWidth="1"/>
    <col min="17" max="16384" width="9" style="256"/>
  </cols>
  <sheetData>
    <row r="1" spans="1:23" ht="21" customHeight="1" x14ac:dyDescent="0.2">
      <c r="A1" s="291" t="s">
        <v>125</v>
      </c>
      <c r="G1" s="528">
        <f>第１表!F2</f>
        <v>4</v>
      </c>
      <c r="H1" s="528"/>
      <c r="I1" s="248">
        <f>第１表!G2</f>
        <v>6</v>
      </c>
      <c r="J1" s="529">
        <f>IF(I1&lt;3,I1+12-2,I1-2)</f>
        <v>4</v>
      </c>
      <c r="K1" s="529"/>
    </row>
    <row r="2" spans="1:23" ht="18.75" customHeight="1" thickBot="1" x14ac:dyDescent="0.25">
      <c r="A2" s="291" t="s">
        <v>133</v>
      </c>
    </row>
    <row r="3" spans="1:23" ht="21.75" customHeight="1" x14ac:dyDescent="0.2">
      <c r="A3" s="532"/>
      <c r="B3" s="533" t="s">
        <v>143</v>
      </c>
      <c r="C3" s="533"/>
      <c r="D3" s="533"/>
      <c r="E3" s="533"/>
      <c r="F3" s="533"/>
      <c r="G3" s="533"/>
      <c r="H3" s="533"/>
      <c r="I3" s="533"/>
      <c r="J3" s="533"/>
      <c r="K3" s="533"/>
      <c r="L3" s="565"/>
      <c r="M3" s="533" t="s">
        <v>113</v>
      </c>
      <c r="N3" s="533"/>
      <c r="O3" s="533"/>
      <c r="P3" s="533"/>
      <c r="Q3" s="533"/>
      <c r="R3" s="533"/>
      <c r="S3" s="533"/>
      <c r="T3" s="533"/>
      <c r="U3" s="533"/>
      <c r="V3" s="533"/>
      <c r="W3" s="565"/>
    </row>
    <row r="4" spans="1:23" ht="20.25" customHeight="1" x14ac:dyDescent="0.2">
      <c r="A4" s="571"/>
      <c r="B4" s="566" t="s">
        <v>61</v>
      </c>
      <c r="C4" s="566"/>
      <c r="D4" s="567"/>
      <c r="E4" s="568" t="s">
        <v>62</v>
      </c>
      <c r="F4" s="566"/>
      <c r="G4" s="566"/>
      <c r="H4" s="566"/>
      <c r="I4" s="566"/>
      <c r="J4" s="566"/>
      <c r="K4" s="569"/>
      <c r="L4" s="570" t="s">
        <v>52</v>
      </c>
      <c r="M4" s="566" t="s">
        <v>61</v>
      </c>
      <c r="N4" s="566"/>
      <c r="O4" s="567"/>
      <c r="P4" s="568" t="s">
        <v>62</v>
      </c>
      <c r="Q4" s="566"/>
      <c r="R4" s="566"/>
      <c r="S4" s="566"/>
      <c r="T4" s="566"/>
      <c r="U4" s="566"/>
      <c r="V4" s="569"/>
      <c r="W4" s="570" t="s">
        <v>52</v>
      </c>
    </row>
    <row r="5" spans="1:23" ht="28.5" customHeight="1" thickBot="1" x14ac:dyDescent="0.25">
      <c r="A5" s="572"/>
      <c r="B5" s="260" t="s">
        <v>43</v>
      </c>
      <c r="C5" s="260" t="s">
        <v>44</v>
      </c>
      <c r="D5" s="266" t="s">
        <v>45</v>
      </c>
      <c r="E5" s="268" t="s">
        <v>83</v>
      </c>
      <c r="F5" s="260" t="s">
        <v>47</v>
      </c>
      <c r="G5" s="260" t="s">
        <v>48</v>
      </c>
      <c r="H5" s="260" t="s">
        <v>49</v>
      </c>
      <c r="I5" s="260" t="s">
        <v>50</v>
      </c>
      <c r="J5" s="260" t="s">
        <v>51</v>
      </c>
      <c r="K5" s="266" t="s">
        <v>45</v>
      </c>
      <c r="L5" s="531"/>
      <c r="M5" s="260" t="s">
        <v>43</v>
      </c>
      <c r="N5" s="260" t="s">
        <v>44</v>
      </c>
      <c r="O5" s="266" t="s">
        <v>45</v>
      </c>
      <c r="P5" s="268" t="s">
        <v>83</v>
      </c>
      <c r="Q5" s="260" t="s">
        <v>47</v>
      </c>
      <c r="R5" s="260" t="s">
        <v>48</v>
      </c>
      <c r="S5" s="260" t="s">
        <v>49</v>
      </c>
      <c r="T5" s="260" t="s">
        <v>50</v>
      </c>
      <c r="U5" s="260" t="s">
        <v>51</v>
      </c>
      <c r="V5" s="266" t="s">
        <v>45</v>
      </c>
      <c r="W5" s="531"/>
    </row>
    <row r="6" spans="1:23" ht="21" customHeight="1" x14ac:dyDescent="0.2">
      <c r="A6" s="259" t="s">
        <v>4</v>
      </c>
      <c r="B6" s="274">
        <v>0</v>
      </c>
      <c r="C6" s="274">
        <v>0</v>
      </c>
      <c r="D6" s="271">
        <v>0</v>
      </c>
      <c r="E6" s="273">
        <v>0</v>
      </c>
      <c r="F6" s="274">
        <v>100568</v>
      </c>
      <c r="G6" s="274">
        <v>96818</v>
      </c>
      <c r="H6" s="274">
        <v>59130</v>
      </c>
      <c r="I6" s="274">
        <v>31085</v>
      </c>
      <c r="J6" s="274">
        <v>14258</v>
      </c>
      <c r="K6" s="271">
        <v>301859</v>
      </c>
      <c r="L6" s="276">
        <v>301859</v>
      </c>
      <c r="M6" s="274">
        <v>21</v>
      </c>
      <c r="N6" s="274">
        <v>40</v>
      </c>
      <c r="O6" s="271">
        <v>61</v>
      </c>
      <c r="P6" s="273">
        <v>0</v>
      </c>
      <c r="Q6" s="274">
        <v>6746</v>
      </c>
      <c r="R6" s="274">
        <v>9295</v>
      </c>
      <c r="S6" s="274">
        <v>12050</v>
      </c>
      <c r="T6" s="274">
        <v>6254</v>
      </c>
      <c r="U6" s="274">
        <v>5636</v>
      </c>
      <c r="V6" s="271">
        <v>39981</v>
      </c>
      <c r="W6" s="276">
        <v>40042</v>
      </c>
    </row>
    <row r="7" spans="1:23" ht="21" customHeight="1" x14ac:dyDescent="0.2">
      <c r="A7" s="257" t="s">
        <v>5</v>
      </c>
      <c r="B7" s="281">
        <v>0</v>
      </c>
      <c r="C7" s="281">
        <v>0</v>
      </c>
      <c r="D7" s="278">
        <v>0</v>
      </c>
      <c r="E7" s="280">
        <v>0</v>
      </c>
      <c r="F7" s="281">
        <v>33413</v>
      </c>
      <c r="G7" s="281">
        <v>43926</v>
      </c>
      <c r="H7" s="281">
        <v>26745</v>
      </c>
      <c r="I7" s="281">
        <v>14302</v>
      </c>
      <c r="J7" s="281">
        <v>6493</v>
      </c>
      <c r="K7" s="278">
        <v>124879</v>
      </c>
      <c r="L7" s="283">
        <v>124879</v>
      </c>
      <c r="M7" s="281">
        <v>7</v>
      </c>
      <c r="N7" s="281">
        <v>12</v>
      </c>
      <c r="O7" s="278">
        <v>19</v>
      </c>
      <c r="P7" s="280">
        <v>0</v>
      </c>
      <c r="Q7" s="281">
        <v>3107</v>
      </c>
      <c r="R7" s="281">
        <v>4741</v>
      </c>
      <c r="S7" s="281">
        <v>6373</v>
      </c>
      <c r="T7" s="281">
        <v>3345</v>
      </c>
      <c r="U7" s="281">
        <v>3295</v>
      </c>
      <c r="V7" s="278">
        <v>20861</v>
      </c>
      <c r="W7" s="283">
        <v>20880</v>
      </c>
    </row>
    <row r="8" spans="1:23" ht="21" customHeight="1" x14ac:dyDescent="0.2">
      <c r="A8" s="257" t="s">
        <v>6</v>
      </c>
      <c r="B8" s="281">
        <v>0</v>
      </c>
      <c r="C8" s="281">
        <v>0</v>
      </c>
      <c r="D8" s="278">
        <v>0</v>
      </c>
      <c r="E8" s="280">
        <v>0</v>
      </c>
      <c r="F8" s="281">
        <v>15294</v>
      </c>
      <c r="G8" s="281">
        <v>11033</v>
      </c>
      <c r="H8" s="281">
        <v>6793</v>
      </c>
      <c r="I8" s="281">
        <v>3970</v>
      </c>
      <c r="J8" s="281">
        <v>2178</v>
      </c>
      <c r="K8" s="278">
        <v>39268</v>
      </c>
      <c r="L8" s="283">
        <v>39268</v>
      </c>
      <c r="M8" s="281">
        <v>8</v>
      </c>
      <c r="N8" s="281">
        <v>5</v>
      </c>
      <c r="O8" s="278">
        <v>13</v>
      </c>
      <c r="P8" s="280">
        <v>0</v>
      </c>
      <c r="Q8" s="281">
        <v>1575</v>
      </c>
      <c r="R8" s="281">
        <v>2013</v>
      </c>
      <c r="S8" s="281">
        <v>2543</v>
      </c>
      <c r="T8" s="281">
        <v>1641</v>
      </c>
      <c r="U8" s="281">
        <v>1068</v>
      </c>
      <c r="V8" s="278">
        <v>8840</v>
      </c>
      <c r="W8" s="283">
        <v>8853</v>
      </c>
    </row>
    <row r="9" spans="1:23" ht="21" customHeight="1" x14ac:dyDescent="0.2">
      <c r="A9" s="257" t="s">
        <v>14</v>
      </c>
      <c r="B9" s="281">
        <v>0</v>
      </c>
      <c r="C9" s="281">
        <v>0</v>
      </c>
      <c r="D9" s="278">
        <v>0</v>
      </c>
      <c r="E9" s="280">
        <v>0</v>
      </c>
      <c r="F9" s="281">
        <v>8350</v>
      </c>
      <c r="G9" s="281">
        <v>8436</v>
      </c>
      <c r="H9" s="281">
        <v>5918</v>
      </c>
      <c r="I9" s="281">
        <v>2675</v>
      </c>
      <c r="J9" s="281">
        <v>1065</v>
      </c>
      <c r="K9" s="278">
        <v>26444</v>
      </c>
      <c r="L9" s="283">
        <v>26444</v>
      </c>
      <c r="M9" s="281">
        <v>0</v>
      </c>
      <c r="N9" s="281">
        <v>0</v>
      </c>
      <c r="O9" s="278">
        <v>0</v>
      </c>
      <c r="P9" s="280">
        <v>0</v>
      </c>
      <c r="Q9" s="281">
        <v>151</v>
      </c>
      <c r="R9" s="281">
        <v>230</v>
      </c>
      <c r="S9" s="281">
        <v>366</v>
      </c>
      <c r="T9" s="281">
        <v>184</v>
      </c>
      <c r="U9" s="281">
        <v>301</v>
      </c>
      <c r="V9" s="278">
        <v>1232</v>
      </c>
      <c r="W9" s="283">
        <v>1232</v>
      </c>
    </row>
    <row r="10" spans="1:23" ht="21" customHeight="1" x14ac:dyDescent="0.2">
      <c r="A10" s="257" t="s">
        <v>7</v>
      </c>
      <c r="B10" s="281">
        <v>0</v>
      </c>
      <c r="C10" s="281">
        <v>0</v>
      </c>
      <c r="D10" s="278">
        <v>0</v>
      </c>
      <c r="E10" s="280">
        <v>0</v>
      </c>
      <c r="F10" s="281">
        <v>7710</v>
      </c>
      <c r="G10" s="281">
        <v>4826</v>
      </c>
      <c r="H10" s="281">
        <v>2658</v>
      </c>
      <c r="I10" s="281">
        <v>1103</v>
      </c>
      <c r="J10" s="281">
        <v>514</v>
      </c>
      <c r="K10" s="278">
        <v>16811</v>
      </c>
      <c r="L10" s="283">
        <v>16811</v>
      </c>
      <c r="M10" s="281">
        <v>0</v>
      </c>
      <c r="N10" s="281">
        <v>0</v>
      </c>
      <c r="O10" s="278">
        <v>0</v>
      </c>
      <c r="P10" s="280">
        <v>0</v>
      </c>
      <c r="Q10" s="281">
        <v>776</v>
      </c>
      <c r="R10" s="281">
        <v>837</v>
      </c>
      <c r="S10" s="281">
        <v>1096</v>
      </c>
      <c r="T10" s="281">
        <v>316</v>
      </c>
      <c r="U10" s="281">
        <v>180</v>
      </c>
      <c r="V10" s="278">
        <v>3205</v>
      </c>
      <c r="W10" s="283">
        <v>3205</v>
      </c>
    </row>
    <row r="11" spans="1:23" ht="21" customHeight="1" x14ac:dyDescent="0.2">
      <c r="A11" s="257" t="s">
        <v>8</v>
      </c>
      <c r="B11" s="281">
        <v>0</v>
      </c>
      <c r="C11" s="281">
        <v>0</v>
      </c>
      <c r="D11" s="278">
        <v>0</v>
      </c>
      <c r="E11" s="280">
        <v>0</v>
      </c>
      <c r="F11" s="281">
        <v>4651</v>
      </c>
      <c r="G11" s="281">
        <v>4292</v>
      </c>
      <c r="H11" s="281">
        <v>2491</v>
      </c>
      <c r="I11" s="281">
        <v>1244</v>
      </c>
      <c r="J11" s="281">
        <v>483</v>
      </c>
      <c r="K11" s="278">
        <v>13161</v>
      </c>
      <c r="L11" s="283">
        <v>13161</v>
      </c>
      <c r="M11" s="281">
        <v>0</v>
      </c>
      <c r="N11" s="281">
        <v>0</v>
      </c>
      <c r="O11" s="278">
        <v>0</v>
      </c>
      <c r="P11" s="280">
        <v>0</v>
      </c>
      <c r="Q11" s="281">
        <v>83</v>
      </c>
      <c r="R11" s="281">
        <v>134</v>
      </c>
      <c r="S11" s="281">
        <v>103</v>
      </c>
      <c r="T11" s="281">
        <v>41</v>
      </c>
      <c r="U11" s="281">
        <v>70</v>
      </c>
      <c r="V11" s="278">
        <v>431</v>
      </c>
      <c r="W11" s="283">
        <v>431</v>
      </c>
    </row>
    <row r="12" spans="1:23" ht="21" customHeight="1" x14ac:dyDescent="0.2">
      <c r="A12" s="257" t="s">
        <v>9</v>
      </c>
      <c r="B12" s="281">
        <v>0</v>
      </c>
      <c r="C12" s="281">
        <v>0</v>
      </c>
      <c r="D12" s="278">
        <v>0</v>
      </c>
      <c r="E12" s="280">
        <v>0</v>
      </c>
      <c r="F12" s="281">
        <v>2953</v>
      </c>
      <c r="G12" s="281">
        <v>2391</v>
      </c>
      <c r="H12" s="281">
        <v>1805</v>
      </c>
      <c r="I12" s="281">
        <v>826</v>
      </c>
      <c r="J12" s="281">
        <v>234</v>
      </c>
      <c r="K12" s="278">
        <v>8209</v>
      </c>
      <c r="L12" s="283">
        <v>8209</v>
      </c>
      <c r="M12" s="281">
        <v>0</v>
      </c>
      <c r="N12" s="281">
        <v>0</v>
      </c>
      <c r="O12" s="278">
        <v>0</v>
      </c>
      <c r="P12" s="280">
        <v>0</v>
      </c>
      <c r="Q12" s="281">
        <v>44</v>
      </c>
      <c r="R12" s="281">
        <v>81</v>
      </c>
      <c r="S12" s="281">
        <v>57</v>
      </c>
      <c r="T12" s="281">
        <v>43</v>
      </c>
      <c r="U12" s="281">
        <v>42</v>
      </c>
      <c r="V12" s="278">
        <v>267</v>
      </c>
      <c r="W12" s="283">
        <v>267</v>
      </c>
    </row>
    <row r="13" spans="1:23" ht="21" customHeight="1" x14ac:dyDescent="0.2">
      <c r="A13" s="257" t="s">
        <v>10</v>
      </c>
      <c r="B13" s="281">
        <v>0</v>
      </c>
      <c r="C13" s="281">
        <v>0</v>
      </c>
      <c r="D13" s="278">
        <v>0</v>
      </c>
      <c r="E13" s="280">
        <v>0</v>
      </c>
      <c r="F13" s="281">
        <v>4562</v>
      </c>
      <c r="G13" s="281">
        <v>2279</v>
      </c>
      <c r="H13" s="281">
        <v>1144</v>
      </c>
      <c r="I13" s="281">
        <v>662</v>
      </c>
      <c r="J13" s="281">
        <v>316</v>
      </c>
      <c r="K13" s="278">
        <v>8963</v>
      </c>
      <c r="L13" s="283">
        <v>8963</v>
      </c>
      <c r="M13" s="281">
        <v>0</v>
      </c>
      <c r="N13" s="281">
        <v>4</v>
      </c>
      <c r="O13" s="278">
        <v>4</v>
      </c>
      <c r="P13" s="280">
        <v>0</v>
      </c>
      <c r="Q13" s="281">
        <v>141</v>
      </c>
      <c r="R13" s="281">
        <v>167</v>
      </c>
      <c r="S13" s="281">
        <v>197</v>
      </c>
      <c r="T13" s="281">
        <v>68</v>
      </c>
      <c r="U13" s="281">
        <v>114</v>
      </c>
      <c r="V13" s="278">
        <v>687</v>
      </c>
      <c r="W13" s="283">
        <v>691</v>
      </c>
    </row>
    <row r="14" spans="1:23" ht="21" customHeight="1" x14ac:dyDescent="0.2">
      <c r="A14" s="257" t="s">
        <v>11</v>
      </c>
      <c r="B14" s="281">
        <v>0</v>
      </c>
      <c r="C14" s="281">
        <v>0</v>
      </c>
      <c r="D14" s="278">
        <v>0</v>
      </c>
      <c r="E14" s="280">
        <v>0</v>
      </c>
      <c r="F14" s="281">
        <v>4283</v>
      </c>
      <c r="G14" s="281">
        <v>2504</v>
      </c>
      <c r="H14" s="281">
        <v>1740</v>
      </c>
      <c r="I14" s="281">
        <v>927</v>
      </c>
      <c r="J14" s="281">
        <v>305</v>
      </c>
      <c r="K14" s="278">
        <v>9759</v>
      </c>
      <c r="L14" s="283">
        <v>9759</v>
      </c>
      <c r="M14" s="281">
        <v>0</v>
      </c>
      <c r="N14" s="281">
        <v>9</v>
      </c>
      <c r="O14" s="278">
        <v>9</v>
      </c>
      <c r="P14" s="280">
        <v>0</v>
      </c>
      <c r="Q14" s="281">
        <v>138</v>
      </c>
      <c r="R14" s="281">
        <v>134</v>
      </c>
      <c r="S14" s="281">
        <v>93</v>
      </c>
      <c r="T14" s="281">
        <v>12</v>
      </c>
      <c r="U14" s="281">
        <v>11</v>
      </c>
      <c r="V14" s="278">
        <v>388</v>
      </c>
      <c r="W14" s="283">
        <v>397</v>
      </c>
    </row>
    <row r="15" spans="1:23" ht="21" customHeight="1" x14ac:dyDescent="0.2">
      <c r="A15" s="257" t="s">
        <v>12</v>
      </c>
      <c r="B15" s="281">
        <v>0</v>
      </c>
      <c r="C15" s="281">
        <v>0</v>
      </c>
      <c r="D15" s="278">
        <v>0</v>
      </c>
      <c r="E15" s="280">
        <v>0</v>
      </c>
      <c r="F15" s="281">
        <v>3177</v>
      </c>
      <c r="G15" s="281">
        <v>1870</v>
      </c>
      <c r="H15" s="281">
        <v>1436</v>
      </c>
      <c r="I15" s="281">
        <v>590</v>
      </c>
      <c r="J15" s="281">
        <v>351</v>
      </c>
      <c r="K15" s="278">
        <v>7424</v>
      </c>
      <c r="L15" s="283">
        <v>7424</v>
      </c>
      <c r="M15" s="281">
        <v>0</v>
      </c>
      <c r="N15" s="281">
        <v>0</v>
      </c>
      <c r="O15" s="278">
        <v>0</v>
      </c>
      <c r="P15" s="280">
        <v>0</v>
      </c>
      <c r="Q15" s="281">
        <v>31</v>
      </c>
      <c r="R15" s="281">
        <v>20</v>
      </c>
      <c r="S15" s="281">
        <v>9</v>
      </c>
      <c r="T15" s="281">
        <v>0</v>
      </c>
      <c r="U15" s="281">
        <v>13</v>
      </c>
      <c r="V15" s="278">
        <v>73</v>
      </c>
      <c r="W15" s="283">
        <v>73</v>
      </c>
    </row>
    <row r="16" spans="1:23" ht="21" customHeight="1" x14ac:dyDescent="0.2">
      <c r="A16" s="257" t="s">
        <v>13</v>
      </c>
      <c r="B16" s="281">
        <v>0</v>
      </c>
      <c r="C16" s="281">
        <v>0</v>
      </c>
      <c r="D16" s="278">
        <v>0</v>
      </c>
      <c r="E16" s="280">
        <v>0</v>
      </c>
      <c r="F16" s="281">
        <v>952</v>
      </c>
      <c r="G16" s="281">
        <v>999</v>
      </c>
      <c r="H16" s="281">
        <v>485</v>
      </c>
      <c r="I16" s="281">
        <v>337</v>
      </c>
      <c r="J16" s="281">
        <v>152</v>
      </c>
      <c r="K16" s="278">
        <v>2925</v>
      </c>
      <c r="L16" s="283">
        <v>2925</v>
      </c>
      <c r="M16" s="281">
        <v>0</v>
      </c>
      <c r="N16" s="281">
        <v>0</v>
      </c>
      <c r="O16" s="278">
        <v>0</v>
      </c>
      <c r="P16" s="280">
        <v>0</v>
      </c>
      <c r="Q16" s="281">
        <v>17</v>
      </c>
      <c r="R16" s="281">
        <v>15</v>
      </c>
      <c r="S16" s="281">
        <v>66</v>
      </c>
      <c r="T16" s="281">
        <v>56</v>
      </c>
      <c r="U16" s="281">
        <v>55</v>
      </c>
      <c r="V16" s="278">
        <v>209</v>
      </c>
      <c r="W16" s="283">
        <v>209</v>
      </c>
    </row>
    <row r="17" spans="1:23" ht="21" customHeight="1" x14ac:dyDescent="0.2">
      <c r="A17" s="257" t="s">
        <v>15</v>
      </c>
      <c r="B17" s="281">
        <v>0</v>
      </c>
      <c r="C17" s="281">
        <v>0</v>
      </c>
      <c r="D17" s="278">
        <v>0</v>
      </c>
      <c r="E17" s="280">
        <v>0</v>
      </c>
      <c r="F17" s="281">
        <v>983</v>
      </c>
      <c r="G17" s="281">
        <v>1326</v>
      </c>
      <c r="H17" s="281">
        <v>613</v>
      </c>
      <c r="I17" s="281">
        <v>333</v>
      </c>
      <c r="J17" s="281">
        <v>94</v>
      </c>
      <c r="K17" s="278">
        <v>3349</v>
      </c>
      <c r="L17" s="283">
        <v>3349</v>
      </c>
      <c r="M17" s="281">
        <v>0</v>
      </c>
      <c r="N17" s="281">
        <v>0</v>
      </c>
      <c r="O17" s="278">
        <v>0</v>
      </c>
      <c r="P17" s="280">
        <v>0</v>
      </c>
      <c r="Q17" s="281">
        <v>26</v>
      </c>
      <c r="R17" s="281">
        <v>52</v>
      </c>
      <c r="S17" s="281">
        <v>87</v>
      </c>
      <c r="T17" s="281">
        <v>33</v>
      </c>
      <c r="U17" s="281">
        <v>5</v>
      </c>
      <c r="V17" s="278">
        <v>203</v>
      </c>
      <c r="W17" s="283">
        <v>203</v>
      </c>
    </row>
    <row r="18" spans="1:23" ht="21" customHeight="1" x14ac:dyDescent="0.2">
      <c r="A18" s="257" t="s">
        <v>16</v>
      </c>
      <c r="B18" s="281">
        <v>0</v>
      </c>
      <c r="C18" s="281">
        <v>0</v>
      </c>
      <c r="D18" s="278">
        <v>0</v>
      </c>
      <c r="E18" s="280">
        <v>0</v>
      </c>
      <c r="F18" s="281">
        <v>1390</v>
      </c>
      <c r="G18" s="281">
        <v>1490</v>
      </c>
      <c r="H18" s="281">
        <v>945</v>
      </c>
      <c r="I18" s="281">
        <v>473</v>
      </c>
      <c r="J18" s="281">
        <v>202</v>
      </c>
      <c r="K18" s="278">
        <v>4500</v>
      </c>
      <c r="L18" s="283">
        <v>4500</v>
      </c>
      <c r="M18" s="281">
        <v>0</v>
      </c>
      <c r="N18" s="281">
        <v>0</v>
      </c>
      <c r="O18" s="278">
        <v>0</v>
      </c>
      <c r="P18" s="280">
        <v>0</v>
      </c>
      <c r="Q18" s="281">
        <v>39</v>
      </c>
      <c r="R18" s="281">
        <v>101</v>
      </c>
      <c r="S18" s="281">
        <v>92</v>
      </c>
      <c r="T18" s="281">
        <v>55</v>
      </c>
      <c r="U18" s="281">
        <v>85</v>
      </c>
      <c r="V18" s="278">
        <v>372</v>
      </c>
      <c r="W18" s="283">
        <v>372</v>
      </c>
    </row>
    <row r="19" spans="1:23" ht="21" customHeight="1" x14ac:dyDescent="0.2">
      <c r="A19" s="257" t="s">
        <v>17</v>
      </c>
      <c r="B19" s="281">
        <v>0</v>
      </c>
      <c r="C19" s="281">
        <v>0</v>
      </c>
      <c r="D19" s="278">
        <v>0</v>
      </c>
      <c r="E19" s="280">
        <v>0</v>
      </c>
      <c r="F19" s="281">
        <v>2088</v>
      </c>
      <c r="G19" s="281">
        <v>2547</v>
      </c>
      <c r="H19" s="281">
        <v>1490</v>
      </c>
      <c r="I19" s="281">
        <v>1213</v>
      </c>
      <c r="J19" s="281">
        <v>766</v>
      </c>
      <c r="K19" s="278">
        <v>8104</v>
      </c>
      <c r="L19" s="283">
        <v>8104</v>
      </c>
      <c r="M19" s="281">
        <v>0</v>
      </c>
      <c r="N19" s="281">
        <v>10</v>
      </c>
      <c r="O19" s="278">
        <v>10</v>
      </c>
      <c r="P19" s="280">
        <v>0</v>
      </c>
      <c r="Q19" s="281">
        <v>159</v>
      </c>
      <c r="R19" s="281">
        <v>224</v>
      </c>
      <c r="S19" s="281">
        <v>225</v>
      </c>
      <c r="T19" s="281">
        <v>151</v>
      </c>
      <c r="U19" s="281">
        <v>85</v>
      </c>
      <c r="V19" s="278">
        <v>844</v>
      </c>
      <c r="W19" s="283">
        <v>854</v>
      </c>
    </row>
    <row r="20" spans="1:23" ht="21" customHeight="1" x14ac:dyDescent="0.2">
      <c r="A20" s="257" t="s">
        <v>18</v>
      </c>
      <c r="B20" s="281">
        <v>0</v>
      </c>
      <c r="C20" s="281">
        <v>0</v>
      </c>
      <c r="D20" s="278">
        <v>0</v>
      </c>
      <c r="E20" s="280">
        <v>0</v>
      </c>
      <c r="F20" s="281">
        <v>2161</v>
      </c>
      <c r="G20" s="281">
        <v>1927</v>
      </c>
      <c r="H20" s="281">
        <v>1045</v>
      </c>
      <c r="I20" s="281">
        <v>399</v>
      </c>
      <c r="J20" s="281">
        <v>219</v>
      </c>
      <c r="K20" s="278">
        <v>5751</v>
      </c>
      <c r="L20" s="283">
        <v>5751</v>
      </c>
      <c r="M20" s="281">
        <v>0</v>
      </c>
      <c r="N20" s="281">
        <v>0</v>
      </c>
      <c r="O20" s="278">
        <v>0</v>
      </c>
      <c r="P20" s="280">
        <v>0</v>
      </c>
      <c r="Q20" s="281">
        <v>116</v>
      </c>
      <c r="R20" s="281">
        <v>58</v>
      </c>
      <c r="S20" s="281">
        <v>141</v>
      </c>
      <c r="T20" s="281">
        <v>126</v>
      </c>
      <c r="U20" s="281">
        <v>114</v>
      </c>
      <c r="V20" s="278">
        <v>555</v>
      </c>
      <c r="W20" s="283">
        <v>555</v>
      </c>
    </row>
    <row r="21" spans="1:23" ht="21" customHeight="1" x14ac:dyDescent="0.2">
      <c r="A21" s="257" t="s">
        <v>19</v>
      </c>
      <c r="B21" s="281">
        <v>0</v>
      </c>
      <c r="C21" s="281">
        <v>0</v>
      </c>
      <c r="D21" s="278">
        <v>0</v>
      </c>
      <c r="E21" s="280">
        <v>0</v>
      </c>
      <c r="F21" s="281">
        <v>1047</v>
      </c>
      <c r="G21" s="281">
        <v>963</v>
      </c>
      <c r="H21" s="281">
        <v>563</v>
      </c>
      <c r="I21" s="281">
        <v>317</v>
      </c>
      <c r="J21" s="281">
        <v>113</v>
      </c>
      <c r="K21" s="278">
        <v>3003</v>
      </c>
      <c r="L21" s="283">
        <v>3003</v>
      </c>
      <c r="M21" s="281">
        <v>0</v>
      </c>
      <c r="N21" s="281">
        <v>0</v>
      </c>
      <c r="O21" s="278">
        <v>0</v>
      </c>
      <c r="P21" s="280">
        <v>0</v>
      </c>
      <c r="Q21" s="281">
        <v>97</v>
      </c>
      <c r="R21" s="281">
        <v>242</v>
      </c>
      <c r="S21" s="281">
        <v>172</v>
      </c>
      <c r="T21" s="281">
        <v>35</v>
      </c>
      <c r="U21" s="281">
        <v>44</v>
      </c>
      <c r="V21" s="278">
        <v>590</v>
      </c>
      <c r="W21" s="283">
        <v>590</v>
      </c>
    </row>
    <row r="22" spans="1:23" ht="21" customHeight="1" x14ac:dyDescent="0.2">
      <c r="A22" s="257" t="s">
        <v>20</v>
      </c>
      <c r="B22" s="281">
        <v>0</v>
      </c>
      <c r="C22" s="281">
        <v>0</v>
      </c>
      <c r="D22" s="278">
        <v>0</v>
      </c>
      <c r="E22" s="280">
        <v>0</v>
      </c>
      <c r="F22" s="281">
        <v>1161</v>
      </c>
      <c r="G22" s="281">
        <v>601</v>
      </c>
      <c r="H22" s="281">
        <v>421</v>
      </c>
      <c r="I22" s="281">
        <v>259</v>
      </c>
      <c r="J22" s="281">
        <v>52</v>
      </c>
      <c r="K22" s="278">
        <v>2494</v>
      </c>
      <c r="L22" s="283">
        <v>2494</v>
      </c>
      <c r="M22" s="281">
        <v>0</v>
      </c>
      <c r="N22" s="281">
        <v>0</v>
      </c>
      <c r="O22" s="278">
        <v>0</v>
      </c>
      <c r="P22" s="280">
        <v>0</v>
      </c>
      <c r="Q22" s="281">
        <v>0</v>
      </c>
      <c r="R22" s="281">
        <v>28</v>
      </c>
      <c r="S22" s="281">
        <v>50</v>
      </c>
      <c r="T22" s="281">
        <v>33</v>
      </c>
      <c r="U22" s="281">
        <v>27</v>
      </c>
      <c r="V22" s="278">
        <v>138</v>
      </c>
      <c r="W22" s="283">
        <v>138</v>
      </c>
    </row>
    <row r="23" spans="1:23" ht="21" customHeight="1" x14ac:dyDescent="0.2">
      <c r="A23" s="257" t="s">
        <v>21</v>
      </c>
      <c r="B23" s="281">
        <v>0</v>
      </c>
      <c r="C23" s="281">
        <v>0</v>
      </c>
      <c r="D23" s="278">
        <v>0</v>
      </c>
      <c r="E23" s="280">
        <v>0</v>
      </c>
      <c r="F23" s="281">
        <v>1356</v>
      </c>
      <c r="G23" s="281">
        <v>1663</v>
      </c>
      <c r="H23" s="281">
        <v>626</v>
      </c>
      <c r="I23" s="281">
        <v>317</v>
      </c>
      <c r="J23" s="281">
        <v>137</v>
      </c>
      <c r="K23" s="278">
        <v>4099</v>
      </c>
      <c r="L23" s="283">
        <v>4099</v>
      </c>
      <c r="M23" s="281">
        <v>0</v>
      </c>
      <c r="N23" s="281">
        <v>0</v>
      </c>
      <c r="O23" s="278">
        <v>0</v>
      </c>
      <c r="P23" s="280">
        <v>0</v>
      </c>
      <c r="Q23" s="281">
        <v>0</v>
      </c>
      <c r="R23" s="281">
        <v>0</v>
      </c>
      <c r="S23" s="281">
        <v>0</v>
      </c>
      <c r="T23" s="281">
        <v>0</v>
      </c>
      <c r="U23" s="281">
        <v>0</v>
      </c>
      <c r="V23" s="278">
        <v>0</v>
      </c>
      <c r="W23" s="283">
        <v>0</v>
      </c>
    </row>
    <row r="24" spans="1:23" ht="21" customHeight="1" x14ac:dyDescent="0.2">
      <c r="A24" s="257" t="s">
        <v>22</v>
      </c>
      <c r="B24" s="281">
        <v>0</v>
      </c>
      <c r="C24" s="281">
        <v>0</v>
      </c>
      <c r="D24" s="278">
        <v>0</v>
      </c>
      <c r="E24" s="280">
        <v>0</v>
      </c>
      <c r="F24" s="281">
        <v>1024</v>
      </c>
      <c r="G24" s="281">
        <v>826</v>
      </c>
      <c r="H24" s="281">
        <v>422</v>
      </c>
      <c r="I24" s="281">
        <v>216</v>
      </c>
      <c r="J24" s="281">
        <v>121</v>
      </c>
      <c r="K24" s="278">
        <v>2609</v>
      </c>
      <c r="L24" s="283">
        <v>2609</v>
      </c>
      <c r="M24" s="281">
        <v>2</v>
      </c>
      <c r="N24" s="281">
        <v>0</v>
      </c>
      <c r="O24" s="278">
        <v>2</v>
      </c>
      <c r="P24" s="280">
        <v>0</v>
      </c>
      <c r="Q24" s="281">
        <v>60</v>
      </c>
      <c r="R24" s="281">
        <v>53</v>
      </c>
      <c r="S24" s="281">
        <v>96</v>
      </c>
      <c r="T24" s="281">
        <v>24</v>
      </c>
      <c r="U24" s="281">
        <v>16</v>
      </c>
      <c r="V24" s="278">
        <v>249</v>
      </c>
      <c r="W24" s="283">
        <v>251</v>
      </c>
    </row>
    <row r="25" spans="1:23" ht="21" customHeight="1" x14ac:dyDescent="0.2">
      <c r="A25" s="257" t="s">
        <v>23</v>
      </c>
      <c r="B25" s="281">
        <v>0</v>
      </c>
      <c r="C25" s="281">
        <v>0</v>
      </c>
      <c r="D25" s="278">
        <v>0</v>
      </c>
      <c r="E25" s="280">
        <v>0</v>
      </c>
      <c r="F25" s="281">
        <v>391</v>
      </c>
      <c r="G25" s="281">
        <v>364</v>
      </c>
      <c r="H25" s="281">
        <v>160</v>
      </c>
      <c r="I25" s="281">
        <v>127</v>
      </c>
      <c r="J25" s="281">
        <v>32</v>
      </c>
      <c r="K25" s="278">
        <v>1074</v>
      </c>
      <c r="L25" s="283">
        <v>1074</v>
      </c>
      <c r="M25" s="281">
        <v>0</v>
      </c>
      <c r="N25" s="281">
        <v>0</v>
      </c>
      <c r="O25" s="278">
        <v>0</v>
      </c>
      <c r="P25" s="280">
        <v>0</v>
      </c>
      <c r="Q25" s="281">
        <v>0</v>
      </c>
      <c r="R25" s="281">
        <v>0</v>
      </c>
      <c r="S25" s="281">
        <v>11</v>
      </c>
      <c r="T25" s="281">
        <v>21</v>
      </c>
      <c r="U25" s="281">
        <v>0</v>
      </c>
      <c r="V25" s="278">
        <v>32</v>
      </c>
      <c r="W25" s="283">
        <v>32</v>
      </c>
    </row>
    <row r="26" spans="1:23" ht="21" customHeight="1" x14ac:dyDescent="0.2">
      <c r="A26" s="257" t="s">
        <v>24</v>
      </c>
      <c r="B26" s="281">
        <v>0</v>
      </c>
      <c r="C26" s="281">
        <v>0</v>
      </c>
      <c r="D26" s="278">
        <v>0</v>
      </c>
      <c r="E26" s="280">
        <v>0</v>
      </c>
      <c r="F26" s="281">
        <v>259</v>
      </c>
      <c r="G26" s="281">
        <v>139</v>
      </c>
      <c r="H26" s="281">
        <v>117</v>
      </c>
      <c r="I26" s="281">
        <v>57</v>
      </c>
      <c r="J26" s="281">
        <v>11</v>
      </c>
      <c r="K26" s="278">
        <v>583</v>
      </c>
      <c r="L26" s="283">
        <v>583</v>
      </c>
      <c r="M26" s="281">
        <v>0</v>
      </c>
      <c r="N26" s="281">
        <v>0</v>
      </c>
      <c r="O26" s="278">
        <v>0</v>
      </c>
      <c r="P26" s="280">
        <v>0</v>
      </c>
      <c r="Q26" s="281">
        <v>73</v>
      </c>
      <c r="R26" s="281">
        <v>64</v>
      </c>
      <c r="S26" s="281">
        <v>48</v>
      </c>
      <c r="T26" s="281">
        <v>14</v>
      </c>
      <c r="U26" s="281">
        <v>21</v>
      </c>
      <c r="V26" s="278">
        <v>220</v>
      </c>
      <c r="W26" s="283">
        <v>220</v>
      </c>
    </row>
    <row r="27" spans="1:23" ht="21" customHeight="1" x14ac:dyDescent="0.2">
      <c r="A27" s="257" t="s">
        <v>25</v>
      </c>
      <c r="B27" s="281">
        <v>0</v>
      </c>
      <c r="C27" s="281">
        <v>0</v>
      </c>
      <c r="D27" s="278">
        <v>0</v>
      </c>
      <c r="E27" s="280">
        <v>0</v>
      </c>
      <c r="F27" s="281">
        <v>710</v>
      </c>
      <c r="G27" s="281">
        <v>275</v>
      </c>
      <c r="H27" s="281">
        <v>115</v>
      </c>
      <c r="I27" s="281">
        <v>89</v>
      </c>
      <c r="J27" s="281">
        <v>12</v>
      </c>
      <c r="K27" s="278">
        <v>1201</v>
      </c>
      <c r="L27" s="283">
        <v>1201</v>
      </c>
      <c r="M27" s="281">
        <v>0</v>
      </c>
      <c r="N27" s="281">
        <v>0</v>
      </c>
      <c r="O27" s="278">
        <v>0</v>
      </c>
      <c r="P27" s="280">
        <v>0</v>
      </c>
      <c r="Q27" s="281">
        <v>55</v>
      </c>
      <c r="R27" s="281">
        <v>27</v>
      </c>
      <c r="S27" s="281">
        <v>17</v>
      </c>
      <c r="T27" s="281">
        <v>0</v>
      </c>
      <c r="U27" s="281">
        <v>13</v>
      </c>
      <c r="V27" s="278">
        <v>112</v>
      </c>
      <c r="W27" s="283">
        <v>112</v>
      </c>
    </row>
    <row r="28" spans="1:23" ht="21" customHeight="1" x14ac:dyDescent="0.2">
      <c r="A28" s="257" t="s">
        <v>26</v>
      </c>
      <c r="B28" s="281">
        <v>0</v>
      </c>
      <c r="C28" s="281">
        <v>0</v>
      </c>
      <c r="D28" s="278">
        <v>0</v>
      </c>
      <c r="E28" s="280">
        <v>0</v>
      </c>
      <c r="F28" s="281">
        <v>361</v>
      </c>
      <c r="G28" s="281">
        <v>336</v>
      </c>
      <c r="H28" s="281">
        <v>212</v>
      </c>
      <c r="I28" s="281">
        <v>123</v>
      </c>
      <c r="J28" s="281">
        <v>127</v>
      </c>
      <c r="K28" s="278">
        <v>1159</v>
      </c>
      <c r="L28" s="283">
        <v>1159</v>
      </c>
      <c r="M28" s="281">
        <v>0</v>
      </c>
      <c r="N28" s="281">
        <v>0</v>
      </c>
      <c r="O28" s="278">
        <v>0</v>
      </c>
      <c r="P28" s="280">
        <v>0</v>
      </c>
      <c r="Q28" s="281">
        <v>8</v>
      </c>
      <c r="R28" s="281">
        <v>22</v>
      </c>
      <c r="S28" s="281">
        <v>64</v>
      </c>
      <c r="T28" s="281">
        <v>13</v>
      </c>
      <c r="U28" s="281">
        <v>43</v>
      </c>
      <c r="V28" s="278">
        <v>150</v>
      </c>
      <c r="W28" s="283">
        <v>150</v>
      </c>
    </row>
    <row r="29" spans="1:23" ht="21" customHeight="1" x14ac:dyDescent="0.2">
      <c r="A29" s="257" t="s">
        <v>27</v>
      </c>
      <c r="B29" s="281">
        <v>0</v>
      </c>
      <c r="C29" s="281">
        <v>0</v>
      </c>
      <c r="D29" s="278">
        <v>0</v>
      </c>
      <c r="E29" s="280">
        <v>0</v>
      </c>
      <c r="F29" s="281">
        <v>247</v>
      </c>
      <c r="G29" s="281">
        <v>108</v>
      </c>
      <c r="H29" s="281">
        <v>83</v>
      </c>
      <c r="I29" s="281">
        <v>5</v>
      </c>
      <c r="J29" s="281">
        <v>6</v>
      </c>
      <c r="K29" s="278">
        <v>449</v>
      </c>
      <c r="L29" s="283">
        <v>449</v>
      </c>
      <c r="M29" s="281">
        <v>0</v>
      </c>
      <c r="N29" s="281">
        <v>0</v>
      </c>
      <c r="O29" s="278">
        <v>0</v>
      </c>
      <c r="P29" s="280">
        <v>0</v>
      </c>
      <c r="Q29" s="281">
        <v>17</v>
      </c>
      <c r="R29" s="281">
        <v>15</v>
      </c>
      <c r="S29" s="281">
        <v>20</v>
      </c>
      <c r="T29" s="281">
        <v>21</v>
      </c>
      <c r="U29" s="281">
        <v>5</v>
      </c>
      <c r="V29" s="278">
        <v>78</v>
      </c>
      <c r="W29" s="283">
        <v>78</v>
      </c>
    </row>
    <row r="30" spans="1:23" ht="21" customHeight="1" x14ac:dyDescent="0.2">
      <c r="A30" s="257" t="s">
        <v>28</v>
      </c>
      <c r="B30" s="281">
        <v>0</v>
      </c>
      <c r="C30" s="281">
        <v>0</v>
      </c>
      <c r="D30" s="278">
        <v>0</v>
      </c>
      <c r="E30" s="280">
        <v>0</v>
      </c>
      <c r="F30" s="281">
        <v>180</v>
      </c>
      <c r="G30" s="281">
        <v>119</v>
      </c>
      <c r="H30" s="281">
        <v>13</v>
      </c>
      <c r="I30" s="281">
        <v>43</v>
      </c>
      <c r="J30" s="281">
        <v>8</v>
      </c>
      <c r="K30" s="278">
        <v>363</v>
      </c>
      <c r="L30" s="283">
        <v>363</v>
      </c>
      <c r="M30" s="281">
        <v>0</v>
      </c>
      <c r="N30" s="281">
        <v>0</v>
      </c>
      <c r="O30" s="278">
        <v>0</v>
      </c>
      <c r="P30" s="280">
        <v>0</v>
      </c>
      <c r="Q30" s="281">
        <v>14</v>
      </c>
      <c r="R30" s="281">
        <v>9</v>
      </c>
      <c r="S30" s="281">
        <v>25</v>
      </c>
      <c r="T30" s="281">
        <v>0</v>
      </c>
      <c r="U30" s="281">
        <v>1</v>
      </c>
      <c r="V30" s="278">
        <v>49</v>
      </c>
      <c r="W30" s="283">
        <v>49</v>
      </c>
    </row>
    <row r="31" spans="1:23" ht="21" customHeight="1" x14ac:dyDescent="0.2">
      <c r="A31" s="257" t="s">
        <v>29</v>
      </c>
      <c r="B31" s="281">
        <v>0</v>
      </c>
      <c r="C31" s="281">
        <v>0</v>
      </c>
      <c r="D31" s="278">
        <v>0</v>
      </c>
      <c r="E31" s="280">
        <v>0</v>
      </c>
      <c r="F31" s="281">
        <v>116</v>
      </c>
      <c r="G31" s="281">
        <v>147</v>
      </c>
      <c r="H31" s="281">
        <v>34</v>
      </c>
      <c r="I31" s="281">
        <v>8</v>
      </c>
      <c r="J31" s="281">
        <v>0</v>
      </c>
      <c r="K31" s="278">
        <v>305</v>
      </c>
      <c r="L31" s="283">
        <v>305</v>
      </c>
      <c r="M31" s="281">
        <v>0</v>
      </c>
      <c r="N31" s="281">
        <v>0</v>
      </c>
      <c r="O31" s="278">
        <v>0</v>
      </c>
      <c r="P31" s="280">
        <v>0</v>
      </c>
      <c r="Q31" s="281">
        <v>0</v>
      </c>
      <c r="R31" s="281">
        <v>7</v>
      </c>
      <c r="S31" s="281">
        <v>30</v>
      </c>
      <c r="T31" s="281">
        <v>2</v>
      </c>
      <c r="U31" s="281">
        <v>0</v>
      </c>
      <c r="V31" s="278">
        <v>39</v>
      </c>
      <c r="W31" s="283">
        <v>39</v>
      </c>
    </row>
    <row r="32" spans="1:23" ht="21" customHeight="1" x14ac:dyDescent="0.2">
      <c r="A32" s="257" t="s">
        <v>30</v>
      </c>
      <c r="B32" s="281">
        <v>0</v>
      </c>
      <c r="C32" s="281">
        <v>0</v>
      </c>
      <c r="D32" s="278">
        <v>0</v>
      </c>
      <c r="E32" s="280">
        <v>0</v>
      </c>
      <c r="F32" s="281">
        <v>183</v>
      </c>
      <c r="G32" s="281">
        <v>131</v>
      </c>
      <c r="H32" s="281">
        <v>98</v>
      </c>
      <c r="I32" s="281">
        <v>72</v>
      </c>
      <c r="J32" s="281">
        <v>0</v>
      </c>
      <c r="K32" s="278">
        <v>484</v>
      </c>
      <c r="L32" s="283">
        <v>484</v>
      </c>
      <c r="M32" s="281">
        <v>4</v>
      </c>
      <c r="N32" s="281">
        <v>0</v>
      </c>
      <c r="O32" s="278">
        <v>4</v>
      </c>
      <c r="P32" s="280">
        <v>0</v>
      </c>
      <c r="Q32" s="281">
        <v>5</v>
      </c>
      <c r="R32" s="281">
        <v>8</v>
      </c>
      <c r="S32" s="281">
        <v>20</v>
      </c>
      <c r="T32" s="281">
        <v>0</v>
      </c>
      <c r="U32" s="281">
        <v>0</v>
      </c>
      <c r="V32" s="278">
        <v>33</v>
      </c>
      <c r="W32" s="283">
        <v>37</v>
      </c>
    </row>
    <row r="33" spans="1:23" ht="21" customHeight="1" x14ac:dyDescent="0.2">
      <c r="A33" s="257" t="s">
        <v>31</v>
      </c>
      <c r="B33" s="281">
        <v>0</v>
      </c>
      <c r="C33" s="281">
        <v>0</v>
      </c>
      <c r="D33" s="278">
        <v>0</v>
      </c>
      <c r="E33" s="280">
        <v>0</v>
      </c>
      <c r="F33" s="281">
        <v>167</v>
      </c>
      <c r="G33" s="281">
        <v>114</v>
      </c>
      <c r="H33" s="281">
        <v>119</v>
      </c>
      <c r="I33" s="281">
        <v>6</v>
      </c>
      <c r="J33" s="281">
        <v>14</v>
      </c>
      <c r="K33" s="278">
        <v>420</v>
      </c>
      <c r="L33" s="283">
        <v>420</v>
      </c>
      <c r="M33" s="281">
        <v>0</v>
      </c>
      <c r="N33" s="281">
        <v>0</v>
      </c>
      <c r="O33" s="278">
        <v>0</v>
      </c>
      <c r="P33" s="280">
        <v>0</v>
      </c>
      <c r="Q33" s="281">
        <v>0</v>
      </c>
      <c r="R33" s="281">
        <v>13</v>
      </c>
      <c r="S33" s="281">
        <v>13</v>
      </c>
      <c r="T33" s="281">
        <v>0</v>
      </c>
      <c r="U33" s="281">
        <v>0</v>
      </c>
      <c r="V33" s="278">
        <v>26</v>
      </c>
      <c r="W33" s="283">
        <v>26</v>
      </c>
    </row>
    <row r="34" spans="1:23" ht="21" customHeight="1" x14ac:dyDescent="0.2">
      <c r="A34" s="257" t="s">
        <v>32</v>
      </c>
      <c r="B34" s="281">
        <v>0</v>
      </c>
      <c r="C34" s="281">
        <v>0</v>
      </c>
      <c r="D34" s="278">
        <v>0</v>
      </c>
      <c r="E34" s="280">
        <v>0</v>
      </c>
      <c r="F34" s="281">
        <v>333</v>
      </c>
      <c r="G34" s="281">
        <v>259</v>
      </c>
      <c r="H34" s="281">
        <v>75</v>
      </c>
      <c r="I34" s="281">
        <v>32</v>
      </c>
      <c r="J34" s="281">
        <v>16</v>
      </c>
      <c r="K34" s="278">
        <v>715</v>
      </c>
      <c r="L34" s="283">
        <v>715</v>
      </c>
      <c r="M34" s="281">
        <v>0</v>
      </c>
      <c r="N34" s="281">
        <v>0</v>
      </c>
      <c r="O34" s="278">
        <v>0</v>
      </c>
      <c r="P34" s="280">
        <v>0</v>
      </c>
      <c r="Q34" s="281">
        <v>6</v>
      </c>
      <c r="R34" s="281">
        <v>0</v>
      </c>
      <c r="S34" s="281">
        <v>30</v>
      </c>
      <c r="T34" s="281">
        <v>12</v>
      </c>
      <c r="U34" s="281">
        <v>13</v>
      </c>
      <c r="V34" s="278">
        <v>61</v>
      </c>
      <c r="W34" s="283">
        <v>61</v>
      </c>
    </row>
    <row r="35" spans="1:23" ht="21" customHeight="1" x14ac:dyDescent="0.2">
      <c r="A35" s="257" t="s">
        <v>33</v>
      </c>
      <c r="B35" s="281">
        <v>0</v>
      </c>
      <c r="C35" s="281">
        <v>0</v>
      </c>
      <c r="D35" s="278">
        <v>0</v>
      </c>
      <c r="E35" s="280">
        <v>0</v>
      </c>
      <c r="F35" s="281">
        <v>220</v>
      </c>
      <c r="G35" s="281">
        <v>77</v>
      </c>
      <c r="H35" s="281">
        <v>35</v>
      </c>
      <c r="I35" s="281">
        <v>45</v>
      </c>
      <c r="J35" s="281">
        <v>9</v>
      </c>
      <c r="K35" s="278">
        <v>386</v>
      </c>
      <c r="L35" s="283">
        <v>386</v>
      </c>
      <c r="M35" s="281">
        <v>0</v>
      </c>
      <c r="N35" s="281">
        <v>0</v>
      </c>
      <c r="O35" s="278">
        <v>0</v>
      </c>
      <c r="P35" s="280">
        <v>0</v>
      </c>
      <c r="Q35" s="281">
        <v>8</v>
      </c>
      <c r="R35" s="281">
        <v>0</v>
      </c>
      <c r="S35" s="281">
        <v>0</v>
      </c>
      <c r="T35" s="281">
        <v>0</v>
      </c>
      <c r="U35" s="281">
        <v>0</v>
      </c>
      <c r="V35" s="278">
        <v>8</v>
      </c>
      <c r="W35" s="283">
        <v>8</v>
      </c>
    </row>
    <row r="36" spans="1:23" ht="21" customHeight="1" x14ac:dyDescent="0.2">
      <c r="A36" s="257" t="s">
        <v>34</v>
      </c>
      <c r="B36" s="281">
        <v>0</v>
      </c>
      <c r="C36" s="281">
        <v>0</v>
      </c>
      <c r="D36" s="278">
        <v>0</v>
      </c>
      <c r="E36" s="280">
        <v>0</v>
      </c>
      <c r="F36" s="281">
        <v>138</v>
      </c>
      <c r="G36" s="281">
        <v>32</v>
      </c>
      <c r="H36" s="281">
        <v>48</v>
      </c>
      <c r="I36" s="281">
        <v>0</v>
      </c>
      <c r="J36" s="281">
        <v>0</v>
      </c>
      <c r="K36" s="278">
        <v>218</v>
      </c>
      <c r="L36" s="283">
        <v>218</v>
      </c>
      <c r="M36" s="281">
        <v>0</v>
      </c>
      <c r="N36" s="281">
        <v>0</v>
      </c>
      <c r="O36" s="278">
        <v>0</v>
      </c>
      <c r="P36" s="280">
        <v>0</v>
      </c>
      <c r="Q36" s="281">
        <v>0</v>
      </c>
      <c r="R36" s="281">
        <v>0</v>
      </c>
      <c r="S36" s="281">
        <v>0</v>
      </c>
      <c r="T36" s="281">
        <v>8</v>
      </c>
      <c r="U36" s="281">
        <v>0</v>
      </c>
      <c r="V36" s="278">
        <v>8</v>
      </c>
      <c r="W36" s="283">
        <v>8</v>
      </c>
    </row>
    <row r="37" spans="1:23" ht="21" customHeight="1" x14ac:dyDescent="0.2">
      <c r="A37" s="257" t="s">
        <v>35</v>
      </c>
      <c r="B37" s="281">
        <v>0</v>
      </c>
      <c r="C37" s="281">
        <v>0</v>
      </c>
      <c r="D37" s="278">
        <v>0</v>
      </c>
      <c r="E37" s="280">
        <v>0</v>
      </c>
      <c r="F37" s="281">
        <v>191</v>
      </c>
      <c r="G37" s="281">
        <v>221</v>
      </c>
      <c r="H37" s="281">
        <v>207</v>
      </c>
      <c r="I37" s="281">
        <v>139</v>
      </c>
      <c r="J37" s="281">
        <v>22</v>
      </c>
      <c r="K37" s="278">
        <v>780</v>
      </c>
      <c r="L37" s="283">
        <v>780</v>
      </c>
      <c r="M37" s="281">
        <v>0</v>
      </c>
      <c r="N37" s="281">
        <v>0</v>
      </c>
      <c r="O37" s="278">
        <v>0</v>
      </c>
      <c r="P37" s="280">
        <v>0</v>
      </c>
      <c r="Q37" s="281">
        <v>0</v>
      </c>
      <c r="R37" s="281">
        <v>0</v>
      </c>
      <c r="S37" s="281">
        <v>0</v>
      </c>
      <c r="T37" s="281">
        <v>0</v>
      </c>
      <c r="U37" s="281">
        <v>0</v>
      </c>
      <c r="V37" s="278">
        <v>0</v>
      </c>
      <c r="W37" s="283">
        <v>0</v>
      </c>
    </row>
    <row r="38" spans="1:23" ht="21" customHeight="1" x14ac:dyDescent="0.2">
      <c r="A38" s="257" t="s">
        <v>36</v>
      </c>
      <c r="B38" s="281">
        <v>0</v>
      </c>
      <c r="C38" s="281">
        <v>0</v>
      </c>
      <c r="D38" s="278">
        <v>0</v>
      </c>
      <c r="E38" s="280">
        <v>0</v>
      </c>
      <c r="F38" s="281">
        <v>363</v>
      </c>
      <c r="G38" s="281">
        <v>520</v>
      </c>
      <c r="H38" s="281">
        <v>411</v>
      </c>
      <c r="I38" s="281">
        <v>176</v>
      </c>
      <c r="J38" s="281">
        <v>188</v>
      </c>
      <c r="K38" s="278">
        <v>1658</v>
      </c>
      <c r="L38" s="283">
        <v>1658</v>
      </c>
      <c r="M38" s="281">
        <v>0</v>
      </c>
      <c r="N38" s="281">
        <v>0</v>
      </c>
      <c r="O38" s="278">
        <v>0</v>
      </c>
      <c r="P38" s="280">
        <v>0</v>
      </c>
      <c r="Q38" s="281">
        <v>0</v>
      </c>
      <c r="R38" s="281">
        <v>0</v>
      </c>
      <c r="S38" s="281">
        <v>0</v>
      </c>
      <c r="T38" s="281">
        <v>0</v>
      </c>
      <c r="U38" s="281">
        <v>0</v>
      </c>
      <c r="V38" s="278">
        <v>0</v>
      </c>
      <c r="W38" s="283">
        <v>0</v>
      </c>
    </row>
    <row r="39" spans="1:23" ht="21" customHeight="1" thickBot="1" x14ac:dyDescent="0.25">
      <c r="A39" s="258" t="s">
        <v>37</v>
      </c>
      <c r="B39" s="288">
        <v>0</v>
      </c>
      <c r="C39" s="288">
        <v>0</v>
      </c>
      <c r="D39" s="285">
        <v>0</v>
      </c>
      <c r="E39" s="287">
        <v>0</v>
      </c>
      <c r="F39" s="288">
        <v>154</v>
      </c>
      <c r="G39" s="288">
        <v>77</v>
      </c>
      <c r="H39" s="288">
        <v>63</v>
      </c>
      <c r="I39" s="288">
        <v>0</v>
      </c>
      <c r="J39" s="288">
        <v>18</v>
      </c>
      <c r="K39" s="285">
        <v>312</v>
      </c>
      <c r="L39" s="290">
        <v>312</v>
      </c>
      <c r="M39" s="288">
        <v>0</v>
      </c>
      <c r="N39" s="288">
        <v>0</v>
      </c>
      <c r="O39" s="285">
        <v>0</v>
      </c>
      <c r="P39" s="287">
        <v>0</v>
      </c>
      <c r="Q39" s="288">
        <v>0</v>
      </c>
      <c r="R39" s="288">
        <v>0</v>
      </c>
      <c r="S39" s="288">
        <v>6</v>
      </c>
      <c r="T39" s="288">
        <v>0</v>
      </c>
      <c r="U39" s="288">
        <v>15</v>
      </c>
      <c r="V39" s="285">
        <v>21</v>
      </c>
      <c r="W39" s="290">
        <v>21</v>
      </c>
    </row>
  </sheetData>
  <mergeCells count="11">
    <mergeCell ref="A3:A5"/>
    <mergeCell ref="B3:L3"/>
    <mergeCell ref="B4:D4"/>
    <mergeCell ref="E4:K4"/>
    <mergeCell ref="L4:L5"/>
    <mergeCell ref="M3:W3"/>
    <mergeCell ref="M4:O4"/>
    <mergeCell ref="P4:V4"/>
    <mergeCell ref="W4:W5"/>
    <mergeCell ref="G1:H1"/>
    <mergeCell ref="J1:K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 style="256" customWidth="1"/>
    <col min="5" max="5" width="7.77734375" style="256" customWidth="1"/>
    <col min="6" max="6" width="10.77734375" style="256" customWidth="1"/>
    <col min="7" max="15" width="9" style="256"/>
    <col min="16" max="16" width="7.6640625" style="256" customWidth="1"/>
    <col min="17" max="16384" width="9" style="256"/>
  </cols>
  <sheetData>
    <row r="1" spans="1:23" ht="17.25" customHeight="1" x14ac:dyDescent="0.2">
      <c r="A1" s="291" t="s">
        <v>125</v>
      </c>
      <c r="G1" s="528">
        <f>第１表!F2</f>
        <v>4</v>
      </c>
      <c r="H1" s="528"/>
      <c r="I1" s="248">
        <f>第１表!G2</f>
        <v>6</v>
      </c>
      <c r="J1" s="529">
        <f>IF(I1&lt;3,I1+12-2,I1-2)</f>
        <v>4</v>
      </c>
      <c r="K1" s="529"/>
    </row>
    <row r="2" spans="1:23" ht="21" customHeight="1" thickBot="1" x14ac:dyDescent="0.25">
      <c r="A2" s="291" t="s">
        <v>135</v>
      </c>
    </row>
    <row r="3" spans="1:23" ht="18.75" customHeight="1" x14ac:dyDescent="0.2">
      <c r="A3" s="532"/>
      <c r="B3" s="533" t="s">
        <v>143</v>
      </c>
      <c r="C3" s="533"/>
      <c r="D3" s="533"/>
      <c r="E3" s="533"/>
      <c r="F3" s="533"/>
      <c r="G3" s="533"/>
      <c r="H3" s="533"/>
      <c r="I3" s="533"/>
      <c r="J3" s="533"/>
      <c r="K3" s="533"/>
      <c r="L3" s="565"/>
      <c r="M3" s="533" t="s">
        <v>113</v>
      </c>
      <c r="N3" s="533"/>
      <c r="O3" s="533"/>
      <c r="P3" s="533"/>
      <c r="Q3" s="533"/>
      <c r="R3" s="533"/>
      <c r="S3" s="533"/>
      <c r="T3" s="533"/>
      <c r="U3" s="533"/>
      <c r="V3" s="533"/>
      <c r="W3" s="565"/>
    </row>
    <row r="4" spans="1:23" ht="18.75" customHeight="1" x14ac:dyDescent="0.2">
      <c r="A4" s="571"/>
      <c r="B4" s="566" t="s">
        <v>61</v>
      </c>
      <c r="C4" s="566"/>
      <c r="D4" s="567"/>
      <c r="E4" s="568" t="s">
        <v>62</v>
      </c>
      <c r="F4" s="566"/>
      <c r="G4" s="566"/>
      <c r="H4" s="566"/>
      <c r="I4" s="566"/>
      <c r="J4" s="566"/>
      <c r="K4" s="569"/>
      <c r="L4" s="570" t="s">
        <v>52</v>
      </c>
      <c r="M4" s="566" t="s">
        <v>61</v>
      </c>
      <c r="N4" s="566"/>
      <c r="O4" s="567"/>
      <c r="P4" s="568" t="s">
        <v>62</v>
      </c>
      <c r="Q4" s="566"/>
      <c r="R4" s="566"/>
      <c r="S4" s="566"/>
      <c r="T4" s="566"/>
      <c r="U4" s="566"/>
      <c r="V4" s="569"/>
      <c r="W4" s="570" t="s">
        <v>52</v>
      </c>
    </row>
    <row r="5" spans="1:23" ht="27" thickBot="1" x14ac:dyDescent="0.25">
      <c r="A5" s="572"/>
      <c r="B5" s="260" t="s">
        <v>43</v>
      </c>
      <c r="C5" s="260" t="s">
        <v>44</v>
      </c>
      <c r="D5" s="266" t="s">
        <v>45</v>
      </c>
      <c r="E5" s="268" t="s">
        <v>83</v>
      </c>
      <c r="F5" s="260" t="s">
        <v>47</v>
      </c>
      <c r="G5" s="260" t="s">
        <v>48</v>
      </c>
      <c r="H5" s="260" t="s">
        <v>49</v>
      </c>
      <c r="I5" s="260" t="s">
        <v>50</v>
      </c>
      <c r="J5" s="260" t="s">
        <v>51</v>
      </c>
      <c r="K5" s="266" t="s">
        <v>45</v>
      </c>
      <c r="L5" s="531"/>
      <c r="M5" s="260" t="s">
        <v>43</v>
      </c>
      <c r="N5" s="260" t="s">
        <v>44</v>
      </c>
      <c r="O5" s="266" t="s">
        <v>45</v>
      </c>
      <c r="P5" s="268" t="s">
        <v>83</v>
      </c>
      <c r="Q5" s="260" t="s">
        <v>47</v>
      </c>
      <c r="R5" s="260" t="s">
        <v>48</v>
      </c>
      <c r="S5" s="260" t="s">
        <v>49</v>
      </c>
      <c r="T5" s="260" t="s">
        <v>50</v>
      </c>
      <c r="U5" s="260" t="s">
        <v>51</v>
      </c>
      <c r="V5" s="266" t="s">
        <v>45</v>
      </c>
      <c r="W5" s="531"/>
    </row>
    <row r="6" spans="1:23" ht="21" customHeight="1" x14ac:dyDescent="0.2">
      <c r="A6" s="259" t="s">
        <v>4</v>
      </c>
      <c r="B6" s="274">
        <v>0</v>
      </c>
      <c r="C6" s="274">
        <v>0</v>
      </c>
      <c r="D6" s="271">
        <v>0</v>
      </c>
      <c r="E6" s="273">
        <v>0</v>
      </c>
      <c r="F6" s="274">
        <v>7021</v>
      </c>
      <c r="G6" s="274">
        <v>5473</v>
      </c>
      <c r="H6" s="274">
        <v>3707</v>
      </c>
      <c r="I6" s="274">
        <v>1554</v>
      </c>
      <c r="J6" s="274">
        <v>607</v>
      </c>
      <c r="K6" s="271">
        <v>18362</v>
      </c>
      <c r="L6" s="276">
        <v>18362</v>
      </c>
      <c r="M6" s="274">
        <v>4</v>
      </c>
      <c r="N6" s="274">
        <v>12</v>
      </c>
      <c r="O6" s="271">
        <v>16</v>
      </c>
      <c r="P6" s="273">
        <v>0</v>
      </c>
      <c r="Q6" s="274">
        <v>637</v>
      </c>
      <c r="R6" s="274">
        <v>740</v>
      </c>
      <c r="S6" s="274">
        <v>830</v>
      </c>
      <c r="T6" s="274">
        <v>385</v>
      </c>
      <c r="U6" s="274">
        <v>204</v>
      </c>
      <c r="V6" s="271">
        <v>2796</v>
      </c>
      <c r="W6" s="276">
        <v>2812</v>
      </c>
    </row>
    <row r="7" spans="1:23" ht="21" customHeight="1" x14ac:dyDescent="0.2">
      <c r="A7" s="257" t="s">
        <v>5</v>
      </c>
      <c r="B7" s="281">
        <v>0</v>
      </c>
      <c r="C7" s="281">
        <v>0</v>
      </c>
      <c r="D7" s="278">
        <v>0</v>
      </c>
      <c r="E7" s="280">
        <v>0</v>
      </c>
      <c r="F7" s="281">
        <v>2645</v>
      </c>
      <c r="G7" s="281">
        <v>2543</v>
      </c>
      <c r="H7" s="281">
        <v>1961</v>
      </c>
      <c r="I7" s="281">
        <v>842</v>
      </c>
      <c r="J7" s="281">
        <v>350</v>
      </c>
      <c r="K7" s="278">
        <v>8341</v>
      </c>
      <c r="L7" s="283">
        <v>8341</v>
      </c>
      <c r="M7" s="281">
        <v>0</v>
      </c>
      <c r="N7" s="281">
        <v>12</v>
      </c>
      <c r="O7" s="278">
        <v>12</v>
      </c>
      <c r="P7" s="280">
        <v>0</v>
      </c>
      <c r="Q7" s="281">
        <v>295</v>
      </c>
      <c r="R7" s="281">
        <v>448</v>
      </c>
      <c r="S7" s="281">
        <v>452</v>
      </c>
      <c r="T7" s="281">
        <v>240</v>
      </c>
      <c r="U7" s="281">
        <v>130</v>
      </c>
      <c r="V7" s="278">
        <v>1565</v>
      </c>
      <c r="W7" s="283">
        <v>1577</v>
      </c>
    </row>
    <row r="8" spans="1:23" ht="21" customHeight="1" x14ac:dyDescent="0.2">
      <c r="A8" s="257" t="s">
        <v>6</v>
      </c>
      <c r="B8" s="281">
        <v>0</v>
      </c>
      <c r="C8" s="281">
        <v>0</v>
      </c>
      <c r="D8" s="278">
        <v>0</v>
      </c>
      <c r="E8" s="280">
        <v>0</v>
      </c>
      <c r="F8" s="281">
        <v>910</v>
      </c>
      <c r="G8" s="281">
        <v>572</v>
      </c>
      <c r="H8" s="281">
        <v>392</v>
      </c>
      <c r="I8" s="281">
        <v>200</v>
      </c>
      <c r="J8" s="281">
        <v>67</v>
      </c>
      <c r="K8" s="278">
        <v>2141</v>
      </c>
      <c r="L8" s="283">
        <v>2141</v>
      </c>
      <c r="M8" s="281">
        <v>0</v>
      </c>
      <c r="N8" s="281">
        <v>0</v>
      </c>
      <c r="O8" s="278">
        <v>0</v>
      </c>
      <c r="P8" s="280">
        <v>0</v>
      </c>
      <c r="Q8" s="281">
        <v>129</v>
      </c>
      <c r="R8" s="281">
        <v>98</v>
      </c>
      <c r="S8" s="281">
        <v>146</v>
      </c>
      <c r="T8" s="281">
        <v>59</v>
      </c>
      <c r="U8" s="281">
        <v>46</v>
      </c>
      <c r="V8" s="278">
        <v>478</v>
      </c>
      <c r="W8" s="283">
        <v>478</v>
      </c>
    </row>
    <row r="9" spans="1:23" ht="21" customHeight="1" x14ac:dyDescent="0.2">
      <c r="A9" s="257" t="s">
        <v>14</v>
      </c>
      <c r="B9" s="281">
        <v>0</v>
      </c>
      <c r="C9" s="281">
        <v>0</v>
      </c>
      <c r="D9" s="278">
        <v>0</v>
      </c>
      <c r="E9" s="280">
        <v>0</v>
      </c>
      <c r="F9" s="281">
        <v>589</v>
      </c>
      <c r="G9" s="281">
        <v>443</v>
      </c>
      <c r="H9" s="281">
        <v>353</v>
      </c>
      <c r="I9" s="281">
        <v>100</v>
      </c>
      <c r="J9" s="281">
        <v>13</v>
      </c>
      <c r="K9" s="278">
        <v>1498</v>
      </c>
      <c r="L9" s="283">
        <v>1498</v>
      </c>
      <c r="M9" s="281">
        <v>0</v>
      </c>
      <c r="N9" s="281">
        <v>0</v>
      </c>
      <c r="O9" s="278">
        <v>0</v>
      </c>
      <c r="P9" s="280">
        <v>0</v>
      </c>
      <c r="Q9" s="281">
        <v>8</v>
      </c>
      <c r="R9" s="281">
        <v>8</v>
      </c>
      <c r="S9" s="281">
        <v>0</v>
      </c>
      <c r="T9" s="281">
        <v>8</v>
      </c>
      <c r="U9" s="281">
        <v>0</v>
      </c>
      <c r="V9" s="278">
        <v>24</v>
      </c>
      <c r="W9" s="283">
        <v>24</v>
      </c>
    </row>
    <row r="10" spans="1:23" ht="21" customHeight="1" x14ac:dyDescent="0.2">
      <c r="A10" s="257" t="s">
        <v>7</v>
      </c>
      <c r="B10" s="281">
        <v>0</v>
      </c>
      <c r="C10" s="281">
        <v>0</v>
      </c>
      <c r="D10" s="278">
        <v>0</v>
      </c>
      <c r="E10" s="280">
        <v>0</v>
      </c>
      <c r="F10" s="281">
        <v>675</v>
      </c>
      <c r="G10" s="281">
        <v>292</v>
      </c>
      <c r="H10" s="281">
        <v>123</v>
      </c>
      <c r="I10" s="281">
        <v>63</v>
      </c>
      <c r="J10" s="281">
        <v>32</v>
      </c>
      <c r="K10" s="278">
        <v>1185</v>
      </c>
      <c r="L10" s="283">
        <v>1185</v>
      </c>
      <c r="M10" s="281">
        <v>0</v>
      </c>
      <c r="N10" s="281">
        <v>0</v>
      </c>
      <c r="O10" s="278">
        <v>0</v>
      </c>
      <c r="P10" s="280">
        <v>0</v>
      </c>
      <c r="Q10" s="281">
        <v>85</v>
      </c>
      <c r="R10" s="281">
        <v>80</v>
      </c>
      <c r="S10" s="281">
        <v>39</v>
      </c>
      <c r="T10" s="281">
        <v>32</v>
      </c>
      <c r="U10" s="281">
        <v>13</v>
      </c>
      <c r="V10" s="278">
        <v>249</v>
      </c>
      <c r="W10" s="283">
        <v>249</v>
      </c>
    </row>
    <row r="11" spans="1:23" ht="21" customHeight="1" x14ac:dyDescent="0.2">
      <c r="A11" s="257" t="s">
        <v>8</v>
      </c>
      <c r="B11" s="281">
        <v>0</v>
      </c>
      <c r="C11" s="281">
        <v>0</v>
      </c>
      <c r="D11" s="278">
        <v>0</v>
      </c>
      <c r="E11" s="280">
        <v>0</v>
      </c>
      <c r="F11" s="281">
        <v>245</v>
      </c>
      <c r="G11" s="281">
        <v>229</v>
      </c>
      <c r="H11" s="281">
        <v>81</v>
      </c>
      <c r="I11" s="281">
        <v>58</v>
      </c>
      <c r="J11" s="281">
        <v>6</v>
      </c>
      <c r="K11" s="278">
        <v>619</v>
      </c>
      <c r="L11" s="283">
        <v>619</v>
      </c>
      <c r="M11" s="281">
        <v>0</v>
      </c>
      <c r="N11" s="281">
        <v>0</v>
      </c>
      <c r="O11" s="278">
        <v>0</v>
      </c>
      <c r="P11" s="280">
        <v>0</v>
      </c>
      <c r="Q11" s="281">
        <v>13</v>
      </c>
      <c r="R11" s="281">
        <v>0</v>
      </c>
      <c r="S11" s="281">
        <v>0</v>
      </c>
      <c r="T11" s="281">
        <v>0</v>
      </c>
      <c r="U11" s="281">
        <v>10</v>
      </c>
      <c r="V11" s="278">
        <v>23</v>
      </c>
      <c r="W11" s="283">
        <v>23</v>
      </c>
    </row>
    <row r="12" spans="1:23" ht="21" customHeight="1" x14ac:dyDescent="0.2">
      <c r="A12" s="257" t="s">
        <v>9</v>
      </c>
      <c r="B12" s="281">
        <v>0</v>
      </c>
      <c r="C12" s="281">
        <v>0</v>
      </c>
      <c r="D12" s="278">
        <v>0</v>
      </c>
      <c r="E12" s="280">
        <v>0</v>
      </c>
      <c r="F12" s="281">
        <v>247</v>
      </c>
      <c r="G12" s="281">
        <v>198</v>
      </c>
      <c r="H12" s="281">
        <v>161</v>
      </c>
      <c r="I12" s="281">
        <v>98</v>
      </c>
      <c r="J12" s="281">
        <v>0</v>
      </c>
      <c r="K12" s="278">
        <v>704</v>
      </c>
      <c r="L12" s="283">
        <v>704</v>
      </c>
      <c r="M12" s="281">
        <v>0</v>
      </c>
      <c r="N12" s="281">
        <v>0</v>
      </c>
      <c r="O12" s="278">
        <v>0</v>
      </c>
      <c r="P12" s="280">
        <v>0</v>
      </c>
      <c r="Q12" s="281">
        <v>0</v>
      </c>
      <c r="R12" s="281">
        <v>10</v>
      </c>
      <c r="S12" s="281">
        <v>18</v>
      </c>
      <c r="T12" s="281">
        <v>0</v>
      </c>
      <c r="U12" s="281">
        <v>0</v>
      </c>
      <c r="V12" s="278">
        <v>28</v>
      </c>
      <c r="W12" s="283">
        <v>28</v>
      </c>
    </row>
    <row r="13" spans="1:23" ht="21" customHeight="1" x14ac:dyDescent="0.2">
      <c r="A13" s="257" t="s">
        <v>10</v>
      </c>
      <c r="B13" s="281">
        <v>0</v>
      </c>
      <c r="C13" s="281">
        <v>0</v>
      </c>
      <c r="D13" s="278">
        <v>0</v>
      </c>
      <c r="E13" s="280">
        <v>0</v>
      </c>
      <c r="F13" s="281">
        <v>426</v>
      </c>
      <c r="G13" s="281">
        <v>202</v>
      </c>
      <c r="H13" s="281">
        <v>32</v>
      </c>
      <c r="I13" s="281">
        <v>14</v>
      </c>
      <c r="J13" s="281">
        <v>12</v>
      </c>
      <c r="K13" s="278">
        <v>686</v>
      </c>
      <c r="L13" s="283">
        <v>686</v>
      </c>
      <c r="M13" s="281">
        <v>0</v>
      </c>
      <c r="N13" s="281">
        <v>0</v>
      </c>
      <c r="O13" s="278">
        <v>0</v>
      </c>
      <c r="P13" s="280">
        <v>0</v>
      </c>
      <c r="Q13" s="281">
        <v>16</v>
      </c>
      <c r="R13" s="281">
        <v>22</v>
      </c>
      <c r="S13" s="281">
        <v>40</v>
      </c>
      <c r="T13" s="281">
        <v>0</v>
      </c>
      <c r="U13" s="281">
        <v>4</v>
      </c>
      <c r="V13" s="278">
        <v>82</v>
      </c>
      <c r="W13" s="283">
        <v>82</v>
      </c>
    </row>
    <row r="14" spans="1:23" ht="21" customHeight="1" x14ac:dyDescent="0.2">
      <c r="A14" s="257" t="s">
        <v>11</v>
      </c>
      <c r="B14" s="281">
        <v>0</v>
      </c>
      <c r="C14" s="281">
        <v>0</v>
      </c>
      <c r="D14" s="278">
        <v>0</v>
      </c>
      <c r="E14" s="280">
        <v>0</v>
      </c>
      <c r="F14" s="281">
        <v>198</v>
      </c>
      <c r="G14" s="281">
        <v>71</v>
      </c>
      <c r="H14" s="281">
        <v>131</v>
      </c>
      <c r="I14" s="281">
        <v>29</v>
      </c>
      <c r="J14" s="281">
        <v>26</v>
      </c>
      <c r="K14" s="278">
        <v>455</v>
      </c>
      <c r="L14" s="283">
        <v>455</v>
      </c>
      <c r="M14" s="281">
        <v>0</v>
      </c>
      <c r="N14" s="281">
        <v>0</v>
      </c>
      <c r="O14" s="278">
        <v>0</v>
      </c>
      <c r="P14" s="280">
        <v>0</v>
      </c>
      <c r="Q14" s="281">
        <v>23</v>
      </c>
      <c r="R14" s="281">
        <v>23</v>
      </c>
      <c r="S14" s="281">
        <v>24</v>
      </c>
      <c r="T14" s="281">
        <v>0</v>
      </c>
      <c r="U14" s="281">
        <v>0</v>
      </c>
      <c r="V14" s="278">
        <v>70</v>
      </c>
      <c r="W14" s="283">
        <v>70</v>
      </c>
    </row>
    <row r="15" spans="1:23" ht="21" customHeight="1" x14ac:dyDescent="0.2">
      <c r="A15" s="257" t="s">
        <v>12</v>
      </c>
      <c r="B15" s="281">
        <v>0</v>
      </c>
      <c r="C15" s="281">
        <v>0</v>
      </c>
      <c r="D15" s="278">
        <v>0</v>
      </c>
      <c r="E15" s="280">
        <v>0</v>
      </c>
      <c r="F15" s="281">
        <v>207</v>
      </c>
      <c r="G15" s="281">
        <v>112</v>
      </c>
      <c r="H15" s="281">
        <v>104</v>
      </c>
      <c r="I15" s="281">
        <v>6</v>
      </c>
      <c r="J15" s="281">
        <v>29</v>
      </c>
      <c r="K15" s="278">
        <v>458</v>
      </c>
      <c r="L15" s="283">
        <v>458</v>
      </c>
      <c r="M15" s="281">
        <v>0</v>
      </c>
      <c r="N15" s="281">
        <v>0</v>
      </c>
      <c r="O15" s="278">
        <v>0</v>
      </c>
      <c r="P15" s="280">
        <v>0</v>
      </c>
      <c r="Q15" s="281">
        <v>0</v>
      </c>
      <c r="R15" s="281">
        <v>0</v>
      </c>
      <c r="S15" s="281">
        <v>0</v>
      </c>
      <c r="T15" s="281">
        <v>0</v>
      </c>
      <c r="U15" s="281">
        <v>0</v>
      </c>
      <c r="V15" s="278">
        <v>0</v>
      </c>
      <c r="W15" s="283">
        <v>0</v>
      </c>
    </row>
    <row r="16" spans="1:23" ht="21" customHeight="1" x14ac:dyDescent="0.2">
      <c r="A16" s="257" t="s">
        <v>13</v>
      </c>
      <c r="B16" s="281">
        <v>0</v>
      </c>
      <c r="C16" s="281">
        <v>0</v>
      </c>
      <c r="D16" s="278">
        <v>0</v>
      </c>
      <c r="E16" s="280">
        <v>0</v>
      </c>
      <c r="F16" s="281">
        <v>77</v>
      </c>
      <c r="G16" s="281">
        <v>51</v>
      </c>
      <c r="H16" s="281">
        <v>25</v>
      </c>
      <c r="I16" s="281">
        <v>1</v>
      </c>
      <c r="J16" s="281">
        <v>8</v>
      </c>
      <c r="K16" s="278">
        <v>162</v>
      </c>
      <c r="L16" s="283">
        <v>162</v>
      </c>
      <c r="M16" s="281">
        <v>0</v>
      </c>
      <c r="N16" s="281">
        <v>0</v>
      </c>
      <c r="O16" s="278">
        <v>0</v>
      </c>
      <c r="P16" s="280">
        <v>0</v>
      </c>
      <c r="Q16" s="281">
        <v>0</v>
      </c>
      <c r="R16" s="281">
        <v>0</v>
      </c>
      <c r="S16" s="281">
        <v>17</v>
      </c>
      <c r="T16" s="281">
        <v>16</v>
      </c>
      <c r="U16" s="281">
        <v>0</v>
      </c>
      <c r="V16" s="278">
        <v>33</v>
      </c>
      <c r="W16" s="283">
        <v>33</v>
      </c>
    </row>
    <row r="17" spans="1:23" ht="21" customHeight="1" x14ac:dyDescent="0.2">
      <c r="A17" s="257" t="s">
        <v>15</v>
      </c>
      <c r="B17" s="281">
        <v>0</v>
      </c>
      <c r="C17" s="281">
        <v>0</v>
      </c>
      <c r="D17" s="278">
        <v>0</v>
      </c>
      <c r="E17" s="280">
        <v>0</v>
      </c>
      <c r="F17" s="281">
        <v>36</v>
      </c>
      <c r="G17" s="281">
        <v>64</v>
      </c>
      <c r="H17" s="281">
        <v>17</v>
      </c>
      <c r="I17" s="281">
        <v>8</v>
      </c>
      <c r="J17" s="281">
        <v>12</v>
      </c>
      <c r="K17" s="278">
        <v>137</v>
      </c>
      <c r="L17" s="283">
        <v>137</v>
      </c>
      <c r="M17" s="281">
        <v>0</v>
      </c>
      <c r="N17" s="281">
        <v>0</v>
      </c>
      <c r="O17" s="278">
        <v>0</v>
      </c>
      <c r="P17" s="280">
        <v>0</v>
      </c>
      <c r="Q17" s="281">
        <v>0</v>
      </c>
      <c r="R17" s="281">
        <v>11</v>
      </c>
      <c r="S17" s="281">
        <v>0</v>
      </c>
      <c r="T17" s="281">
        <v>0</v>
      </c>
      <c r="U17" s="281">
        <v>0</v>
      </c>
      <c r="V17" s="278">
        <v>11</v>
      </c>
      <c r="W17" s="283">
        <v>11</v>
      </c>
    </row>
    <row r="18" spans="1:23" ht="21" customHeight="1" x14ac:dyDescent="0.2">
      <c r="A18" s="257" t="s">
        <v>16</v>
      </c>
      <c r="B18" s="281">
        <v>0</v>
      </c>
      <c r="C18" s="281">
        <v>0</v>
      </c>
      <c r="D18" s="278">
        <v>0</v>
      </c>
      <c r="E18" s="280">
        <v>0</v>
      </c>
      <c r="F18" s="281">
        <v>76</v>
      </c>
      <c r="G18" s="281">
        <v>113</v>
      </c>
      <c r="H18" s="281">
        <v>21</v>
      </c>
      <c r="I18" s="281">
        <v>29</v>
      </c>
      <c r="J18" s="281">
        <v>1</v>
      </c>
      <c r="K18" s="278">
        <v>240</v>
      </c>
      <c r="L18" s="283">
        <v>240</v>
      </c>
      <c r="M18" s="281">
        <v>0</v>
      </c>
      <c r="N18" s="281">
        <v>0</v>
      </c>
      <c r="O18" s="278">
        <v>0</v>
      </c>
      <c r="P18" s="280">
        <v>0</v>
      </c>
      <c r="Q18" s="281">
        <v>22</v>
      </c>
      <c r="R18" s="281">
        <v>0</v>
      </c>
      <c r="S18" s="281">
        <v>12</v>
      </c>
      <c r="T18" s="281">
        <v>0</v>
      </c>
      <c r="U18" s="281">
        <v>0</v>
      </c>
      <c r="V18" s="278">
        <v>34</v>
      </c>
      <c r="W18" s="283">
        <v>34</v>
      </c>
    </row>
    <row r="19" spans="1:23" ht="21" customHeight="1" x14ac:dyDescent="0.2">
      <c r="A19" s="257" t="s">
        <v>17</v>
      </c>
      <c r="B19" s="281">
        <v>0</v>
      </c>
      <c r="C19" s="281">
        <v>0</v>
      </c>
      <c r="D19" s="278">
        <v>0</v>
      </c>
      <c r="E19" s="280">
        <v>0</v>
      </c>
      <c r="F19" s="281">
        <v>126</v>
      </c>
      <c r="G19" s="281">
        <v>111</v>
      </c>
      <c r="H19" s="281">
        <v>115</v>
      </c>
      <c r="I19" s="281">
        <v>13</v>
      </c>
      <c r="J19" s="281">
        <v>13</v>
      </c>
      <c r="K19" s="278">
        <v>378</v>
      </c>
      <c r="L19" s="283">
        <v>378</v>
      </c>
      <c r="M19" s="281">
        <v>0</v>
      </c>
      <c r="N19" s="281">
        <v>0</v>
      </c>
      <c r="O19" s="278">
        <v>0</v>
      </c>
      <c r="P19" s="280">
        <v>0</v>
      </c>
      <c r="Q19" s="281">
        <v>6</v>
      </c>
      <c r="R19" s="281">
        <v>0</v>
      </c>
      <c r="S19" s="281">
        <v>20</v>
      </c>
      <c r="T19" s="281">
        <v>0</v>
      </c>
      <c r="U19" s="281">
        <v>0</v>
      </c>
      <c r="V19" s="278">
        <v>26</v>
      </c>
      <c r="W19" s="283">
        <v>26</v>
      </c>
    </row>
    <row r="20" spans="1:23" ht="21" customHeight="1" x14ac:dyDescent="0.2">
      <c r="A20" s="257" t="s">
        <v>18</v>
      </c>
      <c r="B20" s="281">
        <v>0</v>
      </c>
      <c r="C20" s="281">
        <v>0</v>
      </c>
      <c r="D20" s="278">
        <v>0</v>
      </c>
      <c r="E20" s="280">
        <v>0</v>
      </c>
      <c r="F20" s="281">
        <v>137</v>
      </c>
      <c r="G20" s="281">
        <v>141</v>
      </c>
      <c r="H20" s="281">
        <v>39</v>
      </c>
      <c r="I20" s="281">
        <v>4</v>
      </c>
      <c r="J20" s="281">
        <v>0</v>
      </c>
      <c r="K20" s="278">
        <v>321</v>
      </c>
      <c r="L20" s="283">
        <v>321</v>
      </c>
      <c r="M20" s="281">
        <v>0</v>
      </c>
      <c r="N20" s="281">
        <v>0</v>
      </c>
      <c r="O20" s="278">
        <v>0</v>
      </c>
      <c r="P20" s="280">
        <v>0</v>
      </c>
      <c r="Q20" s="281">
        <v>16</v>
      </c>
      <c r="R20" s="281">
        <v>0</v>
      </c>
      <c r="S20" s="281">
        <v>16</v>
      </c>
      <c r="T20" s="281">
        <v>3</v>
      </c>
      <c r="U20" s="281">
        <v>0</v>
      </c>
      <c r="V20" s="278">
        <v>35</v>
      </c>
      <c r="W20" s="283">
        <v>35</v>
      </c>
    </row>
    <row r="21" spans="1:23" ht="21" customHeight="1" x14ac:dyDescent="0.2">
      <c r="A21" s="257" t="s">
        <v>19</v>
      </c>
      <c r="B21" s="281">
        <v>0</v>
      </c>
      <c r="C21" s="281">
        <v>0</v>
      </c>
      <c r="D21" s="278">
        <v>0</v>
      </c>
      <c r="E21" s="280">
        <v>0</v>
      </c>
      <c r="F21" s="281">
        <v>33</v>
      </c>
      <c r="G21" s="281">
        <v>14</v>
      </c>
      <c r="H21" s="281">
        <v>4</v>
      </c>
      <c r="I21" s="281">
        <v>11</v>
      </c>
      <c r="J21" s="281">
        <v>0</v>
      </c>
      <c r="K21" s="278">
        <v>62</v>
      </c>
      <c r="L21" s="283">
        <v>62</v>
      </c>
      <c r="M21" s="281">
        <v>0</v>
      </c>
      <c r="N21" s="281">
        <v>0</v>
      </c>
      <c r="O21" s="278">
        <v>0</v>
      </c>
      <c r="P21" s="280">
        <v>0</v>
      </c>
      <c r="Q21" s="281">
        <v>0</v>
      </c>
      <c r="R21" s="281">
        <v>25</v>
      </c>
      <c r="S21" s="281">
        <v>0</v>
      </c>
      <c r="T21" s="281">
        <v>0</v>
      </c>
      <c r="U21" s="281">
        <v>0</v>
      </c>
      <c r="V21" s="278">
        <v>25</v>
      </c>
      <c r="W21" s="283">
        <v>25</v>
      </c>
    </row>
    <row r="22" spans="1:23" ht="21" customHeight="1" x14ac:dyDescent="0.2">
      <c r="A22" s="257" t="s">
        <v>20</v>
      </c>
      <c r="B22" s="281">
        <v>0</v>
      </c>
      <c r="C22" s="281">
        <v>0</v>
      </c>
      <c r="D22" s="278">
        <v>0</v>
      </c>
      <c r="E22" s="280">
        <v>0</v>
      </c>
      <c r="F22" s="281">
        <v>67</v>
      </c>
      <c r="G22" s="281">
        <v>73</v>
      </c>
      <c r="H22" s="281">
        <v>39</v>
      </c>
      <c r="I22" s="281">
        <v>0</v>
      </c>
      <c r="J22" s="281">
        <v>0</v>
      </c>
      <c r="K22" s="278">
        <v>179</v>
      </c>
      <c r="L22" s="283">
        <v>179</v>
      </c>
      <c r="M22" s="281">
        <v>0</v>
      </c>
      <c r="N22" s="281">
        <v>0</v>
      </c>
      <c r="O22" s="278">
        <v>0</v>
      </c>
      <c r="P22" s="280">
        <v>0</v>
      </c>
      <c r="Q22" s="281">
        <v>0</v>
      </c>
      <c r="R22" s="281">
        <v>0</v>
      </c>
      <c r="S22" s="281">
        <v>12</v>
      </c>
      <c r="T22" s="281">
        <v>3</v>
      </c>
      <c r="U22" s="281">
        <v>0</v>
      </c>
      <c r="V22" s="278">
        <v>15</v>
      </c>
      <c r="W22" s="283">
        <v>15</v>
      </c>
    </row>
    <row r="23" spans="1:23" ht="21" customHeight="1" x14ac:dyDescent="0.2">
      <c r="A23" s="257" t="s">
        <v>21</v>
      </c>
      <c r="B23" s="281">
        <v>0</v>
      </c>
      <c r="C23" s="281">
        <v>0</v>
      </c>
      <c r="D23" s="278">
        <v>0</v>
      </c>
      <c r="E23" s="280">
        <v>0</v>
      </c>
      <c r="F23" s="281">
        <v>60</v>
      </c>
      <c r="G23" s="281">
        <v>90</v>
      </c>
      <c r="H23" s="281">
        <v>36</v>
      </c>
      <c r="I23" s="281">
        <v>29</v>
      </c>
      <c r="J23" s="281">
        <v>8</v>
      </c>
      <c r="K23" s="278">
        <v>223</v>
      </c>
      <c r="L23" s="283">
        <v>223</v>
      </c>
      <c r="M23" s="281">
        <v>0</v>
      </c>
      <c r="N23" s="281">
        <v>0</v>
      </c>
      <c r="O23" s="278">
        <v>0</v>
      </c>
      <c r="P23" s="280">
        <v>0</v>
      </c>
      <c r="Q23" s="281">
        <v>0</v>
      </c>
      <c r="R23" s="281">
        <v>0</v>
      </c>
      <c r="S23" s="281">
        <v>0</v>
      </c>
      <c r="T23" s="281">
        <v>0</v>
      </c>
      <c r="U23" s="281">
        <v>0</v>
      </c>
      <c r="V23" s="278">
        <v>0</v>
      </c>
      <c r="W23" s="283">
        <v>0</v>
      </c>
    </row>
    <row r="24" spans="1:23" ht="21" customHeight="1" x14ac:dyDescent="0.2">
      <c r="A24" s="257" t="s">
        <v>22</v>
      </c>
      <c r="B24" s="281">
        <v>0</v>
      </c>
      <c r="C24" s="281">
        <v>0</v>
      </c>
      <c r="D24" s="278">
        <v>0</v>
      </c>
      <c r="E24" s="280">
        <v>0</v>
      </c>
      <c r="F24" s="281">
        <v>33</v>
      </c>
      <c r="G24" s="281">
        <v>30</v>
      </c>
      <c r="H24" s="281">
        <v>10</v>
      </c>
      <c r="I24" s="281">
        <v>20</v>
      </c>
      <c r="J24" s="281">
        <v>0</v>
      </c>
      <c r="K24" s="278">
        <v>93</v>
      </c>
      <c r="L24" s="283">
        <v>93</v>
      </c>
      <c r="M24" s="281">
        <v>0</v>
      </c>
      <c r="N24" s="281">
        <v>0</v>
      </c>
      <c r="O24" s="278">
        <v>0</v>
      </c>
      <c r="P24" s="280">
        <v>0</v>
      </c>
      <c r="Q24" s="281">
        <v>11</v>
      </c>
      <c r="R24" s="281">
        <v>0</v>
      </c>
      <c r="S24" s="281">
        <v>9</v>
      </c>
      <c r="T24" s="281">
        <v>12</v>
      </c>
      <c r="U24" s="281">
        <v>0</v>
      </c>
      <c r="V24" s="278">
        <v>32</v>
      </c>
      <c r="W24" s="283">
        <v>32</v>
      </c>
    </row>
    <row r="25" spans="1:23" ht="21" customHeight="1" x14ac:dyDescent="0.2">
      <c r="A25" s="257" t="s">
        <v>23</v>
      </c>
      <c r="B25" s="281">
        <v>0</v>
      </c>
      <c r="C25" s="281">
        <v>0</v>
      </c>
      <c r="D25" s="278">
        <v>0</v>
      </c>
      <c r="E25" s="280">
        <v>0</v>
      </c>
      <c r="F25" s="281">
        <v>45</v>
      </c>
      <c r="G25" s="281">
        <v>6</v>
      </c>
      <c r="H25" s="281">
        <v>0</v>
      </c>
      <c r="I25" s="281">
        <v>25</v>
      </c>
      <c r="J25" s="281">
        <v>0</v>
      </c>
      <c r="K25" s="278">
        <v>76</v>
      </c>
      <c r="L25" s="283">
        <v>76</v>
      </c>
      <c r="M25" s="281">
        <v>0</v>
      </c>
      <c r="N25" s="281">
        <v>0</v>
      </c>
      <c r="O25" s="278">
        <v>0</v>
      </c>
      <c r="P25" s="280">
        <v>0</v>
      </c>
      <c r="Q25" s="281">
        <v>0</v>
      </c>
      <c r="R25" s="281">
        <v>0</v>
      </c>
      <c r="S25" s="281">
        <v>0</v>
      </c>
      <c r="T25" s="281">
        <v>0</v>
      </c>
      <c r="U25" s="281">
        <v>0</v>
      </c>
      <c r="V25" s="278">
        <v>0</v>
      </c>
      <c r="W25" s="283">
        <v>0</v>
      </c>
    </row>
    <row r="26" spans="1:23" ht="21" customHeight="1" x14ac:dyDescent="0.2">
      <c r="A26" s="257" t="s">
        <v>24</v>
      </c>
      <c r="B26" s="281">
        <v>0</v>
      </c>
      <c r="C26" s="281">
        <v>0</v>
      </c>
      <c r="D26" s="278">
        <v>0</v>
      </c>
      <c r="E26" s="280">
        <v>0</v>
      </c>
      <c r="F26" s="281">
        <v>16</v>
      </c>
      <c r="G26" s="281">
        <v>0</v>
      </c>
      <c r="H26" s="281">
        <v>44</v>
      </c>
      <c r="I26" s="281">
        <v>4</v>
      </c>
      <c r="J26" s="281">
        <v>0</v>
      </c>
      <c r="K26" s="278">
        <v>64</v>
      </c>
      <c r="L26" s="283">
        <v>64</v>
      </c>
      <c r="M26" s="281">
        <v>0</v>
      </c>
      <c r="N26" s="281">
        <v>0</v>
      </c>
      <c r="O26" s="278">
        <v>0</v>
      </c>
      <c r="P26" s="280">
        <v>0</v>
      </c>
      <c r="Q26" s="281">
        <v>0</v>
      </c>
      <c r="R26" s="281">
        <v>0</v>
      </c>
      <c r="S26" s="281">
        <v>12</v>
      </c>
      <c r="T26" s="281">
        <v>0</v>
      </c>
      <c r="U26" s="281">
        <v>0</v>
      </c>
      <c r="V26" s="278">
        <v>12</v>
      </c>
      <c r="W26" s="283">
        <v>12</v>
      </c>
    </row>
    <row r="27" spans="1:23" ht="21" customHeight="1" x14ac:dyDescent="0.2">
      <c r="A27" s="257" t="s">
        <v>25</v>
      </c>
      <c r="B27" s="281">
        <v>0</v>
      </c>
      <c r="C27" s="281">
        <v>0</v>
      </c>
      <c r="D27" s="278">
        <v>0</v>
      </c>
      <c r="E27" s="280">
        <v>0</v>
      </c>
      <c r="F27" s="281">
        <v>55</v>
      </c>
      <c r="G27" s="281">
        <v>0</v>
      </c>
      <c r="H27" s="281">
        <v>0</v>
      </c>
      <c r="I27" s="281">
        <v>0</v>
      </c>
      <c r="J27" s="281">
        <v>0</v>
      </c>
      <c r="K27" s="278">
        <v>55</v>
      </c>
      <c r="L27" s="283">
        <v>55</v>
      </c>
      <c r="M27" s="281">
        <v>0</v>
      </c>
      <c r="N27" s="281">
        <v>0</v>
      </c>
      <c r="O27" s="278">
        <v>0</v>
      </c>
      <c r="P27" s="280">
        <v>0</v>
      </c>
      <c r="Q27" s="281">
        <v>0</v>
      </c>
      <c r="R27" s="281">
        <v>0</v>
      </c>
      <c r="S27" s="281">
        <v>0</v>
      </c>
      <c r="T27" s="281">
        <v>0</v>
      </c>
      <c r="U27" s="281">
        <v>0</v>
      </c>
      <c r="V27" s="278">
        <v>0</v>
      </c>
      <c r="W27" s="283">
        <v>0</v>
      </c>
    </row>
    <row r="28" spans="1:23" ht="21" customHeight="1" x14ac:dyDescent="0.2">
      <c r="A28" s="257" t="s">
        <v>26</v>
      </c>
      <c r="B28" s="281">
        <v>0</v>
      </c>
      <c r="C28" s="281">
        <v>0</v>
      </c>
      <c r="D28" s="278">
        <v>0</v>
      </c>
      <c r="E28" s="280">
        <v>0</v>
      </c>
      <c r="F28" s="281">
        <v>5</v>
      </c>
      <c r="G28" s="281">
        <v>48</v>
      </c>
      <c r="H28" s="281">
        <v>8</v>
      </c>
      <c r="I28" s="281">
        <v>0</v>
      </c>
      <c r="J28" s="281">
        <v>8</v>
      </c>
      <c r="K28" s="278">
        <v>69</v>
      </c>
      <c r="L28" s="283">
        <v>69</v>
      </c>
      <c r="M28" s="281">
        <v>0</v>
      </c>
      <c r="N28" s="281">
        <v>0</v>
      </c>
      <c r="O28" s="278">
        <v>0</v>
      </c>
      <c r="P28" s="280">
        <v>0</v>
      </c>
      <c r="Q28" s="281">
        <v>0</v>
      </c>
      <c r="R28" s="281">
        <v>0</v>
      </c>
      <c r="S28" s="281">
        <v>0</v>
      </c>
      <c r="T28" s="281">
        <v>0</v>
      </c>
      <c r="U28" s="281">
        <v>0</v>
      </c>
      <c r="V28" s="278">
        <v>0</v>
      </c>
      <c r="W28" s="283">
        <v>0</v>
      </c>
    </row>
    <row r="29" spans="1:23" ht="21" customHeight="1" x14ac:dyDescent="0.2">
      <c r="A29" s="257" t="s">
        <v>27</v>
      </c>
      <c r="B29" s="281">
        <v>0</v>
      </c>
      <c r="C29" s="281">
        <v>0</v>
      </c>
      <c r="D29" s="278">
        <v>0</v>
      </c>
      <c r="E29" s="280">
        <v>0</v>
      </c>
      <c r="F29" s="281">
        <v>12</v>
      </c>
      <c r="G29" s="281">
        <v>3</v>
      </c>
      <c r="H29" s="281">
        <v>0</v>
      </c>
      <c r="I29" s="281">
        <v>0</v>
      </c>
      <c r="J29" s="281">
        <v>0</v>
      </c>
      <c r="K29" s="278">
        <v>15</v>
      </c>
      <c r="L29" s="283">
        <v>15</v>
      </c>
      <c r="M29" s="281">
        <v>0</v>
      </c>
      <c r="N29" s="281">
        <v>0</v>
      </c>
      <c r="O29" s="278">
        <v>0</v>
      </c>
      <c r="P29" s="280">
        <v>0</v>
      </c>
      <c r="Q29" s="281">
        <v>13</v>
      </c>
      <c r="R29" s="281">
        <v>15</v>
      </c>
      <c r="S29" s="281">
        <v>0</v>
      </c>
      <c r="T29" s="281">
        <v>0</v>
      </c>
      <c r="U29" s="281">
        <v>0</v>
      </c>
      <c r="V29" s="278">
        <v>28</v>
      </c>
      <c r="W29" s="283">
        <v>28</v>
      </c>
    </row>
    <row r="30" spans="1:23" ht="21" customHeight="1" x14ac:dyDescent="0.2">
      <c r="A30" s="257" t="s">
        <v>28</v>
      </c>
      <c r="B30" s="281">
        <v>0</v>
      </c>
      <c r="C30" s="281">
        <v>0</v>
      </c>
      <c r="D30" s="278">
        <v>0</v>
      </c>
      <c r="E30" s="280">
        <v>0</v>
      </c>
      <c r="F30" s="281">
        <v>28</v>
      </c>
      <c r="G30" s="281">
        <v>14</v>
      </c>
      <c r="H30" s="281">
        <v>0</v>
      </c>
      <c r="I30" s="281">
        <v>0</v>
      </c>
      <c r="J30" s="281">
        <v>0</v>
      </c>
      <c r="K30" s="278">
        <v>42</v>
      </c>
      <c r="L30" s="283">
        <v>42</v>
      </c>
      <c r="M30" s="281">
        <v>0</v>
      </c>
      <c r="N30" s="281">
        <v>0</v>
      </c>
      <c r="O30" s="278">
        <v>0</v>
      </c>
      <c r="P30" s="280">
        <v>0</v>
      </c>
      <c r="Q30" s="281">
        <v>0</v>
      </c>
      <c r="R30" s="281">
        <v>0</v>
      </c>
      <c r="S30" s="281">
        <v>0</v>
      </c>
      <c r="T30" s="281">
        <v>0</v>
      </c>
      <c r="U30" s="281">
        <v>1</v>
      </c>
      <c r="V30" s="278">
        <v>1</v>
      </c>
      <c r="W30" s="283">
        <v>1</v>
      </c>
    </row>
    <row r="31" spans="1:23" ht="21" customHeight="1" x14ac:dyDescent="0.2">
      <c r="A31" s="257" t="s">
        <v>29</v>
      </c>
      <c r="B31" s="281">
        <v>0</v>
      </c>
      <c r="C31" s="281">
        <v>0</v>
      </c>
      <c r="D31" s="278">
        <v>0</v>
      </c>
      <c r="E31" s="280">
        <v>0</v>
      </c>
      <c r="F31" s="281">
        <v>5</v>
      </c>
      <c r="G31" s="281">
        <v>2</v>
      </c>
      <c r="H31" s="281">
        <v>0</v>
      </c>
      <c r="I31" s="281">
        <v>0</v>
      </c>
      <c r="J31" s="281">
        <v>0</v>
      </c>
      <c r="K31" s="278">
        <v>7</v>
      </c>
      <c r="L31" s="283">
        <v>7</v>
      </c>
      <c r="M31" s="281">
        <v>0</v>
      </c>
      <c r="N31" s="281">
        <v>0</v>
      </c>
      <c r="O31" s="278">
        <v>0</v>
      </c>
      <c r="P31" s="280">
        <v>0</v>
      </c>
      <c r="Q31" s="281">
        <v>0</v>
      </c>
      <c r="R31" s="281">
        <v>0</v>
      </c>
      <c r="S31" s="281">
        <v>0</v>
      </c>
      <c r="T31" s="281">
        <v>0</v>
      </c>
      <c r="U31" s="281">
        <v>0</v>
      </c>
      <c r="V31" s="278">
        <v>0</v>
      </c>
      <c r="W31" s="283">
        <v>0</v>
      </c>
    </row>
    <row r="32" spans="1:23" ht="21" customHeight="1" x14ac:dyDescent="0.2">
      <c r="A32" s="257" t="s">
        <v>30</v>
      </c>
      <c r="B32" s="281">
        <v>0</v>
      </c>
      <c r="C32" s="281">
        <v>0</v>
      </c>
      <c r="D32" s="278">
        <v>0</v>
      </c>
      <c r="E32" s="280">
        <v>0</v>
      </c>
      <c r="F32" s="281">
        <v>0</v>
      </c>
      <c r="G32" s="281">
        <v>18</v>
      </c>
      <c r="H32" s="281">
        <v>0</v>
      </c>
      <c r="I32" s="281">
        <v>0</v>
      </c>
      <c r="J32" s="281">
        <v>0</v>
      </c>
      <c r="K32" s="278">
        <v>18</v>
      </c>
      <c r="L32" s="283">
        <v>18</v>
      </c>
      <c r="M32" s="281">
        <v>4</v>
      </c>
      <c r="N32" s="281">
        <v>0</v>
      </c>
      <c r="O32" s="278">
        <v>4</v>
      </c>
      <c r="P32" s="280">
        <v>0</v>
      </c>
      <c r="Q32" s="281">
        <v>0</v>
      </c>
      <c r="R32" s="281">
        <v>0</v>
      </c>
      <c r="S32" s="281">
        <v>0</v>
      </c>
      <c r="T32" s="281">
        <v>0</v>
      </c>
      <c r="U32" s="281">
        <v>0</v>
      </c>
      <c r="V32" s="278">
        <v>0</v>
      </c>
      <c r="W32" s="283">
        <v>4</v>
      </c>
    </row>
    <row r="33" spans="1:23" ht="21" customHeight="1" x14ac:dyDescent="0.2">
      <c r="A33" s="257" t="s">
        <v>31</v>
      </c>
      <c r="B33" s="281">
        <v>0</v>
      </c>
      <c r="C33" s="281">
        <v>0</v>
      </c>
      <c r="D33" s="278">
        <v>0</v>
      </c>
      <c r="E33" s="280">
        <v>0</v>
      </c>
      <c r="F33" s="281">
        <v>4</v>
      </c>
      <c r="G33" s="281">
        <v>2</v>
      </c>
      <c r="H33" s="281">
        <v>0</v>
      </c>
      <c r="I33" s="281">
        <v>0</v>
      </c>
      <c r="J33" s="281">
        <v>0</v>
      </c>
      <c r="K33" s="278">
        <v>6</v>
      </c>
      <c r="L33" s="283">
        <v>6</v>
      </c>
      <c r="M33" s="281">
        <v>0</v>
      </c>
      <c r="N33" s="281">
        <v>0</v>
      </c>
      <c r="O33" s="278">
        <v>0</v>
      </c>
      <c r="P33" s="280">
        <v>0</v>
      </c>
      <c r="Q33" s="281">
        <v>0</v>
      </c>
      <c r="R33" s="281">
        <v>0</v>
      </c>
      <c r="S33" s="281">
        <v>13</v>
      </c>
      <c r="T33" s="281">
        <v>0</v>
      </c>
      <c r="U33" s="281">
        <v>0</v>
      </c>
      <c r="V33" s="278">
        <v>13</v>
      </c>
      <c r="W33" s="283">
        <v>13</v>
      </c>
    </row>
    <row r="34" spans="1:23" ht="21" customHeight="1" x14ac:dyDescent="0.2">
      <c r="A34" s="257" t="s">
        <v>32</v>
      </c>
      <c r="B34" s="281">
        <v>0</v>
      </c>
      <c r="C34" s="281">
        <v>0</v>
      </c>
      <c r="D34" s="278">
        <v>0</v>
      </c>
      <c r="E34" s="280">
        <v>0</v>
      </c>
      <c r="F34" s="281">
        <v>16</v>
      </c>
      <c r="G34" s="281">
        <v>9</v>
      </c>
      <c r="H34" s="281">
        <v>11</v>
      </c>
      <c r="I34" s="281">
        <v>0</v>
      </c>
      <c r="J34" s="281">
        <v>0</v>
      </c>
      <c r="K34" s="278">
        <v>36</v>
      </c>
      <c r="L34" s="283">
        <v>36</v>
      </c>
      <c r="M34" s="281">
        <v>0</v>
      </c>
      <c r="N34" s="281">
        <v>0</v>
      </c>
      <c r="O34" s="278">
        <v>0</v>
      </c>
      <c r="P34" s="280">
        <v>0</v>
      </c>
      <c r="Q34" s="281">
        <v>0</v>
      </c>
      <c r="R34" s="281">
        <v>0</v>
      </c>
      <c r="S34" s="281">
        <v>0</v>
      </c>
      <c r="T34" s="281">
        <v>12</v>
      </c>
      <c r="U34" s="281">
        <v>0</v>
      </c>
      <c r="V34" s="278">
        <v>12</v>
      </c>
      <c r="W34" s="283">
        <v>12</v>
      </c>
    </row>
    <row r="35" spans="1:23" ht="21" customHeight="1" x14ac:dyDescent="0.2">
      <c r="A35" s="257" t="s">
        <v>33</v>
      </c>
      <c r="B35" s="281">
        <v>0</v>
      </c>
      <c r="C35" s="281">
        <v>0</v>
      </c>
      <c r="D35" s="278">
        <v>0</v>
      </c>
      <c r="E35" s="280">
        <v>0</v>
      </c>
      <c r="F35" s="281">
        <v>5</v>
      </c>
      <c r="G35" s="281">
        <v>0</v>
      </c>
      <c r="H35" s="281">
        <v>0</v>
      </c>
      <c r="I35" s="281">
        <v>0</v>
      </c>
      <c r="J35" s="281">
        <v>0</v>
      </c>
      <c r="K35" s="278">
        <v>5</v>
      </c>
      <c r="L35" s="283">
        <v>5</v>
      </c>
      <c r="M35" s="281">
        <v>0</v>
      </c>
      <c r="N35" s="281">
        <v>0</v>
      </c>
      <c r="O35" s="278">
        <v>0</v>
      </c>
      <c r="P35" s="280">
        <v>0</v>
      </c>
      <c r="Q35" s="281">
        <v>0</v>
      </c>
      <c r="R35" s="281">
        <v>0</v>
      </c>
      <c r="S35" s="281">
        <v>0</v>
      </c>
      <c r="T35" s="281">
        <v>0</v>
      </c>
      <c r="U35" s="281">
        <v>0</v>
      </c>
      <c r="V35" s="278">
        <v>0</v>
      </c>
      <c r="W35" s="283">
        <v>0</v>
      </c>
    </row>
    <row r="36" spans="1:23" ht="21" customHeight="1" x14ac:dyDescent="0.2">
      <c r="A36" s="257" t="s">
        <v>34</v>
      </c>
      <c r="B36" s="281">
        <v>0</v>
      </c>
      <c r="C36" s="281">
        <v>0</v>
      </c>
      <c r="D36" s="278">
        <v>0</v>
      </c>
      <c r="E36" s="280">
        <v>0</v>
      </c>
      <c r="F36" s="281">
        <v>22</v>
      </c>
      <c r="G36" s="281">
        <v>0</v>
      </c>
      <c r="H36" s="281">
        <v>0</v>
      </c>
      <c r="I36" s="281">
        <v>0</v>
      </c>
      <c r="J36" s="281">
        <v>0</v>
      </c>
      <c r="K36" s="278">
        <v>22</v>
      </c>
      <c r="L36" s="283">
        <v>22</v>
      </c>
      <c r="M36" s="281">
        <v>0</v>
      </c>
      <c r="N36" s="281">
        <v>0</v>
      </c>
      <c r="O36" s="278">
        <v>0</v>
      </c>
      <c r="P36" s="280">
        <v>0</v>
      </c>
      <c r="Q36" s="281">
        <v>0</v>
      </c>
      <c r="R36" s="281">
        <v>0</v>
      </c>
      <c r="S36" s="281">
        <v>0</v>
      </c>
      <c r="T36" s="281">
        <v>0</v>
      </c>
      <c r="U36" s="281">
        <v>0</v>
      </c>
      <c r="V36" s="278">
        <v>0</v>
      </c>
      <c r="W36" s="283">
        <v>0</v>
      </c>
    </row>
    <row r="37" spans="1:23" ht="21" customHeight="1" x14ac:dyDescent="0.2">
      <c r="A37" s="257" t="s">
        <v>35</v>
      </c>
      <c r="B37" s="281">
        <v>0</v>
      </c>
      <c r="C37" s="281">
        <v>0</v>
      </c>
      <c r="D37" s="278">
        <v>0</v>
      </c>
      <c r="E37" s="280">
        <v>0</v>
      </c>
      <c r="F37" s="281">
        <v>0</v>
      </c>
      <c r="G37" s="281">
        <v>14</v>
      </c>
      <c r="H37" s="281">
        <v>0</v>
      </c>
      <c r="I37" s="281">
        <v>0</v>
      </c>
      <c r="J37" s="281">
        <v>0</v>
      </c>
      <c r="K37" s="278">
        <v>14</v>
      </c>
      <c r="L37" s="283">
        <v>14</v>
      </c>
      <c r="M37" s="281">
        <v>0</v>
      </c>
      <c r="N37" s="281">
        <v>0</v>
      </c>
      <c r="O37" s="278">
        <v>0</v>
      </c>
      <c r="P37" s="280">
        <v>0</v>
      </c>
      <c r="Q37" s="281">
        <v>0</v>
      </c>
      <c r="R37" s="281">
        <v>0</v>
      </c>
      <c r="S37" s="281">
        <v>0</v>
      </c>
      <c r="T37" s="281">
        <v>0</v>
      </c>
      <c r="U37" s="281">
        <v>0</v>
      </c>
      <c r="V37" s="278">
        <v>0</v>
      </c>
      <c r="W37" s="283">
        <v>0</v>
      </c>
    </row>
    <row r="38" spans="1:23" ht="21" customHeight="1" x14ac:dyDescent="0.2">
      <c r="A38" s="257" t="s">
        <v>36</v>
      </c>
      <c r="B38" s="281">
        <v>0</v>
      </c>
      <c r="C38" s="281">
        <v>0</v>
      </c>
      <c r="D38" s="278">
        <v>0</v>
      </c>
      <c r="E38" s="280">
        <v>0</v>
      </c>
      <c r="F38" s="281">
        <v>21</v>
      </c>
      <c r="G38" s="281">
        <v>8</v>
      </c>
      <c r="H38" s="281">
        <v>0</v>
      </c>
      <c r="I38" s="281">
        <v>0</v>
      </c>
      <c r="J38" s="281">
        <v>22</v>
      </c>
      <c r="K38" s="278">
        <v>51</v>
      </c>
      <c r="L38" s="283">
        <v>51</v>
      </c>
      <c r="M38" s="281">
        <v>0</v>
      </c>
      <c r="N38" s="281">
        <v>0</v>
      </c>
      <c r="O38" s="278">
        <v>0</v>
      </c>
      <c r="P38" s="280">
        <v>0</v>
      </c>
      <c r="Q38" s="281">
        <v>0</v>
      </c>
      <c r="R38" s="281">
        <v>0</v>
      </c>
      <c r="S38" s="281">
        <v>0</v>
      </c>
      <c r="T38" s="281">
        <v>0</v>
      </c>
      <c r="U38" s="281">
        <v>0</v>
      </c>
      <c r="V38" s="278">
        <v>0</v>
      </c>
      <c r="W38" s="283">
        <v>0</v>
      </c>
    </row>
    <row r="39" spans="1:23" ht="21" customHeight="1" thickBot="1" x14ac:dyDescent="0.25">
      <c r="A39" s="258" t="s">
        <v>37</v>
      </c>
      <c r="B39" s="288">
        <v>0</v>
      </c>
      <c r="C39" s="288">
        <v>0</v>
      </c>
      <c r="D39" s="285">
        <v>0</v>
      </c>
      <c r="E39" s="287">
        <v>0</v>
      </c>
      <c r="F39" s="288">
        <v>0</v>
      </c>
      <c r="G39" s="288">
        <v>0</v>
      </c>
      <c r="H39" s="288">
        <v>0</v>
      </c>
      <c r="I39" s="288">
        <v>0</v>
      </c>
      <c r="J39" s="288">
        <v>0</v>
      </c>
      <c r="K39" s="285">
        <v>0</v>
      </c>
      <c r="L39" s="290">
        <v>0</v>
      </c>
      <c r="M39" s="288">
        <v>0</v>
      </c>
      <c r="N39" s="288">
        <v>0</v>
      </c>
      <c r="O39" s="285">
        <v>0</v>
      </c>
      <c r="P39" s="287">
        <v>0</v>
      </c>
      <c r="Q39" s="288">
        <v>0</v>
      </c>
      <c r="R39" s="288">
        <v>0</v>
      </c>
      <c r="S39" s="288">
        <v>0</v>
      </c>
      <c r="T39" s="288">
        <v>0</v>
      </c>
      <c r="U39" s="288">
        <v>0</v>
      </c>
      <c r="V39" s="285">
        <v>0</v>
      </c>
      <c r="W39" s="290">
        <v>0</v>
      </c>
    </row>
  </sheetData>
  <mergeCells count="11">
    <mergeCell ref="A3:A5"/>
    <mergeCell ref="B3:L3"/>
    <mergeCell ref="B4:D4"/>
    <mergeCell ref="E4:K4"/>
    <mergeCell ref="L4:L5"/>
    <mergeCell ref="M3:W3"/>
    <mergeCell ref="M4:O4"/>
    <mergeCell ref="P4:V4"/>
    <mergeCell ref="W4:W5"/>
    <mergeCell ref="G1:H1"/>
    <mergeCell ref="J1:K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 style="256" customWidth="1"/>
    <col min="5" max="5" width="7.77734375" style="256" customWidth="1"/>
    <col min="6" max="6" width="10.77734375" style="256" customWidth="1"/>
    <col min="7" max="15" width="9" style="256"/>
    <col min="16" max="16" width="7.6640625" style="256" customWidth="1"/>
    <col min="17" max="16384" width="9" style="256"/>
  </cols>
  <sheetData>
    <row r="1" spans="1:23" ht="17.25" customHeight="1" x14ac:dyDescent="0.2">
      <c r="A1" s="291" t="s">
        <v>125</v>
      </c>
      <c r="G1" s="528">
        <f>第１表!F2</f>
        <v>4</v>
      </c>
      <c r="H1" s="528"/>
      <c r="I1" s="248">
        <f>第１表!G2</f>
        <v>6</v>
      </c>
      <c r="J1" s="529">
        <f>IF(I1&lt;3,I1+12-2,I1-2)</f>
        <v>4</v>
      </c>
      <c r="K1" s="529"/>
    </row>
    <row r="2" spans="1:23" ht="21" customHeight="1" thickBot="1" x14ac:dyDescent="0.25">
      <c r="A2" s="291" t="s">
        <v>155</v>
      </c>
    </row>
    <row r="3" spans="1:23" ht="18.75" customHeight="1" x14ac:dyDescent="0.2">
      <c r="A3" s="532"/>
      <c r="B3" s="533" t="s">
        <v>142</v>
      </c>
      <c r="C3" s="533"/>
      <c r="D3" s="533"/>
      <c r="E3" s="533"/>
      <c r="F3" s="533"/>
      <c r="G3" s="533"/>
      <c r="H3" s="533"/>
      <c r="I3" s="533"/>
      <c r="J3" s="533"/>
      <c r="K3" s="533"/>
      <c r="L3" s="565"/>
      <c r="M3" s="533" t="s">
        <v>113</v>
      </c>
      <c r="N3" s="533"/>
      <c r="O3" s="533"/>
      <c r="P3" s="533"/>
      <c r="Q3" s="533"/>
      <c r="R3" s="533"/>
      <c r="S3" s="533"/>
      <c r="T3" s="533"/>
      <c r="U3" s="533"/>
      <c r="V3" s="533"/>
      <c r="W3" s="565"/>
    </row>
    <row r="4" spans="1:23" ht="18.75" customHeight="1" x14ac:dyDescent="0.2">
      <c r="A4" s="571"/>
      <c r="B4" s="566" t="s">
        <v>61</v>
      </c>
      <c r="C4" s="566"/>
      <c r="D4" s="567"/>
      <c r="E4" s="568" t="s">
        <v>62</v>
      </c>
      <c r="F4" s="566"/>
      <c r="G4" s="566"/>
      <c r="H4" s="566"/>
      <c r="I4" s="566"/>
      <c r="J4" s="566"/>
      <c r="K4" s="569"/>
      <c r="L4" s="570" t="s">
        <v>52</v>
      </c>
      <c r="M4" s="566" t="s">
        <v>61</v>
      </c>
      <c r="N4" s="566"/>
      <c r="O4" s="567"/>
      <c r="P4" s="568" t="s">
        <v>62</v>
      </c>
      <c r="Q4" s="566"/>
      <c r="R4" s="566"/>
      <c r="S4" s="566"/>
      <c r="T4" s="566"/>
      <c r="U4" s="566"/>
      <c r="V4" s="569"/>
      <c r="W4" s="570" t="s">
        <v>52</v>
      </c>
    </row>
    <row r="5" spans="1:23" ht="27" thickBot="1" x14ac:dyDescent="0.25">
      <c r="A5" s="572"/>
      <c r="B5" s="260" t="s">
        <v>43</v>
      </c>
      <c r="C5" s="260" t="s">
        <v>44</v>
      </c>
      <c r="D5" s="266" t="s">
        <v>45</v>
      </c>
      <c r="E5" s="268" t="s">
        <v>83</v>
      </c>
      <c r="F5" s="260" t="s">
        <v>47</v>
      </c>
      <c r="G5" s="260" t="s">
        <v>48</v>
      </c>
      <c r="H5" s="260" t="s">
        <v>49</v>
      </c>
      <c r="I5" s="260" t="s">
        <v>50</v>
      </c>
      <c r="J5" s="260" t="s">
        <v>51</v>
      </c>
      <c r="K5" s="266" t="s">
        <v>45</v>
      </c>
      <c r="L5" s="531"/>
      <c r="M5" s="260" t="s">
        <v>43</v>
      </c>
      <c r="N5" s="260" t="s">
        <v>44</v>
      </c>
      <c r="O5" s="266" t="s">
        <v>45</v>
      </c>
      <c r="P5" s="268" t="s">
        <v>83</v>
      </c>
      <c r="Q5" s="260" t="s">
        <v>47</v>
      </c>
      <c r="R5" s="260" t="s">
        <v>48</v>
      </c>
      <c r="S5" s="260" t="s">
        <v>49</v>
      </c>
      <c r="T5" s="260" t="s">
        <v>50</v>
      </c>
      <c r="U5" s="260" t="s">
        <v>51</v>
      </c>
      <c r="V5" s="266" t="s">
        <v>45</v>
      </c>
      <c r="W5" s="531"/>
    </row>
    <row r="6" spans="1:23" ht="21" customHeight="1" x14ac:dyDescent="0.2">
      <c r="A6" s="259" t="s">
        <v>4</v>
      </c>
      <c r="B6" s="274">
        <v>0</v>
      </c>
      <c r="C6" s="274">
        <v>0</v>
      </c>
      <c r="D6" s="271">
        <v>0</v>
      </c>
      <c r="E6" s="273">
        <v>0</v>
      </c>
      <c r="F6" s="274">
        <v>5890</v>
      </c>
      <c r="G6" s="274">
        <v>4515</v>
      </c>
      <c r="H6" s="274">
        <v>2591</v>
      </c>
      <c r="I6" s="274">
        <v>1219</v>
      </c>
      <c r="J6" s="274">
        <v>470</v>
      </c>
      <c r="K6" s="271">
        <v>14685</v>
      </c>
      <c r="L6" s="276">
        <v>14685</v>
      </c>
      <c r="M6" s="274">
        <v>3</v>
      </c>
      <c r="N6" s="274">
        <v>0</v>
      </c>
      <c r="O6" s="271">
        <v>3</v>
      </c>
      <c r="P6" s="273">
        <v>0</v>
      </c>
      <c r="Q6" s="274">
        <v>309</v>
      </c>
      <c r="R6" s="274">
        <v>654</v>
      </c>
      <c r="S6" s="274">
        <v>630</v>
      </c>
      <c r="T6" s="274">
        <v>270</v>
      </c>
      <c r="U6" s="274">
        <v>324</v>
      </c>
      <c r="V6" s="271">
        <v>2187</v>
      </c>
      <c r="W6" s="276">
        <v>2190</v>
      </c>
    </row>
    <row r="7" spans="1:23" ht="21" customHeight="1" x14ac:dyDescent="0.2">
      <c r="A7" s="257" t="s">
        <v>5</v>
      </c>
      <c r="B7" s="281">
        <v>0</v>
      </c>
      <c r="C7" s="281">
        <v>0</v>
      </c>
      <c r="D7" s="278">
        <v>0</v>
      </c>
      <c r="E7" s="280">
        <v>0</v>
      </c>
      <c r="F7" s="281">
        <v>2218</v>
      </c>
      <c r="G7" s="281">
        <v>2399</v>
      </c>
      <c r="H7" s="281">
        <v>1015</v>
      </c>
      <c r="I7" s="281">
        <v>537</v>
      </c>
      <c r="J7" s="281">
        <v>221</v>
      </c>
      <c r="K7" s="278">
        <v>6390</v>
      </c>
      <c r="L7" s="283">
        <v>6390</v>
      </c>
      <c r="M7" s="281">
        <v>3</v>
      </c>
      <c r="N7" s="281">
        <v>0</v>
      </c>
      <c r="O7" s="278">
        <v>3</v>
      </c>
      <c r="P7" s="280">
        <v>0</v>
      </c>
      <c r="Q7" s="281">
        <v>185</v>
      </c>
      <c r="R7" s="281">
        <v>420</v>
      </c>
      <c r="S7" s="281">
        <v>284</v>
      </c>
      <c r="T7" s="281">
        <v>165</v>
      </c>
      <c r="U7" s="281">
        <v>228</v>
      </c>
      <c r="V7" s="278">
        <v>1282</v>
      </c>
      <c r="W7" s="283">
        <v>1285</v>
      </c>
    </row>
    <row r="8" spans="1:23" ht="21" customHeight="1" x14ac:dyDescent="0.2">
      <c r="A8" s="257" t="s">
        <v>6</v>
      </c>
      <c r="B8" s="281">
        <v>0</v>
      </c>
      <c r="C8" s="281">
        <v>0</v>
      </c>
      <c r="D8" s="278">
        <v>0</v>
      </c>
      <c r="E8" s="280">
        <v>0</v>
      </c>
      <c r="F8" s="281">
        <v>1130</v>
      </c>
      <c r="G8" s="281">
        <v>472</v>
      </c>
      <c r="H8" s="281">
        <v>348</v>
      </c>
      <c r="I8" s="281">
        <v>217</v>
      </c>
      <c r="J8" s="281">
        <v>92</v>
      </c>
      <c r="K8" s="278">
        <v>2259</v>
      </c>
      <c r="L8" s="283">
        <v>2259</v>
      </c>
      <c r="M8" s="281">
        <v>0</v>
      </c>
      <c r="N8" s="281">
        <v>0</v>
      </c>
      <c r="O8" s="278">
        <v>0</v>
      </c>
      <c r="P8" s="280">
        <v>0</v>
      </c>
      <c r="Q8" s="281">
        <v>60</v>
      </c>
      <c r="R8" s="281">
        <v>99</v>
      </c>
      <c r="S8" s="281">
        <v>170</v>
      </c>
      <c r="T8" s="281">
        <v>72</v>
      </c>
      <c r="U8" s="281">
        <v>16</v>
      </c>
      <c r="V8" s="278">
        <v>417</v>
      </c>
      <c r="W8" s="283">
        <v>417</v>
      </c>
    </row>
    <row r="9" spans="1:23" ht="21" customHeight="1" x14ac:dyDescent="0.2">
      <c r="A9" s="257" t="s">
        <v>14</v>
      </c>
      <c r="B9" s="281">
        <v>0</v>
      </c>
      <c r="C9" s="281">
        <v>0</v>
      </c>
      <c r="D9" s="278">
        <v>0</v>
      </c>
      <c r="E9" s="280">
        <v>0</v>
      </c>
      <c r="F9" s="281">
        <v>431</v>
      </c>
      <c r="G9" s="281">
        <v>308</v>
      </c>
      <c r="H9" s="281">
        <v>256</v>
      </c>
      <c r="I9" s="281">
        <v>47</v>
      </c>
      <c r="J9" s="281">
        <v>29</v>
      </c>
      <c r="K9" s="278">
        <v>1071</v>
      </c>
      <c r="L9" s="283">
        <v>1071</v>
      </c>
      <c r="M9" s="281">
        <v>0</v>
      </c>
      <c r="N9" s="281">
        <v>0</v>
      </c>
      <c r="O9" s="278">
        <v>0</v>
      </c>
      <c r="P9" s="280">
        <v>0</v>
      </c>
      <c r="Q9" s="281">
        <v>13</v>
      </c>
      <c r="R9" s="281">
        <v>0</v>
      </c>
      <c r="S9" s="281">
        <v>2</v>
      </c>
      <c r="T9" s="281">
        <v>0</v>
      </c>
      <c r="U9" s="281">
        <v>15</v>
      </c>
      <c r="V9" s="278">
        <v>30</v>
      </c>
      <c r="W9" s="283">
        <v>30</v>
      </c>
    </row>
    <row r="10" spans="1:23" ht="21" customHeight="1" x14ac:dyDescent="0.2">
      <c r="A10" s="257" t="s">
        <v>7</v>
      </c>
      <c r="B10" s="281">
        <v>0</v>
      </c>
      <c r="C10" s="281">
        <v>0</v>
      </c>
      <c r="D10" s="278">
        <v>0</v>
      </c>
      <c r="E10" s="280">
        <v>0</v>
      </c>
      <c r="F10" s="281">
        <v>138</v>
      </c>
      <c r="G10" s="281">
        <v>107</v>
      </c>
      <c r="H10" s="281">
        <v>133</v>
      </c>
      <c r="I10" s="281">
        <v>66</v>
      </c>
      <c r="J10" s="281">
        <v>13</v>
      </c>
      <c r="K10" s="278">
        <v>457</v>
      </c>
      <c r="L10" s="283">
        <v>457</v>
      </c>
      <c r="M10" s="281">
        <v>0</v>
      </c>
      <c r="N10" s="281">
        <v>0</v>
      </c>
      <c r="O10" s="278">
        <v>0</v>
      </c>
      <c r="P10" s="280">
        <v>0</v>
      </c>
      <c r="Q10" s="281">
        <v>13</v>
      </c>
      <c r="R10" s="281">
        <v>30</v>
      </c>
      <c r="S10" s="281">
        <v>76</v>
      </c>
      <c r="T10" s="281">
        <v>19</v>
      </c>
      <c r="U10" s="281">
        <v>0</v>
      </c>
      <c r="V10" s="278">
        <v>138</v>
      </c>
      <c r="W10" s="283">
        <v>138</v>
      </c>
    </row>
    <row r="11" spans="1:23" ht="21" customHeight="1" x14ac:dyDescent="0.2">
      <c r="A11" s="257" t="s">
        <v>8</v>
      </c>
      <c r="B11" s="281">
        <v>0</v>
      </c>
      <c r="C11" s="281">
        <v>0</v>
      </c>
      <c r="D11" s="278">
        <v>0</v>
      </c>
      <c r="E11" s="280">
        <v>0</v>
      </c>
      <c r="F11" s="281">
        <v>204</v>
      </c>
      <c r="G11" s="281">
        <v>143</v>
      </c>
      <c r="H11" s="281">
        <v>76</v>
      </c>
      <c r="I11" s="281">
        <v>17</v>
      </c>
      <c r="J11" s="281">
        <v>7</v>
      </c>
      <c r="K11" s="278">
        <v>447</v>
      </c>
      <c r="L11" s="283">
        <v>447</v>
      </c>
      <c r="M11" s="281">
        <v>0</v>
      </c>
      <c r="N11" s="281">
        <v>0</v>
      </c>
      <c r="O11" s="278">
        <v>0</v>
      </c>
      <c r="P11" s="280">
        <v>0</v>
      </c>
      <c r="Q11" s="281">
        <v>0</v>
      </c>
      <c r="R11" s="281">
        <v>22</v>
      </c>
      <c r="S11" s="281">
        <v>0</v>
      </c>
      <c r="T11" s="281">
        <v>0</v>
      </c>
      <c r="U11" s="281">
        <v>0</v>
      </c>
      <c r="V11" s="278">
        <v>22</v>
      </c>
      <c r="W11" s="283">
        <v>22</v>
      </c>
    </row>
    <row r="12" spans="1:23" ht="21" customHeight="1" x14ac:dyDescent="0.2">
      <c r="A12" s="257" t="s">
        <v>9</v>
      </c>
      <c r="B12" s="281">
        <v>0</v>
      </c>
      <c r="C12" s="281">
        <v>0</v>
      </c>
      <c r="D12" s="278">
        <v>0</v>
      </c>
      <c r="E12" s="280">
        <v>0</v>
      </c>
      <c r="F12" s="281">
        <v>300</v>
      </c>
      <c r="G12" s="281">
        <v>268</v>
      </c>
      <c r="H12" s="281">
        <v>154</v>
      </c>
      <c r="I12" s="281">
        <v>55</v>
      </c>
      <c r="J12" s="281">
        <v>4</v>
      </c>
      <c r="K12" s="278">
        <v>781</v>
      </c>
      <c r="L12" s="283">
        <v>781</v>
      </c>
      <c r="M12" s="281">
        <v>0</v>
      </c>
      <c r="N12" s="281">
        <v>0</v>
      </c>
      <c r="O12" s="278">
        <v>0</v>
      </c>
      <c r="P12" s="280">
        <v>0</v>
      </c>
      <c r="Q12" s="281">
        <v>17</v>
      </c>
      <c r="R12" s="281">
        <v>0</v>
      </c>
      <c r="S12" s="281">
        <v>16</v>
      </c>
      <c r="T12" s="281">
        <v>0</v>
      </c>
      <c r="U12" s="281">
        <v>9</v>
      </c>
      <c r="V12" s="278">
        <v>42</v>
      </c>
      <c r="W12" s="283">
        <v>42</v>
      </c>
    </row>
    <row r="13" spans="1:23" ht="21" customHeight="1" x14ac:dyDescent="0.2">
      <c r="A13" s="257" t="s">
        <v>10</v>
      </c>
      <c r="B13" s="281">
        <v>0</v>
      </c>
      <c r="C13" s="281">
        <v>0</v>
      </c>
      <c r="D13" s="278">
        <v>0</v>
      </c>
      <c r="E13" s="280">
        <v>0</v>
      </c>
      <c r="F13" s="281">
        <v>305</v>
      </c>
      <c r="G13" s="281">
        <v>101</v>
      </c>
      <c r="H13" s="281">
        <v>91</v>
      </c>
      <c r="I13" s="281">
        <v>46</v>
      </c>
      <c r="J13" s="281">
        <v>4</v>
      </c>
      <c r="K13" s="278">
        <v>547</v>
      </c>
      <c r="L13" s="283">
        <v>547</v>
      </c>
      <c r="M13" s="281">
        <v>0</v>
      </c>
      <c r="N13" s="281">
        <v>0</v>
      </c>
      <c r="O13" s="278">
        <v>0</v>
      </c>
      <c r="P13" s="280">
        <v>0</v>
      </c>
      <c r="Q13" s="281">
        <v>13</v>
      </c>
      <c r="R13" s="281">
        <v>23</v>
      </c>
      <c r="S13" s="281">
        <v>13</v>
      </c>
      <c r="T13" s="281">
        <v>6</v>
      </c>
      <c r="U13" s="281">
        <v>0</v>
      </c>
      <c r="V13" s="278">
        <v>55</v>
      </c>
      <c r="W13" s="283">
        <v>55</v>
      </c>
    </row>
    <row r="14" spans="1:23" ht="21" customHeight="1" x14ac:dyDescent="0.2">
      <c r="A14" s="257" t="s">
        <v>11</v>
      </c>
      <c r="B14" s="281">
        <v>0</v>
      </c>
      <c r="C14" s="281">
        <v>0</v>
      </c>
      <c r="D14" s="278">
        <v>0</v>
      </c>
      <c r="E14" s="280">
        <v>0</v>
      </c>
      <c r="F14" s="281">
        <v>128</v>
      </c>
      <c r="G14" s="281">
        <v>41</v>
      </c>
      <c r="H14" s="281">
        <v>78</v>
      </c>
      <c r="I14" s="281">
        <v>22</v>
      </c>
      <c r="J14" s="281">
        <v>5</v>
      </c>
      <c r="K14" s="278">
        <v>274</v>
      </c>
      <c r="L14" s="283">
        <v>274</v>
      </c>
      <c r="M14" s="281">
        <v>0</v>
      </c>
      <c r="N14" s="281">
        <v>0</v>
      </c>
      <c r="O14" s="278">
        <v>0</v>
      </c>
      <c r="P14" s="280">
        <v>0</v>
      </c>
      <c r="Q14" s="281">
        <v>0</v>
      </c>
      <c r="R14" s="281">
        <v>0</v>
      </c>
      <c r="S14" s="281">
        <v>0</v>
      </c>
      <c r="T14" s="281">
        <v>0</v>
      </c>
      <c r="U14" s="281">
        <v>11</v>
      </c>
      <c r="V14" s="278">
        <v>11</v>
      </c>
      <c r="W14" s="283">
        <v>11</v>
      </c>
    </row>
    <row r="15" spans="1:23" ht="21" customHeight="1" x14ac:dyDescent="0.2">
      <c r="A15" s="257" t="s">
        <v>12</v>
      </c>
      <c r="B15" s="281">
        <v>0</v>
      </c>
      <c r="C15" s="281">
        <v>0</v>
      </c>
      <c r="D15" s="278">
        <v>0</v>
      </c>
      <c r="E15" s="280">
        <v>0</v>
      </c>
      <c r="F15" s="281">
        <v>171</v>
      </c>
      <c r="G15" s="281">
        <v>78</v>
      </c>
      <c r="H15" s="281">
        <v>49</v>
      </c>
      <c r="I15" s="281">
        <v>33</v>
      </c>
      <c r="J15" s="281">
        <v>3</v>
      </c>
      <c r="K15" s="278">
        <v>334</v>
      </c>
      <c r="L15" s="283">
        <v>334</v>
      </c>
      <c r="M15" s="281">
        <v>0</v>
      </c>
      <c r="N15" s="281">
        <v>0</v>
      </c>
      <c r="O15" s="278">
        <v>0</v>
      </c>
      <c r="P15" s="280">
        <v>0</v>
      </c>
      <c r="Q15" s="281">
        <v>0</v>
      </c>
      <c r="R15" s="281">
        <v>4</v>
      </c>
      <c r="S15" s="281">
        <v>0</v>
      </c>
      <c r="T15" s="281">
        <v>0</v>
      </c>
      <c r="U15" s="281">
        <v>0</v>
      </c>
      <c r="V15" s="278">
        <v>4</v>
      </c>
      <c r="W15" s="283">
        <v>4</v>
      </c>
    </row>
    <row r="16" spans="1:23" ht="21" customHeight="1" x14ac:dyDescent="0.2">
      <c r="A16" s="257" t="s">
        <v>13</v>
      </c>
      <c r="B16" s="281">
        <v>0</v>
      </c>
      <c r="C16" s="281">
        <v>0</v>
      </c>
      <c r="D16" s="278">
        <v>0</v>
      </c>
      <c r="E16" s="280">
        <v>0</v>
      </c>
      <c r="F16" s="281">
        <v>50</v>
      </c>
      <c r="G16" s="281">
        <v>78</v>
      </c>
      <c r="H16" s="281">
        <v>59</v>
      </c>
      <c r="I16" s="281">
        <v>43</v>
      </c>
      <c r="J16" s="281">
        <v>0</v>
      </c>
      <c r="K16" s="278">
        <v>230</v>
      </c>
      <c r="L16" s="283">
        <v>230</v>
      </c>
      <c r="M16" s="281">
        <v>0</v>
      </c>
      <c r="N16" s="281">
        <v>0</v>
      </c>
      <c r="O16" s="278">
        <v>0</v>
      </c>
      <c r="P16" s="280">
        <v>0</v>
      </c>
      <c r="Q16" s="281">
        <v>0</v>
      </c>
      <c r="R16" s="281">
        <v>0</v>
      </c>
      <c r="S16" s="281">
        <v>0</v>
      </c>
      <c r="T16" s="281">
        <v>0</v>
      </c>
      <c r="U16" s="281">
        <v>0</v>
      </c>
      <c r="V16" s="278">
        <v>0</v>
      </c>
      <c r="W16" s="283">
        <v>0</v>
      </c>
    </row>
    <row r="17" spans="1:23" ht="21" customHeight="1" x14ac:dyDescent="0.2">
      <c r="A17" s="257" t="s">
        <v>15</v>
      </c>
      <c r="B17" s="281">
        <v>0</v>
      </c>
      <c r="C17" s="281">
        <v>0</v>
      </c>
      <c r="D17" s="278">
        <v>0</v>
      </c>
      <c r="E17" s="280">
        <v>0</v>
      </c>
      <c r="F17" s="281">
        <v>47</v>
      </c>
      <c r="G17" s="281">
        <v>42</v>
      </c>
      <c r="H17" s="281">
        <v>9</v>
      </c>
      <c r="I17" s="281">
        <v>25</v>
      </c>
      <c r="J17" s="281">
        <v>11</v>
      </c>
      <c r="K17" s="278">
        <v>134</v>
      </c>
      <c r="L17" s="283">
        <v>134</v>
      </c>
      <c r="M17" s="281">
        <v>0</v>
      </c>
      <c r="N17" s="281">
        <v>0</v>
      </c>
      <c r="O17" s="278">
        <v>0</v>
      </c>
      <c r="P17" s="280">
        <v>0</v>
      </c>
      <c r="Q17" s="281">
        <v>0</v>
      </c>
      <c r="R17" s="281">
        <v>0</v>
      </c>
      <c r="S17" s="281">
        <v>0</v>
      </c>
      <c r="T17" s="281">
        <v>0</v>
      </c>
      <c r="U17" s="281">
        <v>0</v>
      </c>
      <c r="V17" s="278">
        <v>0</v>
      </c>
      <c r="W17" s="283">
        <v>0</v>
      </c>
    </row>
    <row r="18" spans="1:23" ht="21" customHeight="1" x14ac:dyDescent="0.2">
      <c r="A18" s="257" t="s">
        <v>16</v>
      </c>
      <c r="B18" s="281">
        <v>0</v>
      </c>
      <c r="C18" s="281">
        <v>0</v>
      </c>
      <c r="D18" s="278">
        <v>0</v>
      </c>
      <c r="E18" s="280">
        <v>0</v>
      </c>
      <c r="F18" s="281">
        <v>60</v>
      </c>
      <c r="G18" s="281">
        <v>42</v>
      </c>
      <c r="H18" s="281">
        <v>44</v>
      </c>
      <c r="I18" s="281">
        <v>0</v>
      </c>
      <c r="J18" s="281">
        <v>22</v>
      </c>
      <c r="K18" s="278">
        <v>168</v>
      </c>
      <c r="L18" s="283">
        <v>168</v>
      </c>
      <c r="M18" s="281">
        <v>0</v>
      </c>
      <c r="N18" s="281">
        <v>0</v>
      </c>
      <c r="O18" s="278">
        <v>0</v>
      </c>
      <c r="P18" s="280">
        <v>0</v>
      </c>
      <c r="Q18" s="281">
        <v>0</v>
      </c>
      <c r="R18" s="281">
        <v>15</v>
      </c>
      <c r="S18" s="281">
        <v>17</v>
      </c>
      <c r="T18" s="281">
        <v>0</v>
      </c>
      <c r="U18" s="281">
        <v>0</v>
      </c>
      <c r="V18" s="278">
        <v>32</v>
      </c>
      <c r="W18" s="283">
        <v>32</v>
      </c>
    </row>
    <row r="19" spans="1:23" ht="21" customHeight="1" x14ac:dyDescent="0.2">
      <c r="A19" s="257" t="s">
        <v>17</v>
      </c>
      <c r="B19" s="281">
        <v>0</v>
      </c>
      <c r="C19" s="281">
        <v>0</v>
      </c>
      <c r="D19" s="278">
        <v>0</v>
      </c>
      <c r="E19" s="280">
        <v>0</v>
      </c>
      <c r="F19" s="281">
        <v>90</v>
      </c>
      <c r="G19" s="281">
        <v>159</v>
      </c>
      <c r="H19" s="281">
        <v>49</v>
      </c>
      <c r="I19" s="281">
        <v>35</v>
      </c>
      <c r="J19" s="281">
        <v>5</v>
      </c>
      <c r="K19" s="278">
        <v>338</v>
      </c>
      <c r="L19" s="283">
        <v>338</v>
      </c>
      <c r="M19" s="281">
        <v>0</v>
      </c>
      <c r="N19" s="281">
        <v>0</v>
      </c>
      <c r="O19" s="278">
        <v>0</v>
      </c>
      <c r="P19" s="280">
        <v>0</v>
      </c>
      <c r="Q19" s="281">
        <v>0</v>
      </c>
      <c r="R19" s="281">
        <v>0</v>
      </c>
      <c r="S19" s="281">
        <v>0</v>
      </c>
      <c r="T19" s="281">
        <v>0</v>
      </c>
      <c r="U19" s="281">
        <v>0</v>
      </c>
      <c r="V19" s="278">
        <v>0</v>
      </c>
      <c r="W19" s="283">
        <v>0</v>
      </c>
    </row>
    <row r="20" spans="1:23" ht="21" customHeight="1" x14ac:dyDescent="0.2">
      <c r="A20" s="257" t="s">
        <v>18</v>
      </c>
      <c r="B20" s="281">
        <v>0</v>
      </c>
      <c r="C20" s="281">
        <v>0</v>
      </c>
      <c r="D20" s="278">
        <v>0</v>
      </c>
      <c r="E20" s="280">
        <v>0</v>
      </c>
      <c r="F20" s="281">
        <v>154</v>
      </c>
      <c r="G20" s="281">
        <v>94</v>
      </c>
      <c r="H20" s="281">
        <v>121</v>
      </c>
      <c r="I20" s="281">
        <v>0</v>
      </c>
      <c r="J20" s="281">
        <v>0</v>
      </c>
      <c r="K20" s="278">
        <v>369</v>
      </c>
      <c r="L20" s="283">
        <v>369</v>
      </c>
      <c r="M20" s="281">
        <v>0</v>
      </c>
      <c r="N20" s="281">
        <v>0</v>
      </c>
      <c r="O20" s="278">
        <v>0</v>
      </c>
      <c r="P20" s="280">
        <v>0</v>
      </c>
      <c r="Q20" s="281">
        <v>0</v>
      </c>
      <c r="R20" s="281">
        <v>0</v>
      </c>
      <c r="S20" s="281">
        <v>33</v>
      </c>
      <c r="T20" s="281">
        <v>0</v>
      </c>
      <c r="U20" s="281">
        <v>0</v>
      </c>
      <c r="V20" s="278">
        <v>33</v>
      </c>
      <c r="W20" s="283">
        <v>33</v>
      </c>
    </row>
    <row r="21" spans="1:23" ht="21" customHeight="1" x14ac:dyDescent="0.2">
      <c r="A21" s="257" t="s">
        <v>19</v>
      </c>
      <c r="B21" s="281">
        <v>0</v>
      </c>
      <c r="C21" s="281">
        <v>0</v>
      </c>
      <c r="D21" s="278">
        <v>0</v>
      </c>
      <c r="E21" s="280">
        <v>0</v>
      </c>
      <c r="F21" s="281">
        <v>85</v>
      </c>
      <c r="G21" s="281">
        <v>24</v>
      </c>
      <c r="H21" s="281">
        <v>25</v>
      </c>
      <c r="I21" s="281">
        <v>20</v>
      </c>
      <c r="J21" s="281">
        <v>0</v>
      </c>
      <c r="K21" s="278">
        <v>154</v>
      </c>
      <c r="L21" s="283">
        <v>154</v>
      </c>
      <c r="M21" s="281">
        <v>0</v>
      </c>
      <c r="N21" s="281">
        <v>0</v>
      </c>
      <c r="O21" s="278">
        <v>0</v>
      </c>
      <c r="P21" s="280">
        <v>0</v>
      </c>
      <c r="Q21" s="281">
        <v>4</v>
      </c>
      <c r="R21" s="281">
        <v>28</v>
      </c>
      <c r="S21" s="281">
        <v>0</v>
      </c>
      <c r="T21" s="281">
        <v>0</v>
      </c>
      <c r="U21" s="281">
        <v>0</v>
      </c>
      <c r="V21" s="278">
        <v>32</v>
      </c>
      <c r="W21" s="283">
        <v>32</v>
      </c>
    </row>
    <row r="22" spans="1:23" ht="21" customHeight="1" x14ac:dyDescent="0.2">
      <c r="A22" s="257" t="s">
        <v>20</v>
      </c>
      <c r="B22" s="281">
        <v>0</v>
      </c>
      <c r="C22" s="281">
        <v>0</v>
      </c>
      <c r="D22" s="278">
        <v>0</v>
      </c>
      <c r="E22" s="280">
        <v>0</v>
      </c>
      <c r="F22" s="281">
        <v>60</v>
      </c>
      <c r="G22" s="281">
        <v>28</v>
      </c>
      <c r="H22" s="281">
        <v>0</v>
      </c>
      <c r="I22" s="281">
        <v>4</v>
      </c>
      <c r="J22" s="281">
        <v>0</v>
      </c>
      <c r="K22" s="278">
        <v>92</v>
      </c>
      <c r="L22" s="283">
        <v>92</v>
      </c>
      <c r="M22" s="281">
        <v>0</v>
      </c>
      <c r="N22" s="281">
        <v>0</v>
      </c>
      <c r="O22" s="278">
        <v>0</v>
      </c>
      <c r="P22" s="280">
        <v>0</v>
      </c>
      <c r="Q22" s="281">
        <v>0</v>
      </c>
      <c r="R22" s="281">
        <v>0</v>
      </c>
      <c r="S22" s="281">
        <v>0</v>
      </c>
      <c r="T22" s="281">
        <v>8</v>
      </c>
      <c r="U22" s="281">
        <v>0</v>
      </c>
      <c r="V22" s="278">
        <v>8</v>
      </c>
      <c r="W22" s="283">
        <v>8</v>
      </c>
    </row>
    <row r="23" spans="1:23" ht="21" customHeight="1" x14ac:dyDescent="0.2">
      <c r="A23" s="257" t="s">
        <v>21</v>
      </c>
      <c r="B23" s="281">
        <v>0</v>
      </c>
      <c r="C23" s="281">
        <v>0</v>
      </c>
      <c r="D23" s="278">
        <v>0</v>
      </c>
      <c r="E23" s="280">
        <v>0</v>
      </c>
      <c r="F23" s="281">
        <v>89</v>
      </c>
      <c r="G23" s="281">
        <v>26</v>
      </c>
      <c r="H23" s="281">
        <v>13</v>
      </c>
      <c r="I23" s="281">
        <v>0</v>
      </c>
      <c r="J23" s="281">
        <v>0</v>
      </c>
      <c r="K23" s="278">
        <v>128</v>
      </c>
      <c r="L23" s="283">
        <v>128</v>
      </c>
      <c r="M23" s="281">
        <v>0</v>
      </c>
      <c r="N23" s="281">
        <v>0</v>
      </c>
      <c r="O23" s="278">
        <v>0</v>
      </c>
      <c r="P23" s="280">
        <v>0</v>
      </c>
      <c r="Q23" s="281">
        <v>0</v>
      </c>
      <c r="R23" s="281">
        <v>0</v>
      </c>
      <c r="S23" s="281">
        <v>0</v>
      </c>
      <c r="T23" s="281">
        <v>0</v>
      </c>
      <c r="U23" s="281">
        <v>0</v>
      </c>
      <c r="V23" s="278">
        <v>0</v>
      </c>
      <c r="W23" s="283">
        <v>0</v>
      </c>
    </row>
    <row r="24" spans="1:23" ht="21" customHeight="1" x14ac:dyDescent="0.2">
      <c r="A24" s="257" t="s">
        <v>22</v>
      </c>
      <c r="B24" s="281">
        <v>0</v>
      </c>
      <c r="C24" s="281">
        <v>0</v>
      </c>
      <c r="D24" s="278">
        <v>0</v>
      </c>
      <c r="E24" s="280">
        <v>0</v>
      </c>
      <c r="F24" s="281">
        <v>57</v>
      </c>
      <c r="G24" s="281">
        <v>6</v>
      </c>
      <c r="H24" s="281">
        <v>0</v>
      </c>
      <c r="I24" s="281">
        <v>2</v>
      </c>
      <c r="J24" s="281">
        <v>0</v>
      </c>
      <c r="K24" s="278">
        <v>65</v>
      </c>
      <c r="L24" s="283">
        <v>65</v>
      </c>
      <c r="M24" s="281">
        <v>0</v>
      </c>
      <c r="N24" s="281">
        <v>0</v>
      </c>
      <c r="O24" s="278">
        <v>0</v>
      </c>
      <c r="P24" s="280">
        <v>0</v>
      </c>
      <c r="Q24" s="281">
        <v>0</v>
      </c>
      <c r="R24" s="281">
        <v>0</v>
      </c>
      <c r="S24" s="281">
        <v>8</v>
      </c>
      <c r="T24" s="281">
        <v>0</v>
      </c>
      <c r="U24" s="281">
        <v>0</v>
      </c>
      <c r="V24" s="278">
        <v>8</v>
      </c>
      <c r="W24" s="283">
        <v>8</v>
      </c>
    </row>
    <row r="25" spans="1:23" ht="21" customHeight="1" x14ac:dyDescent="0.2">
      <c r="A25" s="257" t="s">
        <v>23</v>
      </c>
      <c r="B25" s="281">
        <v>0</v>
      </c>
      <c r="C25" s="281">
        <v>0</v>
      </c>
      <c r="D25" s="278">
        <v>0</v>
      </c>
      <c r="E25" s="280">
        <v>0</v>
      </c>
      <c r="F25" s="281">
        <v>18</v>
      </c>
      <c r="G25" s="281">
        <v>8</v>
      </c>
      <c r="H25" s="281">
        <v>0</v>
      </c>
      <c r="I25" s="281">
        <v>0</v>
      </c>
      <c r="J25" s="281">
        <v>20</v>
      </c>
      <c r="K25" s="278">
        <v>46</v>
      </c>
      <c r="L25" s="283">
        <v>46</v>
      </c>
      <c r="M25" s="281">
        <v>0</v>
      </c>
      <c r="N25" s="281">
        <v>0</v>
      </c>
      <c r="O25" s="278">
        <v>0</v>
      </c>
      <c r="P25" s="280">
        <v>0</v>
      </c>
      <c r="Q25" s="281">
        <v>0</v>
      </c>
      <c r="R25" s="281">
        <v>0</v>
      </c>
      <c r="S25" s="281">
        <v>0</v>
      </c>
      <c r="T25" s="281">
        <v>0</v>
      </c>
      <c r="U25" s="281">
        <v>0</v>
      </c>
      <c r="V25" s="278">
        <v>0</v>
      </c>
      <c r="W25" s="283">
        <v>0</v>
      </c>
    </row>
    <row r="26" spans="1:23" ht="21" customHeight="1" x14ac:dyDescent="0.2">
      <c r="A26" s="257" t="s">
        <v>24</v>
      </c>
      <c r="B26" s="281">
        <v>0</v>
      </c>
      <c r="C26" s="281">
        <v>0</v>
      </c>
      <c r="D26" s="278">
        <v>0</v>
      </c>
      <c r="E26" s="280">
        <v>0</v>
      </c>
      <c r="F26" s="281">
        <v>0</v>
      </c>
      <c r="G26" s="281">
        <v>13</v>
      </c>
      <c r="H26" s="281">
        <v>10</v>
      </c>
      <c r="I26" s="281">
        <v>20</v>
      </c>
      <c r="J26" s="281">
        <v>0</v>
      </c>
      <c r="K26" s="278">
        <v>43</v>
      </c>
      <c r="L26" s="283">
        <v>43</v>
      </c>
      <c r="M26" s="281">
        <v>0</v>
      </c>
      <c r="N26" s="281">
        <v>0</v>
      </c>
      <c r="O26" s="278">
        <v>0</v>
      </c>
      <c r="P26" s="280">
        <v>0</v>
      </c>
      <c r="Q26" s="281">
        <v>0</v>
      </c>
      <c r="R26" s="281">
        <v>9</v>
      </c>
      <c r="S26" s="281">
        <v>0</v>
      </c>
      <c r="T26" s="281">
        <v>0</v>
      </c>
      <c r="U26" s="281">
        <v>21</v>
      </c>
      <c r="V26" s="278">
        <v>30</v>
      </c>
      <c r="W26" s="283">
        <v>30</v>
      </c>
    </row>
    <row r="27" spans="1:23" ht="21" customHeight="1" x14ac:dyDescent="0.2">
      <c r="A27" s="257" t="s">
        <v>25</v>
      </c>
      <c r="B27" s="281">
        <v>0</v>
      </c>
      <c r="C27" s="281">
        <v>0</v>
      </c>
      <c r="D27" s="278">
        <v>0</v>
      </c>
      <c r="E27" s="280">
        <v>0</v>
      </c>
      <c r="F27" s="281">
        <v>30</v>
      </c>
      <c r="G27" s="281">
        <v>0</v>
      </c>
      <c r="H27" s="281">
        <v>0</v>
      </c>
      <c r="I27" s="281">
        <v>0</v>
      </c>
      <c r="J27" s="281">
        <v>0</v>
      </c>
      <c r="K27" s="278">
        <v>30</v>
      </c>
      <c r="L27" s="283">
        <v>30</v>
      </c>
      <c r="M27" s="281">
        <v>0</v>
      </c>
      <c r="N27" s="281">
        <v>0</v>
      </c>
      <c r="O27" s="278">
        <v>0</v>
      </c>
      <c r="P27" s="280">
        <v>0</v>
      </c>
      <c r="Q27" s="281">
        <v>0</v>
      </c>
      <c r="R27" s="281">
        <v>0</v>
      </c>
      <c r="S27" s="281">
        <v>0</v>
      </c>
      <c r="T27" s="281">
        <v>0</v>
      </c>
      <c r="U27" s="281">
        <v>0</v>
      </c>
      <c r="V27" s="278">
        <v>0</v>
      </c>
      <c r="W27" s="283">
        <v>0</v>
      </c>
    </row>
    <row r="28" spans="1:23" ht="21" customHeight="1" x14ac:dyDescent="0.2">
      <c r="A28" s="257" t="s">
        <v>26</v>
      </c>
      <c r="B28" s="281">
        <v>0</v>
      </c>
      <c r="C28" s="281">
        <v>0</v>
      </c>
      <c r="D28" s="278">
        <v>0</v>
      </c>
      <c r="E28" s="280">
        <v>0</v>
      </c>
      <c r="F28" s="281">
        <v>19</v>
      </c>
      <c r="G28" s="281">
        <v>10</v>
      </c>
      <c r="H28" s="281">
        <v>27</v>
      </c>
      <c r="I28" s="281">
        <v>0</v>
      </c>
      <c r="J28" s="281">
        <v>17</v>
      </c>
      <c r="K28" s="278">
        <v>73</v>
      </c>
      <c r="L28" s="283">
        <v>73</v>
      </c>
      <c r="M28" s="281">
        <v>0</v>
      </c>
      <c r="N28" s="281">
        <v>0</v>
      </c>
      <c r="O28" s="278">
        <v>0</v>
      </c>
      <c r="P28" s="280">
        <v>0</v>
      </c>
      <c r="Q28" s="281">
        <v>0</v>
      </c>
      <c r="R28" s="281">
        <v>0</v>
      </c>
      <c r="S28" s="281">
        <v>0</v>
      </c>
      <c r="T28" s="281">
        <v>0</v>
      </c>
      <c r="U28" s="281">
        <v>24</v>
      </c>
      <c r="V28" s="278">
        <v>24</v>
      </c>
      <c r="W28" s="283">
        <v>24</v>
      </c>
    </row>
    <row r="29" spans="1:23" ht="21" customHeight="1" x14ac:dyDescent="0.2">
      <c r="A29" s="257" t="s">
        <v>27</v>
      </c>
      <c r="B29" s="281">
        <v>0</v>
      </c>
      <c r="C29" s="281">
        <v>0</v>
      </c>
      <c r="D29" s="278">
        <v>0</v>
      </c>
      <c r="E29" s="280">
        <v>0</v>
      </c>
      <c r="F29" s="281">
        <v>0</v>
      </c>
      <c r="G29" s="281">
        <v>4</v>
      </c>
      <c r="H29" s="281">
        <v>0</v>
      </c>
      <c r="I29" s="281">
        <v>0</v>
      </c>
      <c r="J29" s="281">
        <v>0</v>
      </c>
      <c r="K29" s="278">
        <v>4</v>
      </c>
      <c r="L29" s="283">
        <v>4</v>
      </c>
      <c r="M29" s="281">
        <v>0</v>
      </c>
      <c r="N29" s="281">
        <v>0</v>
      </c>
      <c r="O29" s="278">
        <v>0</v>
      </c>
      <c r="P29" s="280">
        <v>0</v>
      </c>
      <c r="Q29" s="281">
        <v>4</v>
      </c>
      <c r="R29" s="281">
        <v>0</v>
      </c>
      <c r="S29" s="281">
        <v>0</v>
      </c>
      <c r="T29" s="281">
        <v>0</v>
      </c>
      <c r="U29" s="281">
        <v>0</v>
      </c>
      <c r="V29" s="278">
        <v>4</v>
      </c>
      <c r="W29" s="283">
        <v>4</v>
      </c>
    </row>
    <row r="30" spans="1:23" ht="21" customHeight="1" x14ac:dyDescent="0.2">
      <c r="A30" s="257" t="s">
        <v>28</v>
      </c>
      <c r="B30" s="281">
        <v>0</v>
      </c>
      <c r="C30" s="281">
        <v>0</v>
      </c>
      <c r="D30" s="278">
        <v>0</v>
      </c>
      <c r="E30" s="280">
        <v>0</v>
      </c>
      <c r="F30" s="281">
        <v>39</v>
      </c>
      <c r="G30" s="281">
        <v>8</v>
      </c>
      <c r="H30" s="281">
        <v>0</v>
      </c>
      <c r="I30" s="281">
        <v>0</v>
      </c>
      <c r="J30" s="281">
        <v>0</v>
      </c>
      <c r="K30" s="278">
        <v>47</v>
      </c>
      <c r="L30" s="283">
        <v>47</v>
      </c>
      <c r="M30" s="281">
        <v>0</v>
      </c>
      <c r="N30" s="281">
        <v>0</v>
      </c>
      <c r="O30" s="278">
        <v>0</v>
      </c>
      <c r="P30" s="280">
        <v>0</v>
      </c>
      <c r="Q30" s="281">
        <v>0</v>
      </c>
      <c r="R30" s="281">
        <v>0</v>
      </c>
      <c r="S30" s="281">
        <v>0</v>
      </c>
      <c r="T30" s="281">
        <v>0</v>
      </c>
      <c r="U30" s="281">
        <v>0</v>
      </c>
      <c r="V30" s="278">
        <v>0</v>
      </c>
      <c r="W30" s="283">
        <v>0</v>
      </c>
    </row>
    <row r="31" spans="1:23" ht="21" customHeight="1" x14ac:dyDescent="0.2">
      <c r="A31" s="257" t="s">
        <v>29</v>
      </c>
      <c r="B31" s="281">
        <v>0</v>
      </c>
      <c r="C31" s="281">
        <v>0</v>
      </c>
      <c r="D31" s="278">
        <v>0</v>
      </c>
      <c r="E31" s="280">
        <v>0</v>
      </c>
      <c r="F31" s="281">
        <v>0</v>
      </c>
      <c r="G31" s="281">
        <v>3</v>
      </c>
      <c r="H31" s="281">
        <v>0</v>
      </c>
      <c r="I31" s="281">
        <v>0</v>
      </c>
      <c r="J31" s="281">
        <v>0</v>
      </c>
      <c r="K31" s="278">
        <v>3</v>
      </c>
      <c r="L31" s="283">
        <v>3</v>
      </c>
      <c r="M31" s="281">
        <v>0</v>
      </c>
      <c r="N31" s="281">
        <v>0</v>
      </c>
      <c r="O31" s="278">
        <v>0</v>
      </c>
      <c r="P31" s="280">
        <v>0</v>
      </c>
      <c r="Q31" s="281">
        <v>0</v>
      </c>
      <c r="R31" s="281">
        <v>0</v>
      </c>
      <c r="S31" s="281">
        <v>11</v>
      </c>
      <c r="T31" s="281">
        <v>0</v>
      </c>
      <c r="U31" s="281">
        <v>0</v>
      </c>
      <c r="V31" s="278">
        <v>11</v>
      </c>
      <c r="W31" s="283">
        <v>11</v>
      </c>
    </row>
    <row r="32" spans="1:23" ht="21" customHeight="1" x14ac:dyDescent="0.2">
      <c r="A32" s="257" t="s">
        <v>30</v>
      </c>
      <c r="B32" s="281">
        <v>0</v>
      </c>
      <c r="C32" s="281">
        <v>0</v>
      </c>
      <c r="D32" s="278">
        <v>0</v>
      </c>
      <c r="E32" s="280">
        <v>0</v>
      </c>
      <c r="F32" s="281">
        <v>19</v>
      </c>
      <c r="G32" s="281">
        <v>0</v>
      </c>
      <c r="H32" s="281">
        <v>0</v>
      </c>
      <c r="I32" s="281">
        <v>0</v>
      </c>
      <c r="J32" s="281">
        <v>0</v>
      </c>
      <c r="K32" s="278">
        <v>19</v>
      </c>
      <c r="L32" s="283">
        <v>19</v>
      </c>
      <c r="M32" s="281">
        <v>0</v>
      </c>
      <c r="N32" s="281">
        <v>0</v>
      </c>
      <c r="O32" s="278">
        <v>0</v>
      </c>
      <c r="P32" s="280">
        <v>0</v>
      </c>
      <c r="Q32" s="281">
        <v>0</v>
      </c>
      <c r="R32" s="281">
        <v>4</v>
      </c>
      <c r="S32" s="281">
        <v>0</v>
      </c>
      <c r="T32" s="281">
        <v>0</v>
      </c>
      <c r="U32" s="281">
        <v>0</v>
      </c>
      <c r="V32" s="278">
        <v>4</v>
      </c>
      <c r="W32" s="283">
        <v>4</v>
      </c>
    </row>
    <row r="33" spans="1:23" ht="21" customHeight="1" x14ac:dyDescent="0.2">
      <c r="A33" s="257" t="s">
        <v>31</v>
      </c>
      <c r="B33" s="281">
        <v>0</v>
      </c>
      <c r="C33" s="281">
        <v>0</v>
      </c>
      <c r="D33" s="278">
        <v>0</v>
      </c>
      <c r="E33" s="280">
        <v>0</v>
      </c>
      <c r="F33" s="281">
        <v>7</v>
      </c>
      <c r="G33" s="281">
        <v>8</v>
      </c>
      <c r="H33" s="281">
        <v>13</v>
      </c>
      <c r="I33" s="281">
        <v>0</v>
      </c>
      <c r="J33" s="281">
        <v>0</v>
      </c>
      <c r="K33" s="278">
        <v>28</v>
      </c>
      <c r="L33" s="283">
        <v>28</v>
      </c>
      <c r="M33" s="281">
        <v>0</v>
      </c>
      <c r="N33" s="281">
        <v>0</v>
      </c>
      <c r="O33" s="278">
        <v>0</v>
      </c>
      <c r="P33" s="280">
        <v>0</v>
      </c>
      <c r="Q33" s="281">
        <v>0</v>
      </c>
      <c r="R33" s="281">
        <v>0</v>
      </c>
      <c r="S33" s="281">
        <v>0</v>
      </c>
      <c r="T33" s="281">
        <v>0</v>
      </c>
      <c r="U33" s="281">
        <v>0</v>
      </c>
      <c r="V33" s="278">
        <v>0</v>
      </c>
      <c r="W33" s="283">
        <v>0</v>
      </c>
    </row>
    <row r="34" spans="1:23" ht="21" customHeight="1" x14ac:dyDescent="0.2">
      <c r="A34" s="257" t="s">
        <v>32</v>
      </c>
      <c r="B34" s="281">
        <v>0</v>
      </c>
      <c r="C34" s="281">
        <v>0</v>
      </c>
      <c r="D34" s="278">
        <v>0</v>
      </c>
      <c r="E34" s="280">
        <v>0</v>
      </c>
      <c r="F34" s="281">
        <v>22</v>
      </c>
      <c r="G34" s="281">
        <v>8</v>
      </c>
      <c r="H34" s="281">
        <v>5</v>
      </c>
      <c r="I34" s="281">
        <v>5</v>
      </c>
      <c r="J34" s="281">
        <v>0</v>
      </c>
      <c r="K34" s="278">
        <v>40</v>
      </c>
      <c r="L34" s="283">
        <v>40</v>
      </c>
      <c r="M34" s="281">
        <v>0</v>
      </c>
      <c r="N34" s="281">
        <v>0</v>
      </c>
      <c r="O34" s="278">
        <v>0</v>
      </c>
      <c r="P34" s="280">
        <v>0</v>
      </c>
      <c r="Q34" s="281">
        <v>0</v>
      </c>
      <c r="R34" s="281">
        <v>0</v>
      </c>
      <c r="S34" s="281">
        <v>0</v>
      </c>
      <c r="T34" s="281">
        <v>0</v>
      </c>
      <c r="U34" s="281">
        <v>0</v>
      </c>
      <c r="V34" s="278">
        <v>0</v>
      </c>
      <c r="W34" s="283">
        <v>0</v>
      </c>
    </row>
    <row r="35" spans="1:23" ht="21" customHeight="1" x14ac:dyDescent="0.2">
      <c r="A35" s="257" t="s">
        <v>33</v>
      </c>
      <c r="B35" s="281">
        <v>0</v>
      </c>
      <c r="C35" s="281">
        <v>0</v>
      </c>
      <c r="D35" s="278">
        <v>0</v>
      </c>
      <c r="E35" s="280">
        <v>0</v>
      </c>
      <c r="F35" s="281">
        <v>11</v>
      </c>
      <c r="G35" s="281">
        <v>0</v>
      </c>
      <c r="H35" s="281">
        <v>10</v>
      </c>
      <c r="I35" s="281">
        <v>0</v>
      </c>
      <c r="J35" s="281">
        <v>0</v>
      </c>
      <c r="K35" s="278">
        <v>21</v>
      </c>
      <c r="L35" s="283">
        <v>21</v>
      </c>
      <c r="M35" s="281">
        <v>0</v>
      </c>
      <c r="N35" s="281">
        <v>0</v>
      </c>
      <c r="O35" s="278">
        <v>0</v>
      </c>
      <c r="P35" s="280">
        <v>0</v>
      </c>
      <c r="Q35" s="281">
        <v>0</v>
      </c>
      <c r="R35" s="281">
        <v>0</v>
      </c>
      <c r="S35" s="281">
        <v>0</v>
      </c>
      <c r="T35" s="281">
        <v>0</v>
      </c>
      <c r="U35" s="281">
        <v>0</v>
      </c>
      <c r="V35" s="278">
        <v>0</v>
      </c>
      <c r="W35" s="283">
        <v>0</v>
      </c>
    </row>
    <row r="36" spans="1:23" ht="21" customHeight="1" x14ac:dyDescent="0.2">
      <c r="A36" s="257" t="s">
        <v>34</v>
      </c>
      <c r="B36" s="281">
        <v>0</v>
      </c>
      <c r="C36" s="281">
        <v>0</v>
      </c>
      <c r="D36" s="278">
        <v>0</v>
      </c>
      <c r="E36" s="280">
        <v>0</v>
      </c>
      <c r="F36" s="281">
        <v>0</v>
      </c>
      <c r="G36" s="281">
        <v>0</v>
      </c>
      <c r="H36" s="281">
        <v>0</v>
      </c>
      <c r="I36" s="281">
        <v>0</v>
      </c>
      <c r="J36" s="281">
        <v>0</v>
      </c>
      <c r="K36" s="278">
        <v>0</v>
      </c>
      <c r="L36" s="283">
        <v>0</v>
      </c>
      <c r="M36" s="281">
        <v>0</v>
      </c>
      <c r="N36" s="281">
        <v>0</v>
      </c>
      <c r="O36" s="278">
        <v>0</v>
      </c>
      <c r="P36" s="280">
        <v>0</v>
      </c>
      <c r="Q36" s="281">
        <v>0</v>
      </c>
      <c r="R36" s="281">
        <v>0</v>
      </c>
      <c r="S36" s="281">
        <v>0</v>
      </c>
      <c r="T36" s="281">
        <v>0</v>
      </c>
      <c r="U36" s="281">
        <v>0</v>
      </c>
      <c r="V36" s="278">
        <v>0</v>
      </c>
      <c r="W36" s="283">
        <v>0</v>
      </c>
    </row>
    <row r="37" spans="1:23" ht="21" customHeight="1" x14ac:dyDescent="0.2">
      <c r="A37" s="257" t="s">
        <v>35</v>
      </c>
      <c r="B37" s="281">
        <v>0</v>
      </c>
      <c r="C37" s="281">
        <v>0</v>
      </c>
      <c r="D37" s="278">
        <v>0</v>
      </c>
      <c r="E37" s="280">
        <v>0</v>
      </c>
      <c r="F37" s="281">
        <v>8</v>
      </c>
      <c r="G37" s="281">
        <v>13</v>
      </c>
      <c r="H37" s="281">
        <v>0</v>
      </c>
      <c r="I37" s="281">
        <v>0</v>
      </c>
      <c r="J37" s="281">
        <v>0</v>
      </c>
      <c r="K37" s="278">
        <v>21</v>
      </c>
      <c r="L37" s="283">
        <v>21</v>
      </c>
      <c r="M37" s="281">
        <v>0</v>
      </c>
      <c r="N37" s="281">
        <v>0</v>
      </c>
      <c r="O37" s="278">
        <v>0</v>
      </c>
      <c r="P37" s="280">
        <v>0</v>
      </c>
      <c r="Q37" s="281">
        <v>0</v>
      </c>
      <c r="R37" s="281">
        <v>0</v>
      </c>
      <c r="S37" s="281">
        <v>0</v>
      </c>
      <c r="T37" s="281">
        <v>0</v>
      </c>
      <c r="U37" s="281">
        <v>0</v>
      </c>
      <c r="V37" s="278">
        <v>0</v>
      </c>
      <c r="W37" s="283">
        <v>0</v>
      </c>
    </row>
    <row r="38" spans="1:23" ht="21" customHeight="1" x14ac:dyDescent="0.2">
      <c r="A38" s="257" t="s">
        <v>36</v>
      </c>
      <c r="B38" s="281">
        <v>0</v>
      </c>
      <c r="C38" s="281">
        <v>0</v>
      </c>
      <c r="D38" s="278">
        <v>0</v>
      </c>
      <c r="E38" s="280">
        <v>0</v>
      </c>
      <c r="F38" s="281">
        <v>0</v>
      </c>
      <c r="G38" s="281">
        <v>24</v>
      </c>
      <c r="H38" s="281">
        <v>0</v>
      </c>
      <c r="I38" s="281">
        <v>25</v>
      </c>
      <c r="J38" s="281">
        <v>9</v>
      </c>
      <c r="K38" s="278">
        <v>58</v>
      </c>
      <c r="L38" s="283">
        <v>58</v>
      </c>
      <c r="M38" s="281">
        <v>0</v>
      </c>
      <c r="N38" s="281">
        <v>0</v>
      </c>
      <c r="O38" s="278">
        <v>0</v>
      </c>
      <c r="P38" s="280">
        <v>0</v>
      </c>
      <c r="Q38" s="281">
        <v>0</v>
      </c>
      <c r="R38" s="281">
        <v>0</v>
      </c>
      <c r="S38" s="281">
        <v>0</v>
      </c>
      <c r="T38" s="281">
        <v>0</v>
      </c>
      <c r="U38" s="281">
        <v>0</v>
      </c>
      <c r="V38" s="278">
        <v>0</v>
      </c>
      <c r="W38" s="283">
        <v>0</v>
      </c>
    </row>
    <row r="39" spans="1:23" ht="21" customHeight="1" thickBot="1" x14ac:dyDescent="0.25">
      <c r="A39" s="258" t="s">
        <v>37</v>
      </c>
      <c r="B39" s="288">
        <v>0</v>
      </c>
      <c r="C39" s="288">
        <v>0</v>
      </c>
      <c r="D39" s="285">
        <v>0</v>
      </c>
      <c r="E39" s="287">
        <v>0</v>
      </c>
      <c r="F39" s="288">
        <v>0</v>
      </c>
      <c r="G39" s="288">
        <v>0</v>
      </c>
      <c r="H39" s="288">
        <v>6</v>
      </c>
      <c r="I39" s="288">
        <v>0</v>
      </c>
      <c r="J39" s="288">
        <v>8</v>
      </c>
      <c r="K39" s="285">
        <v>14</v>
      </c>
      <c r="L39" s="290">
        <v>14</v>
      </c>
      <c r="M39" s="288">
        <v>0</v>
      </c>
      <c r="N39" s="288">
        <v>0</v>
      </c>
      <c r="O39" s="285">
        <v>0</v>
      </c>
      <c r="P39" s="287">
        <v>0</v>
      </c>
      <c r="Q39" s="288">
        <v>0</v>
      </c>
      <c r="R39" s="288">
        <v>0</v>
      </c>
      <c r="S39" s="288">
        <v>0</v>
      </c>
      <c r="T39" s="288">
        <v>0</v>
      </c>
      <c r="U39" s="288">
        <v>0</v>
      </c>
      <c r="V39" s="285">
        <v>0</v>
      </c>
      <c r="W39" s="290">
        <v>0</v>
      </c>
    </row>
  </sheetData>
  <mergeCells count="11">
    <mergeCell ref="W4:W5"/>
    <mergeCell ref="G1:H1"/>
    <mergeCell ref="J1:K1"/>
    <mergeCell ref="A3:A5"/>
    <mergeCell ref="B3:L3"/>
    <mergeCell ref="M3:W3"/>
    <mergeCell ref="B4:D4"/>
    <mergeCell ref="E4:K4"/>
    <mergeCell ref="L4:L5"/>
    <mergeCell ref="M4:O4"/>
    <mergeCell ref="P4:V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B219"/>
  <sheetViews>
    <sheetView zoomScaleNormal="100" zoomScaleSheetLayoutView="55"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9" style="1" customWidth="1"/>
    <col min="3" max="3" width="8.109375" style="1" customWidth="1"/>
    <col min="4" max="4" width="10.109375" style="1" bestFit="1" customWidth="1"/>
    <col min="5" max="10" width="9" style="1"/>
    <col min="11" max="11" width="9.6640625" style="1" customWidth="1"/>
    <col min="12" max="14" width="8.109375" style="1" customWidth="1"/>
    <col min="15" max="20" width="9.21875" style="1" customWidth="1"/>
    <col min="21" max="21" width="7.77734375" style="1" customWidth="1"/>
    <col min="22" max="24" width="8.33203125" style="1" customWidth="1"/>
    <col min="25" max="29" width="8.44140625" style="1" customWidth="1"/>
    <col min="30" max="31" width="7.109375" style="1" customWidth="1"/>
    <col min="32" max="41" width="8.77734375" style="1" customWidth="1"/>
    <col min="42" max="51" width="8.44140625" style="1" customWidth="1"/>
    <col min="52" max="131" width="9.6640625" style="1" customWidth="1"/>
    <col min="132" max="16384" width="9" style="1"/>
  </cols>
  <sheetData>
    <row r="1" spans="1:132" ht="25.5" customHeight="1" x14ac:dyDescent="0.2">
      <c r="A1" s="20" t="s">
        <v>56</v>
      </c>
      <c r="D1" s="368">
        <f>第１表!F2</f>
        <v>4</v>
      </c>
      <c r="E1" s="251">
        <f>第１表!G2</f>
        <v>6</v>
      </c>
      <c r="F1" s="555">
        <f>IF(E1&lt;3,E1-2+12,E1-2)</f>
        <v>4</v>
      </c>
      <c r="G1" s="555"/>
    </row>
    <row r="2" spans="1:132" ht="17.25" customHeight="1" thickBot="1" x14ac:dyDescent="0.25"/>
    <row r="3" spans="1:132" ht="24.75" customHeight="1" thickBot="1" x14ac:dyDescent="0.25">
      <c r="A3" s="573"/>
      <c r="B3" s="576" t="s">
        <v>57</v>
      </c>
      <c r="C3" s="577"/>
      <c r="D3" s="577"/>
      <c r="E3" s="577"/>
      <c r="F3" s="577"/>
      <c r="G3" s="577"/>
      <c r="H3" s="577"/>
      <c r="I3" s="577"/>
      <c r="J3" s="577"/>
      <c r="K3" s="577"/>
      <c r="L3" s="577"/>
      <c r="M3" s="577"/>
      <c r="N3" s="577"/>
      <c r="O3" s="577"/>
      <c r="P3" s="577"/>
      <c r="Q3" s="577"/>
      <c r="R3" s="577"/>
      <c r="S3" s="577"/>
      <c r="T3" s="577"/>
      <c r="U3" s="577"/>
      <c r="V3" s="577"/>
      <c r="W3" s="577"/>
      <c r="X3" s="577"/>
      <c r="Y3" s="577"/>
      <c r="Z3" s="577"/>
      <c r="AA3" s="577"/>
      <c r="AB3" s="577"/>
      <c r="AC3" s="577"/>
      <c r="AD3" s="577"/>
      <c r="AE3" s="578"/>
      <c r="AF3" s="576" t="s">
        <v>58</v>
      </c>
      <c r="AG3" s="579"/>
      <c r="AH3" s="579"/>
      <c r="AI3" s="579"/>
      <c r="AJ3" s="579"/>
      <c r="AK3" s="579"/>
      <c r="AL3" s="579"/>
      <c r="AM3" s="579"/>
      <c r="AN3" s="579"/>
      <c r="AO3" s="579"/>
      <c r="AP3" s="579"/>
      <c r="AQ3" s="579"/>
      <c r="AR3" s="579"/>
      <c r="AS3" s="579"/>
      <c r="AT3" s="579"/>
      <c r="AU3" s="579"/>
      <c r="AV3" s="579"/>
      <c r="AW3" s="579"/>
      <c r="AX3" s="579"/>
      <c r="AY3" s="579"/>
      <c r="AZ3" s="579"/>
      <c r="BA3" s="579"/>
      <c r="BB3" s="579"/>
      <c r="BC3" s="579"/>
      <c r="BD3" s="579"/>
      <c r="BE3" s="579"/>
      <c r="BF3" s="579"/>
      <c r="BG3" s="579"/>
      <c r="BH3" s="579"/>
      <c r="BI3" s="580"/>
      <c r="BJ3" s="576" t="s">
        <v>59</v>
      </c>
      <c r="BK3" s="577"/>
      <c r="BL3" s="577"/>
      <c r="BM3" s="577"/>
      <c r="BN3" s="577"/>
      <c r="BO3" s="577"/>
      <c r="BP3" s="577"/>
      <c r="BQ3" s="577"/>
      <c r="BR3" s="577"/>
      <c r="BS3" s="577"/>
      <c r="BT3" s="577"/>
      <c r="BU3" s="577"/>
      <c r="BV3" s="577"/>
      <c r="BW3" s="577"/>
      <c r="BX3" s="577"/>
      <c r="BY3" s="577"/>
      <c r="BZ3" s="577"/>
      <c r="CA3" s="577"/>
      <c r="CB3" s="577"/>
      <c r="CC3" s="577"/>
      <c r="CD3" s="577"/>
      <c r="CE3" s="577"/>
      <c r="CF3" s="577"/>
      <c r="CG3" s="577"/>
      <c r="CH3" s="577"/>
      <c r="CI3" s="577"/>
      <c r="CJ3" s="577"/>
      <c r="CK3" s="577"/>
      <c r="CL3" s="577"/>
      <c r="CM3" s="578"/>
      <c r="CN3" s="605" t="s">
        <v>151</v>
      </c>
      <c r="CO3" s="577"/>
      <c r="CP3" s="577"/>
      <c r="CQ3" s="577"/>
      <c r="CR3" s="577"/>
      <c r="CS3" s="577"/>
      <c r="CT3" s="577"/>
      <c r="CU3" s="577"/>
      <c r="CV3" s="577"/>
      <c r="CW3" s="577"/>
      <c r="CX3" s="577"/>
      <c r="CY3" s="577"/>
      <c r="CZ3" s="577"/>
      <c r="DA3" s="577"/>
      <c r="DB3" s="577"/>
      <c r="DC3" s="577"/>
      <c r="DD3" s="577"/>
      <c r="DE3" s="577"/>
      <c r="DF3" s="577"/>
      <c r="DG3" s="577"/>
      <c r="DH3" s="577"/>
      <c r="DI3" s="577"/>
      <c r="DJ3" s="577"/>
      <c r="DK3" s="577"/>
      <c r="DL3" s="577"/>
      <c r="DM3" s="577"/>
      <c r="DN3" s="577"/>
      <c r="DO3" s="577"/>
      <c r="DP3" s="577"/>
      <c r="DQ3" s="578"/>
      <c r="DR3" s="599" t="s">
        <v>60</v>
      </c>
      <c r="DS3" s="503"/>
      <c r="DT3" s="503"/>
      <c r="DU3" s="503"/>
      <c r="DV3" s="503"/>
      <c r="DW3" s="503"/>
      <c r="DX3" s="503"/>
      <c r="DY3" s="503"/>
      <c r="DZ3" s="503"/>
      <c r="EA3" s="504"/>
    </row>
    <row r="4" spans="1:132" ht="24.75" customHeight="1" thickBot="1" x14ac:dyDescent="0.25">
      <c r="A4" s="574"/>
      <c r="B4" s="600"/>
      <c r="C4" s="593"/>
      <c r="D4" s="593"/>
      <c r="E4" s="593"/>
      <c r="F4" s="593"/>
      <c r="G4" s="593"/>
      <c r="H4" s="593"/>
      <c r="I4" s="593"/>
      <c r="J4" s="593"/>
      <c r="K4" s="593"/>
      <c r="L4" s="602" t="s">
        <v>39</v>
      </c>
      <c r="M4" s="603"/>
      <c r="N4" s="603"/>
      <c r="O4" s="603"/>
      <c r="P4" s="603"/>
      <c r="Q4" s="603"/>
      <c r="R4" s="603"/>
      <c r="S4" s="603"/>
      <c r="T4" s="603"/>
      <c r="U4" s="604"/>
      <c r="V4" s="602" t="s">
        <v>40</v>
      </c>
      <c r="W4" s="603"/>
      <c r="X4" s="603"/>
      <c r="Y4" s="603"/>
      <c r="Z4" s="603"/>
      <c r="AA4" s="603"/>
      <c r="AB4" s="603"/>
      <c r="AC4" s="603"/>
      <c r="AD4" s="603"/>
      <c r="AE4" s="604"/>
      <c r="AF4" s="600"/>
      <c r="AG4" s="593"/>
      <c r="AH4" s="593"/>
      <c r="AI4" s="593"/>
      <c r="AJ4" s="593"/>
      <c r="AK4" s="593"/>
      <c r="AL4" s="593"/>
      <c r="AM4" s="593"/>
      <c r="AN4" s="593"/>
      <c r="AO4" s="593"/>
      <c r="AP4" s="602" t="s">
        <v>39</v>
      </c>
      <c r="AQ4" s="603"/>
      <c r="AR4" s="603"/>
      <c r="AS4" s="603"/>
      <c r="AT4" s="603"/>
      <c r="AU4" s="603"/>
      <c r="AV4" s="603"/>
      <c r="AW4" s="603"/>
      <c r="AX4" s="603"/>
      <c r="AY4" s="604"/>
      <c r="AZ4" s="602" t="s">
        <v>40</v>
      </c>
      <c r="BA4" s="603"/>
      <c r="BB4" s="603"/>
      <c r="BC4" s="603"/>
      <c r="BD4" s="603"/>
      <c r="BE4" s="603"/>
      <c r="BF4" s="603"/>
      <c r="BG4" s="603"/>
      <c r="BH4" s="603"/>
      <c r="BI4" s="604"/>
      <c r="BJ4" s="600"/>
      <c r="BK4" s="593"/>
      <c r="BL4" s="593"/>
      <c r="BM4" s="593"/>
      <c r="BN4" s="593"/>
      <c r="BO4" s="593"/>
      <c r="BP4" s="593"/>
      <c r="BQ4" s="593"/>
      <c r="BR4" s="593"/>
      <c r="BS4" s="593"/>
      <c r="BT4" s="602" t="s">
        <v>39</v>
      </c>
      <c r="BU4" s="603"/>
      <c r="BV4" s="603"/>
      <c r="BW4" s="603"/>
      <c r="BX4" s="603"/>
      <c r="BY4" s="603"/>
      <c r="BZ4" s="603"/>
      <c r="CA4" s="603"/>
      <c r="CB4" s="603"/>
      <c r="CC4" s="604"/>
      <c r="CD4" s="602" t="s">
        <v>40</v>
      </c>
      <c r="CE4" s="603"/>
      <c r="CF4" s="603"/>
      <c r="CG4" s="603"/>
      <c r="CH4" s="603"/>
      <c r="CI4" s="603"/>
      <c r="CJ4" s="603"/>
      <c r="CK4" s="603"/>
      <c r="CL4" s="603"/>
      <c r="CM4" s="604"/>
      <c r="CN4" s="600"/>
      <c r="CO4" s="593"/>
      <c r="CP4" s="593"/>
      <c r="CQ4" s="593"/>
      <c r="CR4" s="593"/>
      <c r="CS4" s="593"/>
      <c r="CT4" s="593"/>
      <c r="CU4" s="593"/>
      <c r="CV4" s="593"/>
      <c r="CW4" s="593"/>
      <c r="CX4" s="602" t="s">
        <v>39</v>
      </c>
      <c r="CY4" s="603"/>
      <c r="CZ4" s="603"/>
      <c r="DA4" s="603"/>
      <c r="DB4" s="603"/>
      <c r="DC4" s="603"/>
      <c r="DD4" s="603"/>
      <c r="DE4" s="603"/>
      <c r="DF4" s="603"/>
      <c r="DG4" s="604"/>
      <c r="DH4" s="602" t="s">
        <v>40</v>
      </c>
      <c r="DI4" s="603"/>
      <c r="DJ4" s="603"/>
      <c r="DK4" s="603"/>
      <c r="DL4" s="603"/>
      <c r="DM4" s="603"/>
      <c r="DN4" s="603"/>
      <c r="DO4" s="603"/>
      <c r="DP4" s="603"/>
      <c r="DQ4" s="604"/>
      <c r="DR4" s="600"/>
      <c r="DS4" s="593"/>
      <c r="DT4" s="593"/>
      <c r="DU4" s="593"/>
      <c r="DV4" s="593"/>
      <c r="DW4" s="593"/>
      <c r="DX4" s="593"/>
      <c r="DY4" s="593"/>
      <c r="DZ4" s="593"/>
      <c r="EA4" s="601"/>
    </row>
    <row r="5" spans="1:132" ht="24.75" customHeight="1" x14ac:dyDescent="0.2">
      <c r="A5" s="575"/>
      <c r="B5" s="581" t="s">
        <v>61</v>
      </c>
      <c r="C5" s="582"/>
      <c r="D5" s="583"/>
      <c r="E5" s="584" t="s">
        <v>62</v>
      </c>
      <c r="F5" s="585"/>
      <c r="G5" s="585"/>
      <c r="H5" s="585"/>
      <c r="I5" s="585"/>
      <c r="J5" s="586"/>
      <c r="K5" s="597" t="s">
        <v>52</v>
      </c>
      <c r="L5" s="589" t="s">
        <v>61</v>
      </c>
      <c r="M5" s="590"/>
      <c r="N5" s="591"/>
      <c r="O5" s="592" t="s">
        <v>62</v>
      </c>
      <c r="P5" s="593"/>
      <c r="Q5" s="593"/>
      <c r="R5" s="593"/>
      <c r="S5" s="593"/>
      <c r="T5" s="594"/>
      <c r="U5" s="598" t="s">
        <v>52</v>
      </c>
      <c r="V5" s="606" t="s">
        <v>61</v>
      </c>
      <c r="W5" s="590"/>
      <c r="X5" s="591"/>
      <c r="Y5" s="592" t="s">
        <v>62</v>
      </c>
      <c r="Z5" s="593"/>
      <c r="AA5" s="593"/>
      <c r="AB5" s="593"/>
      <c r="AC5" s="593"/>
      <c r="AD5" s="594"/>
      <c r="AE5" s="598" t="s">
        <v>52</v>
      </c>
      <c r="AF5" s="581" t="s">
        <v>61</v>
      </c>
      <c r="AG5" s="582"/>
      <c r="AH5" s="583"/>
      <c r="AI5" s="584" t="s">
        <v>62</v>
      </c>
      <c r="AJ5" s="585"/>
      <c r="AK5" s="585"/>
      <c r="AL5" s="585"/>
      <c r="AM5" s="585"/>
      <c r="AN5" s="586"/>
      <c r="AO5" s="587" t="s">
        <v>52</v>
      </c>
      <c r="AP5" s="589" t="s">
        <v>61</v>
      </c>
      <c r="AQ5" s="590"/>
      <c r="AR5" s="591"/>
      <c r="AS5" s="592" t="s">
        <v>62</v>
      </c>
      <c r="AT5" s="593"/>
      <c r="AU5" s="593"/>
      <c r="AV5" s="593"/>
      <c r="AW5" s="593"/>
      <c r="AX5" s="594"/>
      <c r="AY5" s="595" t="s">
        <v>52</v>
      </c>
      <c r="AZ5" s="589" t="s">
        <v>61</v>
      </c>
      <c r="BA5" s="590"/>
      <c r="BB5" s="591"/>
      <c r="BC5" s="592" t="s">
        <v>62</v>
      </c>
      <c r="BD5" s="593"/>
      <c r="BE5" s="593"/>
      <c r="BF5" s="593"/>
      <c r="BG5" s="593"/>
      <c r="BH5" s="594"/>
      <c r="BI5" s="598" t="s">
        <v>52</v>
      </c>
      <c r="BJ5" s="581" t="s">
        <v>61</v>
      </c>
      <c r="BK5" s="582"/>
      <c r="BL5" s="583"/>
      <c r="BM5" s="584" t="s">
        <v>62</v>
      </c>
      <c r="BN5" s="585"/>
      <c r="BO5" s="585"/>
      <c r="BP5" s="585"/>
      <c r="BQ5" s="585"/>
      <c r="BR5" s="586"/>
      <c r="BS5" s="597" t="s">
        <v>52</v>
      </c>
      <c r="BT5" s="589" t="s">
        <v>61</v>
      </c>
      <c r="BU5" s="590"/>
      <c r="BV5" s="591"/>
      <c r="BW5" s="592" t="s">
        <v>62</v>
      </c>
      <c r="BX5" s="593"/>
      <c r="BY5" s="593"/>
      <c r="BZ5" s="593"/>
      <c r="CA5" s="593"/>
      <c r="CB5" s="594"/>
      <c r="CC5" s="598" t="s">
        <v>52</v>
      </c>
      <c r="CD5" s="606" t="s">
        <v>61</v>
      </c>
      <c r="CE5" s="590"/>
      <c r="CF5" s="591"/>
      <c r="CG5" s="592" t="s">
        <v>62</v>
      </c>
      <c r="CH5" s="593"/>
      <c r="CI5" s="593"/>
      <c r="CJ5" s="593"/>
      <c r="CK5" s="593"/>
      <c r="CL5" s="594"/>
      <c r="CM5" s="598" t="s">
        <v>52</v>
      </c>
      <c r="CN5" s="581" t="s">
        <v>61</v>
      </c>
      <c r="CO5" s="582"/>
      <c r="CP5" s="583"/>
      <c r="CQ5" s="584" t="s">
        <v>62</v>
      </c>
      <c r="CR5" s="585"/>
      <c r="CS5" s="585"/>
      <c r="CT5" s="585"/>
      <c r="CU5" s="585"/>
      <c r="CV5" s="586"/>
      <c r="CW5" s="597" t="s">
        <v>52</v>
      </c>
      <c r="CX5" s="589" t="s">
        <v>61</v>
      </c>
      <c r="CY5" s="590"/>
      <c r="CZ5" s="591"/>
      <c r="DA5" s="592" t="s">
        <v>62</v>
      </c>
      <c r="DB5" s="593"/>
      <c r="DC5" s="593"/>
      <c r="DD5" s="593"/>
      <c r="DE5" s="593"/>
      <c r="DF5" s="594"/>
      <c r="DG5" s="598" t="s">
        <v>52</v>
      </c>
      <c r="DH5" s="606" t="s">
        <v>61</v>
      </c>
      <c r="DI5" s="590"/>
      <c r="DJ5" s="591"/>
      <c r="DK5" s="592" t="s">
        <v>62</v>
      </c>
      <c r="DL5" s="593"/>
      <c r="DM5" s="593"/>
      <c r="DN5" s="593"/>
      <c r="DO5" s="593"/>
      <c r="DP5" s="594"/>
      <c r="DQ5" s="598" t="s">
        <v>52</v>
      </c>
      <c r="DR5" s="581" t="s">
        <v>61</v>
      </c>
      <c r="DS5" s="582"/>
      <c r="DT5" s="583"/>
      <c r="DU5" s="584" t="s">
        <v>62</v>
      </c>
      <c r="DV5" s="585"/>
      <c r="DW5" s="585"/>
      <c r="DX5" s="585"/>
      <c r="DY5" s="585"/>
      <c r="DZ5" s="586"/>
      <c r="EA5" s="587" t="s">
        <v>52</v>
      </c>
    </row>
    <row r="6" spans="1:132" ht="24.75" customHeight="1" thickBot="1" x14ac:dyDescent="0.25">
      <c r="A6" s="314" t="s">
        <v>42</v>
      </c>
      <c r="B6" s="31" t="s">
        <v>43</v>
      </c>
      <c r="C6" s="32" t="s">
        <v>44</v>
      </c>
      <c r="D6" s="32" t="s">
        <v>45</v>
      </c>
      <c r="E6" s="33" t="s">
        <v>47</v>
      </c>
      <c r="F6" s="34" t="s">
        <v>48</v>
      </c>
      <c r="G6" s="34" t="s">
        <v>49</v>
      </c>
      <c r="H6" s="35" t="s">
        <v>50</v>
      </c>
      <c r="I6" s="32" t="s">
        <v>51</v>
      </c>
      <c r="J6" s="36" t="s">
        <v>95</v>
      </c>
      <c r="K6" s="596"/>
      <c r="L6" s="31" t="s">
        <v>43</v>
      </c>
      <c r="M6" s="32" t="s">
        <v>44</v>
      </c>
      <c r="N6" s="36" t="s">
        <v>45</v>
      </c>
      <c r="O6" s="33" t="s">
        <v>47</v>
      </c>
      <c r="P6" s="34" t="s">
        <v>48</v>
      </c>
      <c r="Q6" s="34" t="s">
        <v>49</v>
      </c>
      <c r="R6" s="35" t="s">
        <v>50</v>
      </c>
      <c r="S6" s="32" t="s">
        <v>51</v>
      </c>
      <c r="T6" s="36" t="s">
        <v>45</v>
      </c>
      <c r="U6" s="588"/>
      <c r="V6" s="15" t="s">
        <v>43</v>
      </c>
      <c r="W6" s="32" t="s">
        <v>44</v>
      </c>
      <c r="X6" s="36" t="s">
        <v>45</v>
      </c>
      <c r="Y6" s="15" t="s">
        <v>47</v>
      </c>
      <c r="Z6" s="34" t="s">
        <v>48</v>
      </c>
      <c r="AA6" s="34" t="s">
        <v>49</v>
      </c>
      <c r="AB6" s="35" t="s">
        <v>50</v>
      </c>
      <c r="AC6" s="32" t="s">
        <v>51</v>
      </c>
      <c r="AD6" s="36" t="s">
        <v>45</v>
      </c>
      <c r="AE6" s="588"/>
      <c r="AF6" s="31" t="s">
        <v>43</v>
      </c>
      <c r="AG6" s="32" t="s">
        <v>44</v>
      </c>
      <c r="AH6" s="36" t="s">
        <v>45</v>
      </c>
      <c r="AI6" s="15" t="s">
        <v>47</v>
      </c>
      <c r="AJ6" s="34" t="s">
        <v>48</v>
      </c>
      <c r="AK6" s="34" t="s">
        <v>49</v>
      </c>
      <c r="AL6" s="35" t="s">
        <v>50</v>
      </c>
      <c r="AM6" s="32" t="s">
        <v>51</v>
      </c>
      <c r="AN6" s="36" t="s">
        <v>45</v>
      </c>
      <c r="AO6" s="588"/>
      <c r="AP6" s="31" t="s">
        <v>43</v>
      </c>
      <c r="AQ6" s="32" t="s">
        <v>44</v>
      </c>
      <c r="AR6" s="36" t="s">
        <v>45</v>
      </c>
      <c r="AS6" s="33" t="s">
        <v>47</v>
      </c>
      <c r="AT6" s="34" t="s">
        <v>48</v>
      </c>
      <c r="AU6" s="34" t="s">
        <v>49</v>
      </c>
      <c r="AV6" s="35" t="s">
        <v>50</v>
      </c>
      <c r="AW6" s="32" t="s">
        <v>51</v>
      </c>
      <c r="AX6" s="36" t="s">
        <v>45</v>
      </c>
      <c r="AY6" s="596"/>
      <c r="AZ6" s="31" t="s">
        <v>43</v>
      </c>
      <c r="BA6" s="32" t="s">
        <v>44</v>
      </c>
      <c r="BB6" s="32" t="s">
        <v>45</v>
      </c>
      <c r="BC6" s="33" t="s">
        <v>47</v>
      </c>
      <c r="BD6" s="34" t="s">
        <v>48</v>
      </c>
      <c r="BE6" s="34" t="s">
        <v>49</v>
      </c>
      <c r="BF6" s="35" t="s">
        <v>50</v>
      </c>
      <c r="BG6" s="32" t="s">
        <v>51</v>
      </c>
      <c r="BH6" s="36" t="s">
        <v>45</v>
      </c>
      <c r="BI6" s="588"/>
      <c r="BJ6" s="31" t="s">
        <v>43</v>
      </c>
      <c r="BK6" s="32" t="s">
        <v>44</v>
      </c>
      <c r="BL6" s="32" t="s">
        <v>45</v>
      </c>
      <c r="BM6" s="33" t="s">
        <v>47</v>
      </c>
      <c r="BN6" s="34" t="s">
        <v>48</v>
      </c>
      <c r="BO6" s="34" t="s">
        <v>49</v>
      </c>
      <c r="BP6" s="35" t="s">
        <v>50</v>
      </c>
      <c r="BQ6" s="32" t="s">
        <v>51</v>
      </c>
      <c r="BR6" s="36" t="s">
        <v>45</v>
      </c>
      <c r="BS6" s="596"/>
      <c r="BT6" s="31" t="s">
        <v>43</v>
      </c>
      <c r="BU6" s="32" t="s">
        <v>44</v>
      </c>
      <c r="BV6" s="32" t="s">
        <v>45</v>
      </c>
      <c r="BW6" s="33" t="s">
        <v>47</v>
      </c>
      <c r="BX6" s="34" t="s">
        <v>48</v>
      </c>
      <c r="BY6" s="34" t="s">
        <v>49</v>
      </c>
      <c r="BZ6" s="35" t="s">
        <v>50</v>
      </c>
      <c r="CA6" s="32" t="s">
        <v>51</v>
      </c>
      <c r="CB6" s="36" t="s">
        <v>45</v>
      </c>
      <c r="CC6" s="588"/>
      <c r="CD6" s="15" t="s">
        <v>43</v>
      </c>
      <c r="CE6" s="32" t="s">
        <v>44</v>
      </c>
      <c r="CF6" s="32" t="s">
        <v>45</v>
      </c>
      <c r="CG6" s="33" t="s">
        <v>47</v>
      </c>
      <c r="CH6" s="34" t="s">
        <v>48</v>
      </c>
      <c r="CI6" s="34" t="s">
        <v>49</v>
      </c>
      <c r="CJ6" s="35" t="s">
        <v>50</v>
      </c>
      <c r="CK6" s="32" t="s">
        <v>51</v>
      </c>
      <c r="CL6" s="36" t="s">
        <v>45</v>
      </c>
      <c r="CM6" s="588"/>
      <c r="CN6" s="31" t="s">
        <v>43</v>
      </c>
      <c r="CO6" s="32" t="s">
        <v>44</v>
      </c>
      <c r="CP6" s="32" t="s">
        <v>45</v>
      </c>
      <c r="CQ6" s="33" t="s">
        <v>47</v>
      </c>
      <c r="CR6" s="34" t="s">
        <v>48</v>
      </c>
      <c r="CS6" s="34" t="s">
        <v>49</v>
      </c>
      <c r="CT6" s="35" t="s">
        <v>50</v>
      </c>
      <c r="CU6" s="32" t="s">
        <v>51</v>
      </c>
      <c r="CV6" s="36" t="s">
        <v>45</v>
      </c>
      <c r="CW6" s="596"/>
      <c r="CX6" s="31" t="s">
        <v>43</v>
      </c>
      <c r="CY6" s="32" t="s">
        <v>44</v>
      </c>
      <c r="CZ6" s="32" t="s">
        <v>45</v>
      </c>
      <c r="DA6" s="33" t="s">
        <v>47</v>
      </c>
      <c r="DB6" s="34" t="s">
        <v>48</v>
      </c>
      <c r="DC6" s="34" t="s">
        <v>49</v>
      </c>
      <c r="DD6" s="35" t="s">
        <v>50</v>
      </c>
      <c r="DE6" s="32" t="s">
        <v>51</v>
      </c>
      <c r="DF6" s="36" t="s">
        <v>45</v>
      </c>
      <c r="DG6" s="588"/>
      <c r="DH6" s="15" t="s">
        <v>43</v>
      </c>
      <c r="DI6" s="32" t="s">
        <v>44</v>
      </c>
      <c r="DJ6" s="32" t="s">
        <v>45</v>
      </c>
      <c r="DK6" s="33" t="s">
        <v>47</v>
      </c>
      <c r="DL6" s="34" t="s">
        <v>48</v>
      </c>
      <c r="DM6" s="34" t="s">
        <v>49</v>
      </c>
      <c r="DN6" s="35" t="s">
        <v>50</v>
      </c>
      <c r="DO6" s="32" t="s">
        <v>51</v>
      </c>
      <c r="DP6" s="36" t="s">
        <v>45</v>
      </c>
      <c r="DQ6" s="588"/>
      <c r="DR6" s="31" t="s">
        <v>43</v>
      </c>
      <c r="DS6" s="32" t="s">
        <v>44</v>
      </c>
      <c r="DT6" s="32" t="s">
        <v>45</v>
      </c>
      <c r="DU6" s="33" t="s">
        <v>47</v>
      </c>
      <c r="DV6" s="34" t="s">
        <v>48</v>
      </c>
      <c r="DW6" s="34" t="s">
        <v>49</v>
      </c>
      <c r="DX6" s="35" t="s">
        <v>50</v>
      </c>
      <c r="DY6" s="32" t="s">
        <v>51</v>
      </c>
      <c r="DZ6" s="36" t="s">
        <v>45</v>
      </c>
      <c r="EA6" s="588"/>
    </row>
    <row r="7" spans="1:132" ht="20.25" customHeight="1" x14ac:dyDescent="0.2">
      <c r="A7" s="313" t="s">
        <v>4</v>
      </c>
      <c r="B7" s="185">
        <v>0</v>
      </c>
      <c r="C7" s="186">
        <v>0</v>
      </c>
      <c r="D7" s="186">
        <v>0</v>
      </c>
      <c r="E7" s="187">
        <v>434</v>
      </c>
      <c r="F7" s="188">
        <v>1495</v>
      </c>
      <c r="G7" s="188">
        <v>9825</v>
      </c>
      <c r="H7" s="188">
        <v>14292</v>
      </c>
      <c r="I7" s="186">
        <v>10191</v>
      </c>
      <c r="J7" s="189">
        <v>36237</v>
      </c>
      <c r="K7" s="190">
        <v>36237</v>
      </c>
      <c r="L7" s="185">
        <v>0</v>
      </c>
      <c r="M7" s="186">
        <v>0</v>
      </c>
      <c r="N7" s="189">
        <v>0</v>
      </c>
      <c r="O7" s="187">
        <v>431</v>
      </c>
      <c r="P7" s="188">
        <v>1490</v>
      </c>
      <c r="Q7" s="188">
        <v>9745</v>
      </c>
      <c r="R7" s="188">
        <v>14163</v>
      </c>
      <c r="S7" s="186">
        <v>10037</v>
      </c>
      <c r="T7" s="189">
        <v>35866</v>
      </c>
      <c r="U7" s="191">
        <v>35866</v>
      </c>
      <c r="V7" s="192">
        <v>0</v>
      </c>
      <c r="W7" s="186">
        <v>0</v>
      </c>
      <c r="X7" s="189">
        <v>0</v>
      </c>
      <c r="Y7" s="192">
        <v>3</v>
      </c>
      <c r="Z7" s="188">
        <v>5</v>
      </c>
      <c r="AA7" s="188">
        <v>80</v>
      </c>
      <c r="AB7" s="188">
        <v>129</v>
      </c>
      <c r="AC7" s="186">
        <v>154</v>
      </c>
      <c r="AD7" s="189">
        <v>371</v>
      </c>
      <c r="AE7" s="193">
        <v>371</v>
      </c>
      <c r="AF7" s="192">
        <v>0</v>
      </c>
      <c r="AG7" s="186">
        <v>0</v>
      </c>
      <c r="AH7" s="189">
        <v>0</v>
      </c>
      <c r="AI7" s="192">
        <v>1857</v>
      </c>
      <c r="AJ7" s="188">
        <v>3607</v>
      </c>
      <c r="AK7" s="188">
        <v>4675</v>
      </c>
      <c r="AL7" s="188">
        <v>5477</v>
      </c>
      <c r="AM7" s="186">
        <v>2854</v>
      </c>
      <c r="AN7" s="189">
        <v>18470</v>
      </c>
      <c r="AO7" s="193">
        <v>18470</v>
      </c>
      <c r="AP7" s="192">
        <v>0</v>
      </c>
      <c r="AQ7" s="186">
        <v>0</v>
      </c>
      <c r="AR7" s="189">
        <v>0</v>
      </c>
      <c r="AS7" s="187">
        <v>1831</v>
      </c>
      <c r="AT7" s="188">
        <v>3567</v>
      </c>
      <c r="AU7" s="188">
        <v>4591</v>
      </c>
      <c r="AV7" s="188">
        <v>5371</v>
      </c>
      <c r="AW7" s="186">
        <v>2782</v>
      </c>
      <c r="AX7" s="189">
        <v>18142</v>
      </c>
      <c r="AY7" s="190">
        <v>18142</v>
      </c>
      <c r="AZ7" s="185">
        <v>0</v>
      </c>
      <c r="BA7" s="186">
        <v>0</v>
      </c>
      <c r="BB7" s="186">
        <v>0</v>
      </c>
      <c r="BC7" s="187">
        <v>26</v>
      </c>
      <c r="BD7" s="188">
        <v>40</v>
      </c>
      <c r="BE7" s="188">
        <v>84</v>
      </c>
      <c r="BF7" s="188">
        <v>106</v>
      </c>
      <c r="BG7" s="186">
        <v>72</v>
      </c>
      <c r="BH7" s="189">
        <v>328</v>
      </c>
      <c r="BI7" s="191">
        <v>328</v>
      </c>
      <c r="BJ7" s="192">
        <v>0</v>
      </c>
      <c r="BK7" s="186">
        <v>0</v>
      </c>
      <c r="BL7" s="186">
        <v>0</v>
      </c>
      <c r="BM7" s="187">
        <v>1</v>
      </c>
      <c r="BN7" s="188">
        <v>2</v>
      </c>
      <c r="BO7" s="188">
        <v>19</v>
      </c>
      <c r="BP7" s="188">
        <v>175</v>
      </c>
      <c r="BQ7" s="186">
        <v>262</v>
      </c>
      <c r="BR7" s="189">
        <v>459</v>
      </c>
      <c r="BS7" s="190">
        <v>459</v>
      </c>
      <c r="BT7" s="185">
        <v>0</v>
      </c>
      <c r="BU7" s="186">
        <v>0</v>
      </c>
      <c r="BV7" s="186">
        <v>0</v>
      </c>
      <c r="BW7" s="187">
        <v>1</v>
      </c>
      <c r="BX7" s="188">
        <v>2</v>
      </c>
      <c r="BY7" s="188">
        <v>19</v>
      </c>
      <c r="BZ7" s="188">
        <v>173</v>
      </c>
      <c r="CA7" s="186">
        <v>258</v>
      </c>
      <c r="CB7" s="189">
        <v>453</v>
      </c>
      <c r="CC7" s="191">
        <v>453</v>
      </c>
      <c r="CD7" s="192">
        <v>0</v>
      </c>
      <c r="CE7" s="186">
        <v>0</v>
      </c>
      <c r="CF7" s="186">
        <v>0</v>
      </c>
      <c r="CG7" s="187">
        <v>0</v>
      </c>
      <c r="CH7" s="188">
        <v>0</v>
      </c>
      <c r="CI7" s="188">
        <v>0</v>
      </c>
      <c r="CJ7" s="188">
        <v>2</v>
      </c>
      <c r="CK7" s="186">
        <v>4</v>
      </c>
      <c r="CL7" s="189">
        <v>6</v>
      </c>
      <c r="CM7" s="191">
        <v>6</v>
      </c>
      <c r="CN7" s="192">
        <v>0</v>
      </c>
      <c r="CO7" s="186">
        <v>0</v>
      </c>
      <c r="CP7" s="186">
        <v>0</v>
      </c>
      <c r="CQ7" s="187">
        <v>15</v>
      </c>
      <c r="CR7" s="188">
        <v>20</v>
      </c>
      <c r="CS7" s="188">
        <v>63</v>
      </c>
      <c r="CT7" s="188">
        <v>292</v>
      </c>
      <c r="CU7" s="186">
        <v>381</v>
      </c>
      <c r="CV7" s="189">
        <v>771</v>
      </c>
      <c r="CW7" s="190">
        <v>771</v>
      </c>
      <c r="CX7" s="185">
        <v>0</v>
      </c>
      <c r="CY7" s="186">
        <v>0</v>
      </c>
      <c r="CZ7" s="186">
        <v>0</v>
      </c>
      <c r="DA7" s="187">
        <v>14</v>
      </c>
      <c r="DB7" s="188">
        <v>19</v>
      </c>
      <c r="DC7" s="188">
        <v>63</v>
      </c>
      <c r="DD7" s="188">
        <v>287</v>
      </c>
      <c r="DE7" s="186">
        <v>368</v>
      </c>
      <c r="DF7" s="189">
        <v>751</v>
      </c>
      <c r="DG7" s="191">
        <v>751</v>
      </c>
      <c r="DH7" s="192">
        <v>0</v>
      </c>
      <c r="DI7" s="186">
        <v>0</v>
      </c>
      <c r="DJ7" s="186">
        <v>0</v>
      </c>
      <c r="DK7" s="187">
        <v>1</v>
      </c>
      <c r="DL7" s="188">
        <v>1</v>
      </c>
      <c r="DM7" s="188">
        <v>0</v>
      </c>
      <c r="DN7" s="188">
        <v>5</v>
      </c>
      <c r="DO7" s="186">
        <v>13</v>
      </c>
      <c r="DP7" s="189">
        <v>20</v>
      </c>
      <c r="DQ7" s="191">
        <v>20</v>
      </c>
      <c r="DR7" s="192">
        <v>0</v>
      </c>
      <c r="DS7" s="186">
        <v>0</v>
      </c>
      <c r="DT7" s="186">
        <v>0</v>
      </c>
      <c r="DU7" s="187">
        <v>2307</v>
      </c>
      <c r="DV7" s="188">
        <v>5124</v>
      </c>
      <c r="DW7" s="188">
        <v>14566</v>
      </c>
      <c r="DX7" s="188">
        <v>20193</v>
      </c>
      <c r="DY7" s="186">
        <v>13663</v>
      </c>
      <c r="DZ7" s="189">
        <v>55853</v>
      </c>
      <c r="EA7" s="191">
        <v>55853</v>
      </c>
      <c r="EB7" s="37"/>
    </row>
    <row r="8" spans="1:132" ht="20.25" customHeight="1" x14ac:dyDescent="0.2">
      <c r="A8" s="62" t="s">
        <v>5</v>
      </c>
      <c r="B8" s="194">
        <v>0</v>
      </c>
      <c r="C8" s="195">
        <v>0</v>
      </c>
      <c r="D8" s="195">
        <v>0</v>
      </c>
      <c r="E8" s="196">
        <v>225</v>
      </c>
      <c r="F8" s="197">
        <v>897</v>
      </c>
      <c r="G8" s="197">
        <v>4202</v>
      </c>
      <c r="H8" s="197">
        <v>5895</v>
      </c>
      <c r="I8" s="195">
        <v>4424</v>
      </c>
      <c r="J8" s="198">
        <v>15643</v>
      </c>
      <c r="K8" s="199">
        <v>15643</v>
      </c>
      <c r="L8" s="194">
        <v>0</v>
      </c>
      <c r="M8" s="195">
        <v>0</v>
      </c>
      <c r="N8" s="198">
        <v>0</v>
      </c>
      <c r="O8" s="196">
        <v>222</v>
      </c>
      <c r="P8" s="197">
        <v>893</v>
      </c>
      <c r="Q8" s="197">
        <v>4163</v>
      </c>
      <c r="R8" s="197">
        <v>5829</v>
      </c>
      <c r="S8" s="195">
        <v>4349</v>
      </c>
      <c r="T8" s="198">
        <v>15456</v>
      </c>
      <c r="U8" s="200">
        <v>15456</v>
      </c>
      <c r="V8" s="201">
        <v>0</v>
      </c>
      <c r="W8" s="195">
        <v>0</v>
      </c>
      <c r="X8" s="198">
        <v>0</v>
      </c>
      <c r="Y8" s="201">
        <v>3</v>
      </c>
      <c r="Z8" s="197">
        <v>4</v>
      </c>
      <c r="AA8" s="197">
        <v>39</v>
      </c>
      <c r="AB8" s="197">
        <v>66</v>
      </c>
      <c r="AC8" s="195">
        <v>75</v>
      </c>
      <c r="AD8" s="198">
        <v>187</v>
      </c>
      <c r="AE8" s="202">
        <v>187</v>
      </c>
      <c r="AF8" s="201">
        <v>0</v>
      </c>
      <c r="AG8" s="195">
        <v>0</v>
      </c>
      <c r="AH8" s="198">
        <v>0</v>
      </c>
      <c r="AI8" s="201">
        <v>659</v>
      </c>
      <c r="AJ8" s="197">
        <v>1640</v>
      </c>
      <c r="AK8" s="197">
        <v>2046</v>
      </c>
      <c r="AL8" s="197">
        <v>2425</v>
      </c>
      <c r="AM8" s="195">
        <v>1398</v>
      </c>
      <c r="AN8" s="198">
        <v>8168</v>
      </c>
      <c r="AO8" s="202">
        <v>8168</v>
      </c>
      <c r="AP8" s="201">
        <v>0</v>
      </c>
      <c r="AQ8" s="195">
        <v>0</v>
      </c>
      <c r="AR8" s="198">
        <v>0</v>
      </c>
      <c r="AS8" s="196">
        <v>654</v>
      </c>
      <c r="AT8" s="197">
        <v>1621</v>
      </c>
      <c r="AU8" s="197">
        <v>2011</v>
      </c>
      <c r="AV8" s="197">
        <v>2382</v>
      </c>
      <c r="AW8" s="195">
        <v>1368</v>
      </c>
      <c r="AX8" s="198">
        <v>8036</v>
      </c>
      <c r="AY8" s="199">
        <v>8036</v>
      </c>
      <c r="AZ8" s="194">
        <v>0</v>
      </c>
      <c r="BA8" s="195">
        <v>0</v>
      </c>
      <c r="BB8" s="195">
        <v>0</v>
      </c>
      <c r="BC8" s="196">
        <v>5</v>
      </c>
      <c r="BD8" s="197">
        <v>19</v>
      </c>
      <c r="BE8" s="197">
        <v>35</v>
      </c>
      <c r="BF8" s="197">
        <v>43</v>
      </c>
      <c r="BG8" s="195">
        <v>30</v>
      </c>
      <c r="BH8" s="198">
        <v>132</v>
      </c>
      <c r="BI8" s="200">
        <v>132</v>
      </c>
      <c r="BJ8" s="201">
        <v>0</v>
      </c>
      <c r="BK8" s="195">
        <v>0</v>
      </c>
      <c r="BL8" s="195">
        <v>0</v>
      </c>
      <c r="BM8" s="196">
        <v>0</v>
      </c>
      <c r="BN8" s="197">
        <v>0</v>
      </c>
      <c r="BO8" s="197">
        <v>4</v>
      </c>
      <c r="BP8" s="197">
        <v>53</v>
      </c>
      <c r="BQ8" s="195">
        <v>89</v>
      </c>
      <c r="BR8" s="198">
        <v>146</v>
      </c>
      <c r="BS8" s="199">
        <v>146</v>
      </c>
      <c r="BT8" s="194">
        <v>0</v>
      </c>
      <c r="BU8" s="195">
        <v>0</v>
      </c>
      <c r="BV8" s="195">
        <v>0</v>
      </c>
      <c r="BW8" s="196">
        <v>0</v>
      </c>
      <c r="BX8" s="197">
        <v>0</v>
      </c>
      <c r="BY8" s="197">
        <v>4</v>
      </c>
      <c r="BZ8" s="197">
        <v>52</v>
      </c>
      <c r="CA8" s="195">
        <v>87</v>
      </c>
      <c r="CB8" s="198">
        <v>143</v>
      </c>
      <c r="CC8" s="200">
        <v>143</v>
      </c>
      <c r="CD8" s="201">
        <v>0</v>
      </c>
      <c r="CE8" s="195">
        <v>0</v>
      </c>
      <c r="CF8" s="195">
        <v>0</v>
      </c>
      <c r="CG8" s="196">
        <v>0</v>
      </c>
      <c r="CH8" s="197">
        <v>0</v>
      </c>
      <c r="CI8" s="197">
        <v>0</v>
      </c>
      <c r="CJ8" s="197">
        <v>1</v>
      </c>
      <c r="CK8" s="195">
        <v>2</v>
      </c>
      <c r="CL8" s="198">
        <v>3</v>
      </c>
      <c r="CM8" s="200">
        <v>3</v>
      </c>
      <c r="CN8" s="201">
        <v>0</v>
      </c>
      <c r="CO8" s="195">
        <v>0</v>
      </c>
      <c r="CP8" s="195">
        <v>0</v>
      </c>
      <c r="CQ8" s="196">
        <v>2</v>
      </c>
      <c r="CR8" s="197">
        <v>3</v>
      </c>
      <c r="CS8" s="197">
        <v>12</v>
      </c>
      <c r="CT8" s="197">
        <v>86</v>
      </c>
      <c r="CU8" s="195">
        <v>86</v>
      </c>
      <c r="CV8" s="198">
        <v>189</v>
      </c>
      <c r="CW8" s="199">
        <v>189</v>
      </c>
      <c r="CX8" s="194">
        <v>0</v>
      </c>
      <c r="CY8" s="195">
        <v>0</v>
      </c>
      <c r="CZ8" s="195">
        <v>0</v>
      </c>
      <c r="DA8" s="196">
        <v>2</v>
      </c>
      <c r="DB8" s="197">
        <v>3</v>
      </c>
      <c r="DC8" s="197">
        <v>12</v>
      </c>
      <c r="DD8" s="197">
        <v>84</v>
      </c>
      <c r="DE8" s="195">
        <v>84</v>
      </c>
      <c r="DF8" s="198">
        <v>185</v>
      </c>
      <c r="DG8" s="200">
        <v>185</v>
      </c>
      <c r="DH8" s="201">
        <v>0</v>
      </c>
      <c r="DI8" s="195">
        <v>0</v>
      </c>
      <c r="DJ8" s="195">
        <v>0</v>
      </c>
      <c r="DK8" s="196">
        <v>0</v>
      </c>
      <c r="DL8" s="197">
        <v>0</v>
      </c>
      <c r="DM8" s="197">
        <v>0</v>
      </c>
      <c r="DN8" s="197">
        <v>2</v>
      </c>
      <c r="DO8" s="195">
        <v>2</v>
      </c>
      <c r="DP8" s="198">
        <v>4</v>
      </c>
      <c r="DQ8" s="200">
        <v>4</v>
      </c>
      <c r="DR8" s="201">
        <v>0</v>
      </c>
      <c r="DS8" s="195">
        <v>0</v>
      </c>
      <c r="DT8" s="195">
        <v>0</v>
      </c>
      <c r="DU8" s="196">
        <v>886</v>
      </c>
      <c r="DV8" s="197">
        <v>2540</v>
      </c>
      <c r="DW8" s="197">
        <v>6264</v>
      </c>
      <c r="DX8" s="197">
        <v>8459</v>
      </c>
      <c r="DY8" s="195">
        <v>5997</v>
      </c>
      <c r="DZ8" s="198">
        <v>24146</v>
      </c>
      <c r="EA8" s="200">
        <v>24146</v>
      </c>
      <c r="EB8" s="37"/>
    </row>
    <row r="9" spans="1:132" ht="20.25" customHeight="1" x14ac:dyDescent="0.2">
      <c r="A9" s="62" t="s">
        <v>6</v>
      </c>
      <c r="B9" s="194">
        <v>0</v>
      </c>
      <c r="C9" s="195">
        <v>0</v>
      </c>
      <c r="D9" s="195">
        <v>0</v>
      </c>
      <c r="E9" s="196">
        <v>77</v>
      </c>
      <c r="F9" s="197">
        <v>184</v>
      </c>
      <c r="G9" s="197">
        <v>1265</v>
      </c>
      <c r="H9" s="197">
        <v>1736</v>
      </c>
      <c r="I9" s="195">
        <v>1261</v>
      </c>
      <c r="J9" s="198">
        <v>4523</v>
      </c>
      <c r="K9" s="199">
        <v>4523</v>
      </c>
      <c r="L9" s="194">
        <v>0</v>
      </c>
      <c r="M9" s="195">
        <v>0</v>
      </c>
      <c r="N9" s="198">
        <v>0</v>
      </c>
      <c r="O9" s="196">
        <v>77</v>
      </c>
      <c r="P9" s="197">
        <v>184</v>
      </c>
      <c r="Q9" s="197">
        <v>1251</v>
      </c>
      <c r="R9" s="197">
        <v>1718</v>
      </c>
      <c r="S9" s="195">
        <v>1251</v>
      </c>
      <c r="T9" s="198">
        <v>4481</v>
      </c>
      <c r="U9" s="200">
        <v>4481</v>
      </c>
      <c r="V9" s="201">
        <v>0</v>
      </c>
      <c r="W9" s="195">
        <v>0</v>
      </c>
      <c r="X9" s="198">
        <v>0</v>
      </c>
      <c r="Y9" s="201">
        <v>0</v>
      </c>
      <c r="Z9" s="197">
        <v>0</v>
      </c>
      <c r="AA9" s="197">
        <v>14</v>
      </c>
      <c r="AB9" s="197">
        <v>18</v>
      </c>
      <c r="AC9" s="195">
        <v>10</v>
      </c>
      <c r="AD9" s="198">
        <v>42</v>
      </c>
      <c r="AE9" s="202">
        <v>42</v>
      </c>
      <c r="AF9" s="201">
        <v>0</v>
      </c>
      <c r="AG9" s="195">
        <v>0</v>
      </c>
      <c r="AH9" s="198">
        <v>0</v>
      </c>
      <c r="AI9" s="201">
        <v>231</v>
      </c>
      <c r="AJ9" s="197">
        <v>346</v>
      </c>
      <c r="AK9" s="197">
        <v>482</v>
      </c>
      <c r="AL9" s="197">
        <v>688</v>
      </c>
      <c r="AM9" s="195">
        <v>309</v>
      </c>
      <c r="AN9" s="198">
        <v>2056</v>
      </c>
      <c r="AO9" s="202">
        <v>2056</v>
      </c>
      <c r="AP9" s="201">
        <v>0</v>
      </c>
      <c r="AQ9" s="195">
        <v>0</v>
      </c>
      <c r="AR9" s="198">
        <v>0</v>
      </c>
      <c r="AS9" s="196">
        <v>226</v>
      </c>
      <c r="AT9" s="197">
        <v>344</v>
      </c>
      <c r="AU9" s="197">
        <v>474</v>
      </c>
      <c r="AV9" s="197">
        <v>668</v>
      </c>
      <c r="AW9" s="195">
        <v>296</v>
      </c>
      <c r="AX9" s="198">
        <v>2008</v>
      </c>
      <c r="AY9" s="199">
        <v>2008</v>
      </c>
      <c r="AZ9" s="194">
        <v>0</v>
      </c>
      <c r="BA9" s="195">
        <v>0</v>
      </c>
      <c r="BB9" s="195">
        <v>0</v>
      </c>
      <c r="BC9" s="196">
        <v>5</v>
      </c>
      <c r="BD9" s="197">
        <v>2</v>
      </c>
      <c r="BE9" s="197">
        <v>8</v>
      </c>
      <c r="BF9" s="197">
        <v>20</v>
      </c>
      <c r="BG9" s="195">
        <v>13</v>
      </c>
      <c r="BH9" s="198">
        <v>48</v>
      </c>
      <c r="BI9" s="200">
        <v>48</v>
      </c>
      <c r="BJ9" s="201">
        <v>0</v>
      </c>
      <c r="BK9" s="195">
        <v>0</v>
      </c>
      <c r="BL9" s="195">
        <v>0</v>
      </c>
      <c r="BM9" s="196">
        <v>1</v>
      </c>
      <c r="BN9" s="197">
        <v>0</v>
      </c>
      <c r="BO9" s="197">
        <v>10</v>
      </c>
      <c r="BP9" s="197">
        <v>68</v>
      </c>
      <c r="BQ9" s="195">
        <v>94</v>
      </c>
      <c r="BR9" s="198">
        <v>173</v>
      </c>
      <c r="BS9" s="199">
        <v>173</v>
      </c>
      <c r="BT9" s="194">
        <v>0</v>
      </c>
      <c r="BU9" s="195">
        <v>0</v>
      </c>
      <c r="BV9" s="195">
        <v>0</v>
      </c>
      <c r="BW9" s="196">
        <v>1</v>
      </c>
      <c r="BX9" s="197">
        <v>0</v>
      </c>
      <c r="BY9" s="197">
        <v>10</v>
      </c>
      <c r="BZ9" s="197">
        <v>67</v>
      </c>
      <c r="CA9" s="195">
        <v>92</v>
      </c>
      <c r="CB9" s="198">
        <v>170</v>
      </c>
      <c r="CC9" s="200">
        <v>170</v>
      </c>
      <c r="CD9" s="201">
        <v>0</v>
      </c>
      <c r="CE9" s="195">
        <v>0</v>
      </c>
      <c r="CF9" s="195">
        <v>0</v>
      </c>
      <c r="CG9" s="196">
        <v>0</v>
      </c>
      <c r="CH9" s="197">
        <v>0</v>
      </c>
      <c r="CI9" s="197">
        <v>0</v>
      </c>
      <c r="CJ9" s="197">
        <v>1</v>
      </c>
      <c r="CK9" s="195">
        <v>2</v>
      </c>
      <c r="CL9" s="198">
        <v>3</v>
      </c>
      <c r="CM9" s="200">
        <v>3</v>
      </c>
      <c r="CN9" s="201">
        <v>0</v>
      </c>
      <c r="CO9" s="195">
        <v>0</v>
      </c>
      <c r="CP9" s="195">
        <v>0</v>
      </c>
      <c r="CQ9" s="196">
        <v>0</v>
      </c>
      <c r="CR9" s="197">
        <v>1</v>
      </c>
      <c r="CS9" s="197">
        <v>4</v>
      </c>
      <c r="CT9" s="197">
        <v>34</v>
      </c>
      <c r="CU9" s="195">
        <v>65</v>
      </c>
      <c r="CV9" s="198">
        <v>104</v>
      </c>
      <c r="CW9" s="199">
        <v>104</v>
      </c>
      <c r="CX9" s="194">
        <v>0</v>
      </c>
      <c r="CY9" s="195">
        <v>0</v>
      </c>
      <c r="CZ9" s="195">
        <v>0</v>
      </c>
      <c r="DA9" s="196">
        <v>0</v>
      </c>
      <c r="DB9" s="197">
        <v>1</v>
      </c>
      <c r="DC9" s="197">
        <v>4</v>
      </c>
      <c r="DD9" s="197">
        <v>33</v>
      </c>
      <c r="DE9" s="195">
        <v>64</v>
      </c>
      <c r="DF9" s="198">
        <v>102</v>
      </c>
      <c r="DG9" s="200">
        <v>102</v>
      </c>
      <c r="DH9" s="201">
        <v>0</v>
      </c>
      <c r="DI9" s="195">
        <v>0</v>
      </c>
      <c r="DJ9" s="195">
        <v>0</v>
      </c>
      <c r="DK9" s="196">
        <v>0</v>
      </c>
      <c r="DL9" s="197">
        <v>0</v>
      </c>
      <c r="DM9" s="197">
        <v>0</v>
      </c>
      <c r="DN9" s="197">
        <v>1</v>
      </c>
      <c r="DO9" s="195">
        <v>1</v>
      </c>
      <c r="DP9" s="198">
        <v>2</v>
      </c>
      <c r="DQ9" s="200">
        <v>2</v>
      </c>
      <c r="DR9" s="201">
        <v>0</v>
      </c>
      <c r="DS9" s="195">
        <v>0</v>
      </c>
      <c r="DT9" s="195">
        <v>0</v>
      </c>
      <c r="DU9" s="196">
        <v>309</v>
      </c>
      <c r="DV9" s="197">
        <v>531</v>
      </c>
      <c r="DW9" s="197">
        <v>1761</v>
      </c>
      <c r="DX9" s="197">
        <v>2526</v>
      </c>
      <c r="DY9" s="195">
        <v>1729</v>
      </c>
      <c r="DZ9" s="198">
        <v>6856</v>
      </c>
      <c r="EA9" s="200">
        <v>6856</v>
      </c>
      <c r="EB9" s="37"/>
    </row>
    <row r="10" spans="1:132" ht="20.25" customHeight="1" x14ac:dyDescent="0.2">
      <c r="A10" s="62" t="s">
        <v>14</v>
      </c>
      <c r="B10" s="194">
        <v>0</v>
      </c>
      <c r="C10" s="195">
        <v>0</v>
      </c>
      <c r="D10" s="195">
        <v>0</v>
      </c>
      <c r="E10" s="196">
        <v>12</v>
      </c>
      <c r="F10" s="197">
        <v>57</v>
      </c>
      <c r="G10" s="197">
        <v>824</v>
      </c>
      <c r="H10" s="197">
        <v>1263</v>
      </c>
      <c r="I10" s="195">
        <v>751</v>
      </c>
      <c r="J10" s="198">
        <v>2907</v>
      </c>
      <c r="K10" s="199">
        <v>2907</v>
      </c>
      <c r="L10" s="194">
        <v>0</v>
      </c>
      <c r="M10" s="195">
        <v>0</v>
      </c>
      <c r="N10" s="198">
        <v>0</v>
      </c>
      <c r="O10" s="196">
        <v>12</v>
      </c>
      <c r="P10" s="197">
        <v>56</v>
      </c>
      <c r="Q10" s="197">
        <v>820</v>
      </c>
      <c r="R10" s="197">
        <v>1256</v>
      </c>
      <c r="S10" s="195">
        <v>741</v>
      </c>
      <c r="T10" s="198">
        <v>2885</v>
      </c>
      <c r="U10" s="200">
        <v>2885</v>
      </c>
      <c r="V10" s="201">
        <v>0</v>
      </c>
      <c r="W10" s="195">
        <v>0</v>
      </c>
      <c r="X10" s="198">
        <v>0</v>
      </c>
      <c r="Y10" s="201">
        <v>0</v>
      </c>
      <c r="Z10" s="197">
        <v>1</v>
      </c>
      <c r="AA10" s="197">
        <v>4</v>
      </c>
      <c r="AB10" s="197">
        <v>7</v>
      </c>
      <c r="AC10" s="195">
        <v>10</v>
      </c>
      <c r="AD10" s="198">
        <v>22</v>
      </c>
      <c r="AE10" s="202">
        <v>22</v>
      </c>
      <c r="AF10" s="201">
        <v>0</v>
      </c>
      <c r="AG10" s="195">
        <v>0</v>
      </c>
      <c r="AH10" s="198">
        <v>0</v>
      </c>
      <c r="AI10" s="201">
        <v>87</v>
      </c>
      <c r="AJ10" s="197">
        <v>219</v>
      </c>
      <c r="AK10" s="197">
        <v>294</v>
      </c>
      <c r="AL10" s="197">
        <v>354</v>
      </c>
      <c r="AM10" s="195">
        <v>181</v>
      </c>
      <c r="AN10" s="198">
        <v>1135</v>
      </c>
      <c r="AO10" s="202">
        <v>1135</v>
      </c>
      <c r="AP10" s="201">
        <v>0</v>
      </c>
      <c r="AQ10" s="195">
        <v>0</v>
      </c>
      <c r="AR10" s="198">
        <v>0</v>
      </c>
      <c r="AS10" s="196">
        <v>85</v>
      </c>
      <c r="AT10" s="197">
        <v>218</v>
      </c>
      <c r="AU10" s="197">
        <v>290</v>
      </c>
      <c r="AV10" s="197">
        <v>348</v>
      </c>
      <c r="AW10" s="195">
        <v>175</v>
      </c>
      <c r="AX10" s="198">
        <v>1116</v>
      </c>
      <c r="AY10" s="199">
        <v>1116</v>
      </c>
      <c r="AZ10" s="194">
        <v>0</v>
      </c>
      <c r="BA10" s="195">
        <v>0</v>
      </c>
      <c r="BB10" s="195">
        <v>0</v>
      </c>
      <c r="BC10" s="196">
        <v>2</v>
      </c>
      <c r="BD10" s="197">
        <v>1</v>
      </c>
      <c r="BE10" s="197">
        <v>4</v>
      </c>
      <c r="BF10" s="197">
        <v>6</v>
      </c>
      <c r="BG10" s="195">
        <v>6</v>
      </c>
      <c r="BH10" s="198">
        <v>19</v>
      </c>
      <c r="BI10" s="200">
        <v>19</v>
      </c>
      <c r="BJ10" s="201">
        <v>0</v>
      </c>
      <c r="BK10" s="195">
        <v>0</v>
      </c>
      <c r="BL10" s="195">
        <v>0</v>
      </c>
      <c r="BM10" s="196">
        <v>0</v>
      </c>
      <c r="BN10" s="197">
        <v>2</v>
      </c>
      <c r="BO10" s="197">
        <v>3</v>
      </c>
      <c r="BP10" s="197">
        <v>23</v>
      </c>
      <c r="BQ10" s="195">
        <v>19</v>
      </c>
      <c r="BR10" s="198">
        <v>47</v>
      </c>
      <c r="BS10" s="199">
        <v>47</v>
      </c>
      <c r="BT10" s="194">
        <v>0</v>
      </c>
      <c r="BU10" s="195">
        <v>0</v>
      </c>
      <c r="BV10" s="195">
        <v>0</v>
      </c>
      <c r="BW10" s="196">
        <v>0</v>
      </c>
      <c r="BX10" s="197">
        <v>2</v>
      </c>
      <c r="BY10" s="197">
        <v>3</v>
      </c>
      <c r="BZ10" s="197">
        <v>23</v>
      </c>
      <c r="CA10" s="195">
        <v>19</v>
      </c>
      <c r="CB10" s="198">
        <v>47</v>
      </c>
      <c r="CC10" s="200">
        <v>47</v>
      </c>
      <c r="CD10" s="201">
        <v>0</v>
      </c>
      <c r="CE10" s="195">
        <v>0</v>
      </c>
      <c r="CF10" s="195">
        <v>0</v>
      </c>
      <c r="CG10" s="196">
        <v>0</v>
      </c>
      <c r="CH10" s="197">
        <v>0</v>
      </c>
      <c r="CI10" s="197">
        <v>0</v>
      </c>
      <c r="CJ10" s="197">
        <v>0</v>
      </c>
      <c r="CK10" s="195">
        <v>0</v>
      </c>
      <c r="CL10" s="198">
        <v>0</v>
      </c>
      <c r="CM10" s="200">
        <v>0</v>
      </c>
      <c r="CN10" s="201">
        <v>0</v>
      </c>
      <c r="CO10" s="195">
        <v>0</v>
      </c>
      <c r="CP10" s="195">
        <v>0</v>
      </c>
      <c r="CQ10" s="196">
        <v>0</v>
      </c>
      <c r="CR10" s="197">
        <v>0</v>
      </c>
      <c r="CS10" s="197">
        <v>8</v>
      </c>
      <c r="CT10" s="197">
        <v>76</v>
      </c>
      <c r="CU10" s="195">
        <v>72</v>
      </c>
      <c r="CV10" s="198">
        <v>156</v>
      </c>
      <c r="CW10" s="199">
        <v>156</v>
      </c>
      <c r="CX10" s="194">
        <v>0</v>
      </c>
      <c r="CY10" s="195">
        <v>0</v>
      </c>
      <c r="CZ10" s="195">
        <v>0</v>
      </c>
      <c r="DA10" s="196">
        <v>0</v>
      </c>
      <c r="DB10" s="197">
        <v>0</v>
      </c>
      <c r="DC10" s="197">
        <v>8</v>
      </c>
      <c r="DD10" s="197">
        <v>75</v>
      </c>
      <c r="DE10" s="195">
        <v>70</v>
      </c>
      <c r="DF10" s="198">
        <v>153</v>
      </c>
      <c r="DG10" s="200">
        <v>153</v>
      </c>
      <c r="DH10" s="201">
        <v>0</v>
      </c>
      <c r="DI10" s="195">
        <v>0</v>
      </c>
      <c r="DJ10" s="195">
        <v>0</v>
      </c>
      <c r="DK10" s="196">
        <v>0</v>
      </c>
      <c r="DL10" s="197">
        <v>0</v>
      </c>
      <c r="DM10" s="197">
        <v>0</v>
      </c>
      <c r="DN10" s="197">
        <v>1</v>
      </c>
      <c r="DO10" s="195">
        <v>2</v>
      </c>
      <c r="DP10" s="198">
        <v>3</v>
      </c>
      <c r="DQ10" s="200">
        <v>3</v>
      </c>
      <c r="DR10" s="201">
        <v>0</v>
      </c>
      <c r="DS10" s="195">
        <v>0</v>
      </c>
      <c r="DT10" s="195">
        <v>0</v>
      </c>
      <c r="DU10" s="196">
        <v>99</v>
      </c>
      <c r="DV10" s="197">
        <v>278</v>
      </c>
      <c r="DW10" s="197">
        <v>1127</v>
      </c>
      <c r="DX10" s="197">
        <v>1709</v>
      </c>
      <c r="DY10" s="195">
        <v>1018</v>
      </c>
      <c r="DZ10" s="198">
        <v>4231</v>
      </c>
      <c r="EA10" s="200">
        <v>4231</v>
      </c>
      <c r="EB10" s="37"/>
    </row>
    <row r="11" spans="1:132" ht="20.25" customHeight="1" x14ac:dyDescent="0.2">
      <c r="A11" s="62" t="s">
        <v>7</v>
      </c>
      <c r="B11" s="194">
        <v>0</v>
      </c>
      <c r="C11" s="195">
        <v>0</v>
      </c>
      <c r="D11" s="195">
        <v>0</v>
      </c>
      <c r="E11" s="196">
        <v>21</v>
      </c>
      <c r="F11" s="197">
        <v>52</v>
      </c>
      <c r="G11" s="197">
        <v>549</v>
      </c>
      <c r="H11" s="197">
        <v>965</v>
      </c>
      <c r="I11" s="195">
        <v>573</v>
      </c>
      <c r="J11" s="198">
        <v>2160</v>
      </c>
      <c r="K11" s="199">
        <v>2160</v>
      </c>
      <c r="L11" s="194">
        <v>0</v>
      </c>
      <c r="M11" s="195">
        <v>0</v>
      </c>
      <c r="N11" s="198">
        <v>0</v>
      </c>
      <c r="O11" s="196">
        <v>21</v>
      </c>
      <c r="P11" s="197">
        <v>52</v>
      </c>
      <c r="Q11" s="197">
        <v>543</v>
      </c>
      <c r="R11" s="197">
        <v>954</v>
      </c>
      <c r="S11" s="195">
        <v>560</v>
      </c>
      <c r="T11" s="198">
        <v>2130</v>
      </c>
      <c r="U11" s="200">
        <v>2130</v>
      </c>
      <c r="V11" s="201">
        <v>0</v>
      </c>
      <c r="W11" s="195">
        <v>0</v>
      </c>
      <c r="X11" s="198">
        <v>0</v>
      </c>
      <c r="Y11" s="201">
        <v>0</v>
      </c>
      <c r="Z11" s="197">
        <v>0</v>
      </c>
      <c r="AA11" s="197">
        <v>6</v>
      </c>
      <c r="AB11" s="197">
        <v>11</v>
      </c>
      <c r="AC11" s="195">
        <v>13</v>
      </c>
      <c r="AD11" s="198">
        <v>30</v>
      </c>
      <c r="AE11" s="202">
        <v>30</v>
      </c>
      <c r="AF11" s="201">
        <v>0</v>
      </c>
      <c r="AG11" s="195">
        <v>0</v>
      </c>
      <c r="AH11" s="198">
        <v>0</v>
      </c>
      <c r="AI11" s="201">
        <v>172</v>
      </c>
      <c r="AJ11" s="197">
        <v>233</v>
      </c>
      <c r="AK11" s="197">
        <v>240</v>
      </c>
      <c r="AL11" s="197">
        <v>291</v>
      </c>
      <c r="AM11" s="195">
        <v>122</v>
      </c>
      <c r="AN11" s="198">
        <v>1058</v>
      </c>
      <c r="AO11" s="202">
        <v>1058</v>
      </c>
      <c r="AP11" s="201">
        <v>0</v>
      </c>
      <c r="AQ11" s="195">
        <v>0</v>
      </c>
      <c r="AR11" s="198">
        <v>0</v>
      </c>
      <c r="AS11" s="196">
        <v>170</v>
      </c>
      <c r="AT11" s="197">
        <v>231</v>
      </c>
      <c r="AU11" s="197">
        <v>236</v>
      </c>
      <c r="AV11" s="197">
        <v>287</v>
      </c>
      <c r="AW11" s="195">
        <v>120</v>
      </c>
      <c r="AX11" s="198">
        <v>1044</v>
      </c>
      <c r="AY11" s="199">
        <v>1044</v>
      </c>
      <c r="AZ11" s="194">
        <v>0</v>
      </c>
      <c r="BA11" s="195">
        <v>0</v>
      </c>
      <c r="BB11" s="195">
        <v>0</v>
      </c>
      <c r="BC11" s="196">
        <v>2</v>
      </c>
      <c r="BD11" s="197">
        <v>2</v>
      </c>
      <c r="BE11" s="197">
        <v>4</v>
      </c>
      <c r="BF11" s="197">
        <v>4</v>
      </c>
      <c r="BG11" s="195">
        <v>2</v>
      </c>
      <c r="BH11" s="198">
        <v>14</v>
      </c>
      <c r="BI11" s="200">
        <v>14</v>
      </c>
      <c r="BJ11" s="201">
        <v>0</v>
      </c>
      <c r="BK11" s="195">
        <v>0</v>
      </c>
      <c r="BL11" s="195">
        <v>0</v>
      </c>
      <c r="BM11" s="196">
        <v>0</v>
      </c>
      <c r="BN11" s="197">
        <v>0</v>
      </c>
      <c r="BO11" s="197">
        <v>0</v>
      </c>
      <c r="BP11" s="197">
        <v>3</v>
      </c>
      <c r="BQ11" s="195">
        <v>4</v>
      </c>
      <c r="BR11" s="198">
        <v>7</v>
      </c>
      <c r="BS11" s="199">
        <v>7</v>
      </c>
      <c r="BT11" s="194">
        <v>0</v>
      </c>
      <c r="BU11" s="195">
        <v>0</v>
      </c>
      <c r="BV11" s="195">
        <v>0</v>
      </c>
      <c r="BW11" s="196">
        <v>0</v>
      </c>
      <c r="BX11" s="197">
        <v>0</v>
      </c>
      <c r="BY11" s="197">
        <v>0</v>
      </c>
      <c r="BZ11" s="197">
        <v>3</v>
      </c>
      <c r="CA11" s="195">
        <v>4</v>
      </c>
      <c r="CB11" s="198">
        <v>7</v>
      </c>
      <c r="CC11" s="200">
        <v>7</v>
      </c>
      <c r="CD11" s="201">
        <v>0</v>
      </c>
      <c r="CE11" s="195">
        <v>0</v>
      </c>
      <c r="CF11" s="195">
        <v>0</v>
      </c>
      <c r="CG11" s="196">
        <v>0</v>
      </c>
      <c r="CH11" s="197">
        <v>0</v>
      </c>
      <c r="CI11" s="197">
        <v>0</v>
      </c>
      <c r="CJ11" s="197">
        <v>0</v>
      </c>
      <c r="CK11" s="195">
        <v>0</v>
      </c>
      <c r="CL11" s="198">
        <v>0</v>
      </c>
      <c r="CM11" s="200">
        <v>0</v>
      </c>
      <c r="CN11" s="201">
        <v>0</v>
      </c>
      <c r="CO11" s="195">
        <v>0</v>
      </c>
      <c r="CP11" s="195">
        <v>0</v>
      </c>
      <c r="CQ11" s="196">
        <v>0</v>
      </c>
      <c r="CR11" s="197">
        <v>0</v>
      </c>
      <c r="CS11" s="197">
        <v>2</v>
      </c>
      <c r="CT11" s="197">
        <v>0</v>
      </c>
      <c r="CU11" s="195">
        <v>5</v>
      </c>
      <c r="CV11" s="198">
        <v>7</v>
      </c>
      <c r="CW11" s="199">
        <v>7</v>
      </c>
      <c r="CX11" s="194">
        <v>0</v>
      </c>
      <c r="CY11" s="195">
        <v>0</v>
      </c>
      <c r="CZ11" s="195">
        <v>0</v>
      </c>
      <c r="DA11" s="196">
        <v>0</v>
      </c>
      <c r="DB11" s="197">
        <v>0</v>
      </c>
      <c r="DC11" s="197">
        <v>2</v>
      </c>
      <c r="DD11" s="197">
        <v>0</v>
      </c>
      <c r="DE11" s="195">
        <v>5</v>
      </c>
      <c r="DF11" s="198">
        <v>7</v>
      </c>
      <c r="DG11" s="200">
        <v>7</v>
      </c>
      <c r="DH11" s="201">
        <v>0</v>
      </c>
      <c r="DI11" s="195">
        <v>0</v>
      </c>
      <c r="DJ11" s="195">
        <v>0</v>
      </c>
      <c r="DK11" s="196">
        <v>0</v>
      </c>
      <c r="DL11" s="197">
        <v>0</v>
      </c>
      <c r="DM11" s="197">
        <v>0</v>
      </c>
      <c r="DN11" s="197">
        <v>0</v>
      </c>
      <c r="DO11" s="195">
        <v>0</v>
      </c>
      <c r="DP11" s="198">
        <v>0</v>
      </c>
      <c r="DQ11" s="200">
        <v>0</v>
      </c>
      <c r="DR11" s="201">
        <v>0</v>
      </c>
      <c r="DS11" s="195">
        <v>0</v>
      </c>
      <c r="DT11" s="195">
        <v>0</v>
      </c>
      <c r="DU11" s="196">
        <v>193</v>
      </c>
      <c r="DV11" s="197">
        <v>285</v>
      </c>
      <c r="DW11" s="197">
        <v>787</v>
      </c>
      <c r="DX11" s="197">
        <v>1254</v>
      </c>
      <c r="DY11" s="195">
        <v>699</v>
      </c>
      <c r="DZ11" s="198">
        <v>3218</v>
      </c>
      <c r="EA11" s="200">
        <v>3218</v>
      </c>
      <c r="EB11" s="37"/>
    </row>
    <row r="12" spans="1:132" ht="20.25" customHeight="1" x14ac:dyDescent="0.2">
      <c r="A12" s="62" t="s">
        <v>8</v>
      </c>
      <c r="B12" s="194">
        <v>0</v>
      </c>
      <c r="C12" s="195">
        <v>0</v>
      </c>
      <c r="D12" s="195">
        <v>0</v>
      </c>
      <c r="E12" s="196">
        <v>29</v>
      </c>
      <c r="F12" s="197">
        <v>60</v>
      </c>
      <c r="G12" s="197">
        <v>354</v>
      </c>
      <c r="H12" s="197">
        <v>398</v>
      </c>
      <c r="I12" s="195">
        <v>235</v>
      </c>
      <c r="J12" s="198">
        <v>1076</v>
      </c>
      <c r="K12" s="199">
        <v>1076</v>
      </c>
      <c r="L12" s="194">
        <v>0</v>
      </c>
      <c r="M12" s="195">
        <v>0</v>
      </c>
      <c r="N12" s="198">
        <v>0</v>
      </c>
      <c r="O12" s="196">
        <v>29</v>
      </c>
      <c r="P12" s="197">
        <v>60</v>
      </c>
      <c r="Q12" s="197">
        <v>352</v>
      </c>
      <c r="R12" s="197">
        <v>395</v>
      </c>
      <c r="S12" s="195">
        <v>233</v>
      </c>
      <c r="T12" s="198">
        <v>1069</v>
      </c>
      <c r="U12" s="200">
        <v>1069</v>
      </c>
      <c r="V12" s="201">
        <v>0</v>
      </c>
      <c r="W12" s="195">
        <v>0</v>
      </c>
      <c r="X12" s="198">
        <v>0</v>
      </c>
      <c r="Y12" s="201">
        <v>0</v>
      </c>
      <c r="Z12" s="197">
        <v>0</v>
      </c>
      <c r="AA12" s="197">
        <v>2</v>
      </c>
      <c r="AB12" s="197">
        <v>3</v>
      </c>
      <c r="AC12" s="195">
        <v>2</v>
      </c>
      <c r="AD12" s="198">
        <v>7</v>
      </c>
      <c r="AE12" s="202">
        <v>7</v>
      </c>
      <c r="AF12" s="201">
        <v>0</v>
      </c>
      <c r="AG12" s="195">
        <v>0</v>
      </c>
      <c r="AH12" s="198">
        <v>0</v>
      </c>
      <c r="AI12" s="201">
        <v>56</v>
      </c>
      <c r="AJ12" s="197">
        <v>100</v>
      </c>
      <c r="AK12" s="197">
        <v>152</v>
      </c>
      <c r="AL12" s="197">
        <v>135</v>
      </c>
      <c r="AM12" s="195">
        <v>61</v>
      </c>
      <c r="AN12" s="198">
        <v>504</v>
      </c>
      <c r="AO12" s="202">
        <v>504</v>
      </c>
      <c r="AP12" s="201">
        <v>0</v>
      </c>
      <c r="AQ12" s="195">
        <v>0</v>
      </c>
      <c r="AR12" s="198">
        <v>0</v>
      </c>
      <c r="AS12" s="196">
        <v>54</v>
      </c>
      <c r="AT12" s="197">
        <v>97</v>
      </c>
      <c r="AU12" s="197">
        <v>147</v>
      </c>
      <c r="AV12" s="197">
        <v>132</v>
      </c>
      <c r="AW12" s="195">
        <v>59</v>
      </c>
      <c r="AX12" s="198">
        <v>489</v>
      </c>
      <c r="AY12" s="199">
        <v>489</v>
      </c>
      <c r="AZ12" s="194">
        <v>0</v>
      </c>
      <c r="BA12" s="195">
        <v>0</v>
      </c>
      <c r="BB12" s="195">
        <v>0</v>
      </c>
      <c r="BC12" s="196">
        <v>2</v>
      </c>
      <c r="BD12" s="197">
        <v>3</v>
      </c>
      <c r="BE12" s="197">
        <v>5</v>
      </c>
      <c r="BF12" s="197">
        <v>3</v>
      </c>
      <c r="BG12" s="195">
        <v>2</v>
      </c>
      <c r="BH12" s="198">
        <v>15</v>
      </c>
      <c r="BI12" s="200">
        <v>15</v>
      </c>
      <c r="BJ12" s="201">
        <v>0</v>
      </c>
      <c r="BK12" s="195">
        <v>0</v>
      </c>
      <c r="BL12" s="195">
        <v>0</v>
      </c>
      <c r="BM12" s="196">
        <v>0</v>
      </c>
      <c r="BN12" s="197">
        <v>0</v>
      </c>
      <c r="BO12" s="197">
        <v>0</v>
      </c>
      <c r="BP12" s="197">
        <v>4</v>
      </c>
      <c r="BQ12" s="195">
        <v>4</v>
      </c>
      <c r="BR12" s="198">
        <v>8</v>
      </c>
      <c r="BS12" s="199">
        <v>8</v>
      </c>
      <c r="BT12" s="194">
        <v>0</v>
      </c>
      <c r="BU12" s="195">
        <v>0</v>
      </c>
      <c r="BV12" s="195">
        <v>0</v>
      </c>
      <c r="BW12" s="196">
        <v>0</v>
      </c>
      <c r="BX12" s="197">
        <v>0</v>
      </c>
      <c r="BY12" s="197">
        <v>0</v>
      </c>
      <c r="BZ12" s="197">
        <v>4</v>
      </c>
      <c r="CA12" s="195">
        <v>4</v>
      </c>
      <c r="CB12" s="198">
        <v>8</v>
      </c>
      <c r="CC12" s="200">
        <v>8</v>
      </c>
      <c r="CD12" s="201">
        <v>0</v>
      </c>
      <c r="CE12" s="195">
        <v>0</v>
      </c>
      <c r="CF12" s="195">
        <v>0</v>
      </c>
      <c r="CG12" s="196">
        <v>0</v>
      </c>
      <c r="CH12" s="197">
        <v>0</v>
      </c>
      <c r="CI12" s="197">
        <v>0</v>
      </c>
      <c r="CJ12" s="197">
        <v>0</v>
      </c>
      <c r="CK12" s="195">
        <v>0</v>
      </c>
      <c r="CL12" s="198">
        <v>0</v>
      </c>
      <c r="CM12" s="200">
        <v>0</v>
      </c>
      <c r="CN12" s="201">
        <v>0</v>
      </c>
      <c r="CO12" s="195">
        <v>0</v>
      </c>
      <c r="CP12" s="195">
        <v>0</v>
      </c>
      <c r="CQ12" s="196">
        <v>1</v>
      </c>
      <c r="CR12" s="197">
        <v>0</v>
      </c>
      <c r="CS12" s="197">
        <v>0</v>
      </c>
      <c r="CT12" s="197">
        <v>6</v>
      </c>
      <c r="CU12" s="195">
        <v>4</v>
      </c>
      <c r="CV12" s="198">
        <v>11</v>
      </c>
      <c r="CW12" s="199">
        <v>11</v>
      </c>
      <c r="CX12" s="194">
        <v>0</v>
      </c>
      <c r="CY12" s="195">
        <v>0</v>
      </c>
      <c r="CZ12" s="195">
        <v>0</v>
      </c>
      <c r="DA12" s="196">
        <v>1</v>
      </c>
      <c r="DB12" s="197">
        <v>0</v>
      </c>
      <c r="DC12" s="197">
        <v>0</v>
      </c>
      <c r="DD12" s="197">
        <v>6</v>
      </c>
      <c r="DE12" s="195">
        <v>4</v>
      </c>
      <c r="DF12" s="198">
        <v>11</v>
      </c>
      <c r="DG12" s="200">
        <v>11</v>
      </c>
      <c r="DH12" s="201">
        <v>0</v>
      </c>
      <c r="DI12" s="195">
        <v>0</v>
      </c>
      <c r="DJ12" s="195">
        <v>0</v>
      </c>
      <c r="DK12" s="196">
        <v>0</v>
      </c>
      <c r="DL12" s="197">
        <v>0</v>
      </c>
      <c r="DM12" s="197">
        <v>0</v>
      </c>
      <c r="DN12" s="197">
        <v>0</v>
      </c>
      <c r="DO12" s="195">
        <v>0</v>
      </c>
      <c r="DP12" s="198">
        <v>0</v>
      </c>
      <c r="DQ12" s="200">
        <v>0</v>
      </c>
      <c r="DR12" s="201">
        <v>0</v>
      </c>
      <c r="DS12" s="195">
        <v>0</v>
      </c>
      <c r="DT12" s="195">
        <v>0</v>
      </c>
      <c r="DU12" s="196">
        <v>86</v>
      </c>
      <c r="DV12" s="197">
        <v>160</v>
      </c>
      <c r="DW12" s="197">
        <v>506</v>
      </c>
      <c r="DX12" s="197">
        <v>543</v>
      </c>
      <c r="DY12" s="195">
        <v>304</v>
      </c>
      <c r="DZ12" s="198">
        <v>1599</v>
      </c>
      <c r="EA12" s="200">
        <v>1599</v>
      </c>
      <c r="EB12" s="37"/>
    </row>
    <row r="13" spans="1:132" ht="20.25" customHeight="1" x14ac:dyDescent="0.2">
      <c r="A13" s="62" t="s">
        <v>9</v>
      </c>
      <c r="B13" s="194">
        <v>0</v>
      </c>
      <c r="C13" s="195">
        <v>0</v>
      </c>
      <c r="D13" s="195">
        <v>0</v>
      </c>
      <c r="E13" s="196">
        <v>6</v>
      </c>
      <c r="F13" s="197">
        <v>3</v>
      </c>
      <c r="G13" s="197">
        <v>200</v>
      </c>
      <c r="H13" s="197">
        <v>376</v>
      </c>
      <c r="I13" s="195">
        <v>278</v>
      </c>
      <c r="J13" s="198">
        <v>863</v>
      </c>
      <c r="K13" s="199">
        <v>863</v>
      </c>
      <c r="L13" s="194">
        <v>0</v>
      </c>
      <c r="M13" s="195">
        <v>0</v>
      </c>
      <c r="N13" s="198">
        <v>0</v>
      </c>
      <c r="O13" s="196">
        <v>6</v>
      </c>
      <c r="P13" s="197">
        <v>3</v>
      </c>
      <c r="Q13" s="197">
        <v>200</v>
      </c>
      <c r="R13" s="197">
        <v>372</v>
      </c>
      <c r="S13" s="195">
        <v>276</v>
      </c>
      <c r="T13" s="198">
        <v>857</v>
      </c>
      <c r="U13" s="200">
        <v>857</v>
      </c>
      <c r="V13" s="201">
        <v>0</v>
      </c>
      <c r="W13" s="195">
        <v>0</v>
      </c>
      <c r="X13" s="198">
        <v>0</v>
      </c>
      <c r="Y13" s="201">
        <v>0</v>
      </c>
      <c r="Z13" s="197">
        <v>0</v>
      </c>
      <c r="AA13" s="197">
        <v>0</v>
      </c>
      <c r="AB13" s="197">
        <v>4</v>
      </c>
      <c r="AC13" s="195">
        <v>2</v>
      </c>
      <c r="AD13" s="198">
        <v>6</v>
      </c>
      <c r="AE13" s="202">
        <v>6</v>
      </c>
      <c r="AF13" s="201">
        <v>0</v>
      </c>
      <c r="AG13" s="195">
        <v>0</v>
      </c>
      <c r="AH13" s="198">
        <v>0</v>
      </c>
      <c r="AI13" s="201">
        <v>33</v>
      </c>
      <c r="AJ13" s="197">
        <v>64</v>
      </c>
      <c r="AK13" s="197">
        <v>94</v>
      </c>
      <c r="AL13" s="197">
        <v>121</v>
      </c>
      <c r="AM13" s="195">
        <v>60</v>
      </c>
      <c r="AN13" s="198">
        <v>372</v>
      </c>
      <c r="AO13" s="202">
        <v>372</v>
      </c>
      <c r="AP13" s="201">
        <v>0</v>
      </c>
      <c r="AQ13" s="195">
        <v>0</v>
      </c>
      <c r="AR13" s="198">
        <v>0</v>
      </c>
      <c r="AS13" s="196">
        <v>33</v>
      </c>
      <c r="AT13" s="197">
        <v>64</v>
      </c>
      <c r="AU13" s="197">
        <v>92</v>
      </c>
      <c r="AV13" s="197">
        <v>120</v>
      </c>
      <c r="AW13" s="195">
        <v>58</v>
      </c>
      <c r="AX13" s="198">
        <v>367</v>
      </c>
      <c r="AY13" s="199">
        <v>367</v>
      </c>
      <c r="AZ13" s="194">
        <v>0</v>
      </c>
      <c r="BA13" s="195">
        <v>0</v>
      </c>
      <c r="BB13" s="195">
        <v>0</v>
      </c>
      <c r="BC13" s="196">
        <v>0</v>
      </c>
      <c r="BD13" s="197">
        <v>0</v>
      </c>
      <c r="BE13" s="197">
        <v>2</v>
      </c>
      <c r="BF13" s="197">
        <v>1</v>
      </c>
      <c r="BG13" s="195">
        <v>2</v>
      </c>
      <c r="BH13" s="198">
        <v>5</v>
      </c>
      <c r="BI13" s="200">
        <v>5</v>
      </c>
      <c r="BJ13" s="201">
        <v>0</v>
      </c>
      <c r="BK13" s="195">
        <v>0</v>
      </c>
      <c r="BL13" s="195">
        <v>0</v>
      </c>
      <c r="BM13" s="196">
        <v>0</v>
      </c>
      <c r="BN13" s="197">
        <v>0</v>
      </c>
      <c r="BO13" s="197">
        <v>0</v>
      </c>
      <c r="BP13" s="197">
        <v>3</v>
      </c>
      <c r="BQ13" s="195">
        <v>2</v>
      </c>
      <c r="BR13" s="198">
        <v>5</v>
      </c>
      <c r="BS13" s="199">
        <v>5</v>
      </c>
      <c r="BT13" s="194">
        <v>0</v>
      </c>
      <c r="BU13" s="195">
        <v>0</v>
      </c>
      <c r="BV13" s="195">
        <v>0</v>
      </c>
      <c r="BW13" s="196">
        <v>0</v>
      </c>
      <c r="BX13" s="197">
        <v>0</v>
      </c>
      <c r="BY13" s="197">
        <v>0</v>
      </c>
      <c r="BZ13" s="197">
        <v>3</v>
      </c>
      <c r="CA13" s="195">
        <v>2</v>
      </c>
      <c r="CB13" s="198">
        <v>5</v>
      </c>
      <c r="CC13" s="200">
        <v>5</v>
      </c>
      <c r="CD13" s="201">
        <v>0</v>
      </c>
      <c r="CE13" s="195">
        <v>0</v>
      </c>
      <c r="CF13" s="195">
        <v>0</v>
      </c>
      <c r="CG13" s="196">
        <v>0</v>
      </c>
      <c r="CH13" s="197">
        <v>0</v>
      </c>
      <c r="CI13" s="197">
        <v>0</v>
      </c>
      <c r="CJ13" s="197">
        <v>0</v>
      </c>
      <c r="CK13" s="195">
        <v>0</v>
      </c>
      <c r="CL13" s="198">
        <v>0</v>
      </c>
      <c r="CM13" s="200">
        <v>0</v>
      </c>
      <c r="CN13" s="201">
        <v>0</v>
      </c>
      <c r="CO13" s="195">
        <v>0</v>
      </c>
      <c r="CP13" s="195">
        <v>0</v>
      </c>
      <c r="CQ13" s="196">
        <v>0</v>
      </c>
      <c r="CR13" s="197">
        <v>0</v>
      </c>
      <c r="CS13" s="197">
        <v>2</v>
      </c>
      <c r="CT13" s="197">
        <v>1</v>
      </c>
      <c r="CU13" s="195">
        <v>4</v>
      </c>
      <c r="CV13" s="198">
        <v>7</v>
      </c>
      <c r="CW13" s="199">
        <v>7</v>
      </c>
      <c r="CX13" s="194">
        <v>0</v>
      </c>
      <c r="CY13" s="195">
        <v>0</v>
      </c>
      <c r="CZ13" s="195">
        <v>0</v>
      </c>
      <c r="DA13" s="196">
        <v>0</v>
      </c>
      <c r="DB13" s="197">
        <v>0</v>
      </c>
      <c r="DC13" s="197">
        <v>2</v>
      </c>
      <c r="DD13" s="197">
        <v>1</v>
      </c>
      <c r="DE13" s="195">
        <v>4</v>
      </c>
      <c r="DF13" s="198">
        <v>7</v>
      </c>
      <c r="DG13" s="200">
        <v>7</v>
      </c>
      <c r="DH13" s="201">
        <v>0</v>
      </c>
      <c r="DI13" s="195">
        <v>0</v>
      </c>
      <c r="DJ13" s="195">
        <v>0</v>
      </c>
      <c r="DK13" s="196">
        <v>0</v>
      </c>
      <c r="DL13" s="197">
        <v>0</v>
      </c>
      <c r="DM13" s="197">
        <v>0</v>
      </c>
      <c r="DN13" s="197">
        <v>0</v>
      </c>
      <c r="DO13" s="195">
        <v>0</v>
      </c>
      <c r="DP13" s="198">
        <v>0</v>
      </c>
      <c r="DQ13" s="200">
        <v>0</v>
      </c>
      <c r="DR13" s="201">
        <v>0</v>
      </c>
      <c r="DS13" s="195">
        <v>0</v>
      </c>
      <c r="DT13" s="195">
        <v>0</v>
      </c>
      <c r="DU13" s="196">
        <v>39</v>
      </c>
      <c r="DV13" s="197">
        <v>67</v>
      </c>
      <c r="DW13" s="197">
        <v>295</v>
      </c>
      <c r="DX13" s="197">
        <v>498</v>
      </c>
      <c r="DY13" s="195">
        <v>343</v>
      </c>
      <c r="DZ13" s="198">
        <v>1242</v>
      </c>
      <c r="EA13" s="200">
        <v>1242</v>
      </c>
      <c r="EB13" s="37"/>
    </row>
    <row r="14" spans="1:132" ht="20.25" customHeight="1" x14ac:dyDescent="0.2">
      <c r="A14" s="62" t="s">
        <v>10</v>
      </c>
      <c r="B14" s="194">
        <v>0</v>
      </c>
      <c r="C14" s="195">
        <v>0</v>
      </c>
      <c r="D14" s="195">
        <v>0</v>
      </c>
      <c r="E14" s="196">
        <v>18</v>
      </c>
      <c r="F14" s="197">
        <v>48</v>
      </c>
      <c r="G14" s="197">
        <v>380</v>
      </c>
      <c r="H14" s="197">
        <v>522</v>
      </c>
      <c r="I14" s="195">
        <v>461</v>
      </c>
      <c r="J14" s="198">
        <v>1429</v>
      </c>
      <c r="K14" s="199">
        <v>1429</v>
      </c>
      <c r="L14" s="194">
        <v>0</v>
      </c>
      <c r="M14" s="195">
        <v>0</v>
      </c>
      <c r="N14" s="198">
        <v>0</v>
      </c>
      <c r="O14" s="196">
        <v>18</v>
      </c>
      <c r="P14" s="197">
        <v>48</v>
      </c>
      <c r="Q14" s="197">
        <v>377</v>
      </c>
      <c r="R14" s="197">
        <v>519</v>
      </c>
      <c r="S14" s="195">
        <v>454</v>
      </c>
      <c r="T14" s="198">
        <v>1416</v>
      </c>
      <c r="U14" s="200">
        <v>1416</v>
      </c>
      <c r="V14" s="201">
        <v>0</v>
      </c>
      <c r="W14" s="195">
        <v>0</v>
      </c>
      <c r="X14" s="198">
        <v>0</v>
      </c>
      <c r="Y14" s="201">
        <v>0</v>
      </c>
      <c r="Z14" s="197">
        <v>0</v>
      </c>
      <c r="AA14" s="197">
        <v>3</v>
      </c>
      <c r="AB14" s="197">
        <v>3</v>
      </c>
      <c r="AC14" s="195">
        <v>7</v>
      </c>
      <c r="AD14" s="198">
        <v>13</v>
      </c>
      <c r="AE14" s="202">
        <v>13</v>
      </c>
      <c r="AF14" s="201">
        <v>0</v>
      </c>
      <c r="AG14" s="195">
        <v>0</v>
      </c>
      <c r="AH14" s="198">
        <v>0</v>
      </c>
      <c r="AI14" s="201">
        <v>90</v>
      </c>
      <c r="AJ14" s="197">
        <v>130</v>
      </c>
      <c r="AK14" s="197">
        <v>161</v>
      </c>
      <c r="AL14" s="197">
        <v>161</v>
      </c>
      <c r="AM14" s="195">
        <v>101</v>
      </c>
      <c r="AN14" s="198">
        <v>643</v>
      </c>
      <c r="AO14" s="202">
        <v>643</v>
      </c>
      <c r="AP14" s="201">
        <v>0</v>
      </c>
      <c r="AQ14" s="195">
        <v>0</v>
      </c>
      <c r="AR14" s="198">
        <v>0</v>
      </c>
      <c r="AS14" s="196">
        <v>89</v>
      </c>
      <c r="AT14" s="197">
        <v>127</v>
      </c>
      <c r="AU14" s="197">
        <v>159</v>
      </c>
      <c r="AV14" s="197">
        <v>157</v>
      </c>
      <c r="AW14" s="195">
        <v>96</v>
      </c>
      <c r="AX14" s="198">
        <v>628</v>
      </c>
      <c r="AY14" s="199">
        <v>628</v>
      </c>
      <c r="AZ14" s="194">
        <v>0</v>
      </c>
      <c r="BA14" s="195">
        <v>0</v>
      </c>
      <c r="BB14" s="195">
        <v>0</v>
      </c>
      <c r="BC14" s="196">
        <v>1</v>
      </c>
      <c r="BD14" s="197">
        <v>3</v>
      </c>
      <c r="BE14" s="197">
        <v>2</v>
      </c>
      <c r="BF14" s="197">
        <v>4</v>
      </c>
      <c r="BG14" s="195">
        <v>5</v>
      </c>
      <c r="BH14" s="198">
        <v>15</v>
      </c>
      <c r="BI14" s="200">
        <v>15</v>
      </c>
      <c r="BJ14" s="201">
        <v>0</v>
      </c>
      <c r="BK14" s="195">
        <v>0</v>
      </c>
      <c r="BL14" s="195">
        <v>0</v>
      </c>
      <c r="BM14" s="196">
        <v>0</v>
      </c>
      <c r="BN14" s="197">
        <v>0</v>
      </c>
      <c r="BO14" s="197">
        <v>0</v>
      </c>
      <c r="BP14" s="197">
        <v>2</v>
      </c>
      <c r="BQ14" s="195">
        <v>10</v>
      </c>
      <c r="BR14" s="198">
        <v>12</v>
      </c>
      <c r="BS14" s="199">
        <v>12</v>
      </c>
      <c r="BT14" s="194">
        <v>0</v>
      </c>
      <c r="BU14" s="195">
        <v>0</v>
      </c>
      <c r="BV14" s="195">
        <v>0</v>
      </c>
      <c r="BW14" s="196">
        <v>0</v>
      </c>
      <c r="BX14" s="197">
        <v>0</v>
      </c>
      <c r="BY14" s="197">
        <v>0</v>
      </c>
      <c r="BZ14" s="197">
        <v>2</v>
      </c>
      <c r="CA14" s="195">
        <v>10</v>
      </c>
      <c r="CB14" s="198">
        <v>12</v>
      </c>
      <c r="CC14" s="200">
        <v>12</v>
      </c>
      <c r="CD14" s="201">
        <v>0</v>
      </c>
      <c r="CE14" s="195">
        <v>0</v>
      </c>
      <c r="CF14" s="195">
        <v>0</v>
      </c>
      <c r="CG14" s="196">
        <v>0</v>
      </c>
      <c r="CH14" s="197">
        <v>0</v>
      </c>
      <c r="CI14" s="197">
        <v>0</v>
      </c>
      <c r="CJ14" s="197">
        <v>0</v>
      </c>
      <c r="CK14" s="195">
        <v>0</v>
      </c>
      <c r="CL14" s="198">
        <v>0</v>
      </c>
      <c r="CM14" s="200">
        <v>0</v>
      </c>
      <c r="CN14" s="201">
        <v>0</v>
      </c>
      <c r="CO14" s="195">
        <v>0</v>
      </c>
      <c r="CP14" s="195">
        <v>0</v>
      </c>
      <c r="CQ14" s="196">
        <v>1</v>
      </c>
      <c r="CR14" s="197">
        <v>0</v>
      </c>
      <c r="CS14" s="197">
        <v>2</v>
      </c>
      <c r="CT14" s="197">
        <v>3</v>
      </c>
      <c r="CU14" s="195">
        <v>26</v>
      </c>
      <c r="CV14" s="198">
        <v>32</v>
      </c>
      <c r="CW14" s="199">
        <v>32</v>
      </c>
      <c r="CX14" s="194">
        <v>0</v>
      </c>
      <c r="CY14" s="195">
        <v>0</v>
      </c>
      <c r="CZ14" s="195">
        <v>0</v>
      </c>
      <c r="DA14" s="196">
        <v>1</v>
      </c>
      <c r="DB14" s="197">
        <v>0</v>
      </c>
      <c r="DC14" s="197">
        <v>2</v>
      </c>
      <c r="DD14" s="197">
        <v>3</v>
      </c>
      <c r="DE14" s="195">
        <v>26</v>
      </c>
      <c r="DF14" s="198">
        <v>32</v>
      </c>
      <c r="DG14" s="200">
        <v>32</v>
      </c>
      <c r="DH14" s="201">
        <v>0</v>
      </c>
      <c r="DI14" s="195">
        <v>0</v>
      </c>
      <c r="DJ14" s="195">
        <v>0</v>
      </c>
      <c r="DK14" s="196">
        <v>0</v>
      </c>
      <c r="DL14" s="197">
        <v>0</v>
      </c>
      <c r="DM14" s="197">
        <v>0</v>
      </c>
      <c r="DN14" s="197">
        <v>0</v>
      </c>
      <c r="DO14" s="195">
        <v>0</v>
      </c>
      <c r="DP14" s="198">
        <v>0</v>
      </c>
      <c r="DQ14" s="200">
        <v>0</v>
      </c>
      <c r="DR14" s="201">
        <v>0</v>
      </c>
      <c r="DS14" s="195">
        <v>0</v>
      </c>
      <c r="DT14" s="195">
        <v>0</v>
      </c>
      <c r="DU14" s="196">
        <v>109</v>
      </c>
      <c r="DV14" s="197">
        <v>178</v>
      </c>
      <c r="DW14" s="197">
        <v>541</v>
      </c>
      <c r="DX14" s="197">
        <v>685</v>
      </c>
      <c r="DY14" s="195">
        <v>596</v>
      </c>
      <c r="DZ14" s="198">
        <v>2109</v>
      </c>
      <c r="EA14" s="200">
        <v>2109</v>
      </c>
      <c r="EB14" s="37"/>
    </row>
    <row r="15" spans="1:132" ht="20.25" customHeight="1" x14ac:dyDescent="0.2">
      <c r="A15" s="62" t="s">
        <v>11</v>
      </c>
      <c r="B15" s="194">
        <v>0</v>
      </c>
      <c r="C15" s="195">
        <v>0</v>
      </c>
      <c r="D15" s="195">
        <v>0</v>
      </c>
      <c r="E15" s="196">
        <v>2</v>
      </c>
      <c r="F15" s="197">
        <v>7</v>
      </c>
      <c r="G15" s="197">
        <v>219</v>
      </c>
      <c r="H15" s="197">
        <v>347</v>
      </c>
      <c r="I15" s="195">
        <v>183</v>
      </c>
      <c r="J15" s="198">
        <v>758</v>
      </c>
      <c r="K15" s="199">
        <v>758</v>
      </c>
      <c r="L15" s="194">
        <v>0</v>
      </c>
      <c r="M15" s="195">
        <v>0</v>
      </c>
      <c r="N15" s="198">
        <v>0</v>
      </c>
      <c r="O15" s="196">
        <v>2</v>
      </c>
      <c r="P15" s="197">
        <v>7</v>
      </c>
      <c r="Q15" s="197">
        <v>219</v>
      </c>
      <c r="R15" s="197">
        <v>345</v>
      </c>
      <c r="S15" s="195">
        <v>182</v>
      </c>
      <c r="T15" s="198">
        <v>755</v>
      </c>
      <c r="U15" s="200">
        <v>755</v>
      </c>
      <c r="V15" s="201">
        <v>0</v>
      </c>
      <c r="W15" s="195">
        <v>0</v>
      </c>
      <c r="X15" s="198">
        <v>0</v>
      </c>
      <c r="Y15" s="201">
        <v>0</v>
      </c>
      <c r="Z15" s="197">
        <v>0</v>
      </c>
      <c r="AA15" s="197">
        <v>0</v>
      </c>
      <c r="AB15" s="197">
        <v>2</v>
      </c>
      <c r="AC15" s="195">
        <v>1</v>
      </c>
      <c r="AD15" s="198">
        <v>3</v>
      </c>
      <c r="AE15" s="202">
        <v>3</v>
      </c>
      <c r="AF15" s="201">
        <v>0</v>
      </c>
      <c r="AG15" s="195">
        <v>0</v>
      </c>
      <c r="AH15" s="198">
        <v>0</v>
      </c>
      <c r="AI15" s="201">
        <v>79</v>
      </c>
      <c r="AJ15" s="197">
        <v>93</v>
      </c>
      <c r="AK15" s="197">
        <v>136</v>
      </c>
      <c r="AL15" s="197">
        <v>152</v>
      </c>
      <c r="AM15" s="195">
        <v>62</v>
      </c>
      <c r="AN15" s="198">
        <v>522</v>
      </c>
      <c r="AO15" s="202">
        <v>522</v>
      </c>
      <c r="AP15" s="201">
        <v>0</v>
      </c>
      <c r="AQ15" s="195">
        <v>0</v>
      </c>
      <c r="AR15" s="198">
        <v>0</v>
      </c>
      <c r="AS15" s="196">
        <v>77</v>
      </c>
      <c r="AT15" s="197">
        <v>91</v>
      </c>
      <c r="AU15" s="197">
        <v>133</v>
      </c>
      <c r="AV15" s="197">
        <v>152</v>
      </c>
      <c r="AW15" s="195">
        <v>62</v>
      </c>
      <c r="AX15" s="198">
        <v>515</v>
      </c>
      <c r="AY15" s="199">
        <v>515</v>
      </c>
      <c r="AZ15" s="194">
        <v>0</v>
      </c>
      <c r="BA15" s="195">
        <v>0</v>
      </c>
      <c r="BB15" s="195">
        <v>0</v>
      </c>
      <c r="BC15" s="196">
        <v>2</v>
      </c>
      <c r="BD15" s="197">
        <v>2</v>
      </c>
      <c r="BE15" s="197">
        <v>3</v>
      </c>
      <c r="BF15" s="197">
        <v>0</v>
      </c>
      <c r="BG15" s="195">
        <v>0</v>
      </c>
      <c r="BH15" s="198">
        <v>7</v>
      </c>
      <c r="BI15" s="200">
        <v>7</v>
      </c>
      <c r="BJ15" s="201">
        <v>0</v>
      </c>
      <c r="BK15" s="195">
        <v>0</v>
      </c>
      <c r="BL15" s="195">
        <v>0</v>
      </c>
      <c r="BM15" s="196">
        <v>0</v>
      </c>
      <c r="BN15" s="197">
        <v>0</v>
      </c>
      <c r="BO15" s="197">
        <v>0</v>
      </c>
      <c r="BP15" s="197">
        <v>0</v>
      </c>
      <c r="BQ15" s="195">
        <v>1</v>
      </c>
      <c r="BR15" s="198">
        <v>1</v>
      </c>
      <c r="BS15" s="199">
        <v>1</v>
      </c>
      <c r="BT15" s="194">
        <v>0</v>
      </c>
      <c r="BU15" s="195">
        <v>0</v>
      </c>
      <c r="BV15" s="195">
        <v>0</v>
      </c>
      <c r="BW15" s="196">
        <v>0</v>
      </c>
      <c r="BX15" s="197">
        <v>0</v>
      </c>
      <c r="BY15" s="197">
        <v>0</v>
      </c>
      <c r="BZ15" s="197">
        <v>0</v>
      </c>
      <c r="CA15" s="195">
        <v>1</v>
      </c>
      <c r="CB15" s="198">
        <v>1</v>
      </c>
      <c r="CC15" s="200">
        <v>1</v>
      </c>
      <c r="CD15" s="201">
        <v>0</v>
      </c>
      <c r="CE15" s="195">
        <v>0</v>
      </c>
      <c r="CF15" s="195">
        <v>0</v>
      </c>
      <c r="CG15" s="196">
        <v>0</v>
      </c>
      <c r="CH15" s="197">
        <v>0</v>
      </c>
      <c r="CI15" s="197">
        <v>0</v>
      </c>
      <c r="CJ15" s="197">
        <v>0</v>
      </c>
      <c r="CK15" s="195">
        <v>0</v>
      </c>
      <c r="CL15" s="198">
        <v>0</v>
      </c>
      <c r="CM15" s="200">
        <v>0</v>
      </c>
      <c r="CN15" s="201">
        <v>0</v>
      </c>
      <c r="CO15" s="195">
        <v>0</v>
      </c>
      <c r="CP15" s="195">
        <v>0</v>
      </c>
      <c r="CQ15" s="196">
        <v>4</v>
      </c>
      <c r="CR15" s="197">
        <v>6</v>
      </c>
      <c r="CS15" s="197">
        <v>5</v>
      </c>
      <c r="CT15" s="197">
        <v>8</v>
      </c>
      <c r="CU15" s="195">
        <v>18</v>
      </c>
      <c r="CV15" s="198">
        <v>41</v>
      </c>
      <c r="CW15" s="199">
        <v>41</v>
      </c>
      <c r="CX15" s="194">
        <v>0</v>
      </c>
      <c r="CY15" s="195">
        <v>0</v>
      </c>
      <c r="CZ15" s="195">
        <v>0</v>
      </c>
      <c r="DA15" s="196">
        <v>3</v>
      </c>
      <c r="DB15" s="197">
        <v>6</v>
      </c>
      <c r="DC15" s="197">
        <v>5</v>
      </c>
      <c r="DD15" s="197">
        <v>8</v>
      </c>
      <c r="DE15" s="195">
        <v>15</v>
      </c>
      <c r="DF15" s="198">
        <v>37</v>
      </c>
      <c r="DG15" s="200">
        <v>37</v>
      </c>
      <c r="DH15" s="201">
        <v>0</v>
      </c>
      <c r="DI15" s="195">
        <v>0</v>
      </c>
      <c r="DJ15" s="195">
        <v>0</v>
      </c>
      <c r="DK15" s="196">
        <v>1</v>
      </c>
      <c r="DL15" s="197">
        <v>0</v>
      </c>
      <c r="DM15" s="197">
        <v>0</v>
      </c>
      <c r="DN15" s="197">
        <v>0</v>
      </c>
      <c r="DO15" s="195">
        <v>3</v>
      </c>
      <c r="DP15" s="198">
        <v>4</v>
      </c>
      <c r="DQ15" s="200">
        <v>4</v>
      </c>
      <c r="DR15" s="201">
        <v>0</v>
      </c>
      <c r="DS15" s="195">
        <v>0</v>
      </c>
      <c r="DT15" s="195">
        <v>0</v>
      </c>
      <c r="DU15" s="196">
        <v>85</v>
      </c>
      <c r="DV15" s="197">
        <v>106</v>
      </c>
      <c r="DW15" s="197">
        <v>359</v>
      </c>
      <c r="DX15" s="197">
        <v>505</v>
      </c>
      <c r="DY15" s="195">
        <v>263</v>
      </c>
      <c r="DZ15" s="198">
        <v>1318</v>
      </c>
      <c r="EA15" s="200">
        <v>1318</v>
      </c>
      <c r="EB15" s="37"/>
    </row>
    <row r="16" spans="1:132" ht="20.25" customHeight="1" x14ac:dyDescent="0.2">
      <c r="A16" s="62" t="s">
        <v>12</v>
      </c>
      <c r="B16" s="194">
        <v>0</v>
      </c>
      <c r="C16" s="195">
        <v>0</v>
      </c>
      <c r="D16" s="195">
        <v>0</v>
      </c>
      <c r="E16" s="196">
        <v>2</v>
      </c>
      <c r="F16" s="197">
        <v>20</v>
      </c>
      <c r="G16" s="197">
        <v>174</v>
      </c>
      <c r="H16" s="197">
        <v>305</v>
      </c>
      <c r="I16" s="195">
        <v>231</v>
      </c>
      <c r="J16" s="198">
        <v>732</v>
      </c>
      <c r="K16" s="199">
        <v>732</v>
      </c>
      <c r="L16" s="194">
        <v>0</v>
      </c>
      <c r="M16" s="195">
        <v>0</v>
      </c>
      <c r="N16" s="198">
        <v>0</v>
      </c>
      <c r="O16" s="196">
        <v>2</v>
      </c>
      <c r="P16" s="197">
        <v>20</v>
      </c>
      <c r="Q16" s="197">
        <v>174</v>
      </c>
      <c r="R16" s="197">
        <v>305</v>
      </c>
      <c r="S16" s="195">
        <v>224</v>
      </c>
      <c r="T16" s="198">
        <v>725</v>
      </c>
      <c r="U16" s="200">
        <v>725</v>
      </c>
      <c r="V16" s="201">
        <v>0</v>
      </c>
      <c r="W16" s="195">
        <v>0</v>
      </c>
      <c r="X16" s="198">
        <v>0</v>
      </c>
      <c r="Y16" s="201">
        <v>0</v>
      </c>
      <c r="Z16" s="197">
        <v>0</v>
      </c>
      <c r="AA16" s="197">
        <v>0</v>
      </c>
      <c r="AB16" s="197">
        <v>0</v>
      </c>
      <c r="AC16" s="195">
        <v>7</v>
      </c>
      <c r="AD16" s="198">
        <v>7</v>
      </c>
      <c r="AE16" s="202">
        <v>7</v>
      </c>
      <c r="AF16" s="201">
        <v>0</v>
      </c>
      <c r="AG16" s="195">
        <v>0</v>
      </c>
      <c r="AH16" s="198">
        <v>0</v>
      </c>
      <c r="AI16" s="201">
        <v>43</v>
      </c>
      <c r="AJ16" s="197">
        <v>80</v>
      </c>
      <c r="AK16" s="197">
        <v>161</v>
      </c>
      <c r="AL16" s="197">
        <v>176</v>
      </c>
      <c r="AM16" s="195">
        <v>70</v>
      </c>
      <c r="AN16" s="198">
        <v>530</v>
      </c>
      <c r="AO16" s="202">
        <v>530</v>
      </c>
      <c r="AP16" s="201">
        <v>0</v>
      </c>
      <c r="AQ16" s="195">
        <v>0</v>
      </c>
      <c r="AR16" s="198">
        <v>0</v>
      </c>
      <c r="AS16" s="196">
        <v>42</v>
      </c>
      <c r="AT16" s="197">
        <v>79</v>
      </c>
      <c r="AU16" s="197">
        <v>159</v>
      </c>
      <c r="AV16" s="197">
        <v>173</v>
      </c>
      <c r="AW16" s="195">
        <v>70</v>
      </c>
      <c r="AX16" s="198">
        <v>523</v>
      </c>
      <c r="AY16" s="199">
        <v>523</v>
      </c>
      <c r="AZ16" s="194">
        <v>0</v>
      </c>
      <c r="BA16" s="195">
        <v>0</v>
      </c>
      <c r="BB16" s="195">
        <v>0</v>
      </c>
      <c r="BC16" s="196">
        <v>1</v>
      </c>
      <c r="BD16" s="197">
        <v>1</v>
      </c>
      <c r="BE16" s="197">
        <v>2</v>
      </c>
      <c r="BF16" s="197">
        <v>3</v>
      </c>
      <c r="BG16" s="195">
        <v>0</v>
      </c>
      <c r="BH16" s="198">
        <v>7</v>
      </c>
      <c r="BI16" s="200">
        <v>7</v>
      </c>
      <c r="BJ16" s="201">
        <v>0</v>
      </c>
      <c r="BK16" s="195">
        <v>0</v>
      </c>
      <c r="BL16" s="195">
        <v>0</v>
      </c>
      <c r="BM16" s="196">
        <v>0</v>
      </c>
      <c r="BN16" s="197">
        <v>0</v>
      </c>
      <c r="BO16" s="197">
        <v>0</v>
      </c>
      <c r="BP16" s="197">
        <v>10</v>
      </c>
      <c r="BQ16" s="195">
        <v>9</v>
      </c>
      <c r="BR16" s="198">
        <v>19</v>
      </c>
      <c r="BS16" s="199">
        <v>19</v>
      </c>
      <c r="BT16" s="194">
        <v>0</v>
      </c>
      <c r="BU16" s="195">
        <v>0</v>
      </c>
      <c r="BV16" s="195">
        <v>0</v>
      </c>
      <c r="BW16" s="196">
        <v>0</v>
      </c>
      <c r="BX16" s="197">
        <v>0</v>
      </c>
      <c r="BY16" s="197">
        <v>0</v>
      </c>
      <c r="BZ16" s="197">
        <v>10</v>
      </c>
      <c r="CA16" s="195">
        <v>9</v>
      </c>
      <c r="CB16" s="198">
        <v>19</v>
      </c>
      <c r="CC16" s="200">
        <v>19</v>
      </c>
      <c r="CD16" s="201">
        <v>0</v>
      </c>
      <c r="CE16" s="195">
        <v>0</v>
      </c>
      <c r="CF16" s="195">
        <v>0</v>
      </c>
      <c r="CG16" s="196">
        <v>0</v>
      </c>
      <c r="CH16" s="197">
        <v>0</v>
      </c>
      <c r="CI16" s="197">
        <v>0</v>
      </c>
      <c r="CJ16" s="197">
        <v>0</v>
      </c>
      <c r="CK16" s="195">
        <v>0</v>
      </c>
      <c r="CL16" s="198">
        <v>0</v>
      </c>
      <c r="CM16" s="200">
        <v>0</v>
      </c>
      <c r="CN16" s="201">
        <v>0</v>
      </c>
      <c r="CO16" s="195">
        <v>0</v>
      </c>
      <c r="CP16" s="195">
        <v>0</v>
      </c>
      <c r="CQ16" s="196">
        <v>0</v>
      </c>
      <c r="CR16" s="197">
        <v>1</v>
      </c>
      <c r="CS16" s="197">
        <v>2</v>
      </c>
      <c r="CT16" s="197">
        <v>3</v>
      </c>
      <c r="CU16" s="195">
        <v>5</v>
      </c>
      <c r="CV16" s="198">
        <v>11</v>
      </c>
      <c r="CW16" s="199">
        <v>11</v>
      </c>
      <c r="CX16" s="194">
        <v>0</v>
      </c>
      <c r="CY16" s="195">
        <v>0</v>
      </c>
      <c r="CZ16" s="195">
        <v>0</v>
      </c>
      <c r="DA16" s="196">
        <v>0</v>
      </c>
      <c r="DB16" s="197">
        <v>1</v>
      </c>
      <c r="DC16" s="197">
        <v>2</v>
      </c>
      <c r="DD16" s="197">
        <v>3</v>
      </c>
      <c r="DE16" s="195">
        <v>5</v>
      </c>
      <c r="DF16" s="198">
        <v>11</v>
      </c>
      <c r="DG16" s="200">
        <v>11</v>
      </c>
      <c r="DH16" s="201">
        <v>0</v>
      </c>
      <c r="DI16" s="195">
        <v>0</v>
      </c>
      <c r="DJ16" s="195">
        <v>0</v>
      </c>
      <c r="DK16" s="196">
        <v>0</v>
      </c>
      <c r="DL16" s="197">
        <v>0</v>
      </c>
      <c r="DM16" s="197">
        <v>0</v>
      </c>
      <c r="DN16" s="197">
        <v>0</v>
      </c>
      <c r="DO16" s="195">
        <v>0</v>
      </c>
      <c r="DP16" s="198">
        <v>0</v>
      </c>
      <c r="DQ16" s="200">
        <v>0</v>
      </c>
      <c r="DR16" s="201">
        <v>0</v>
      </c>
      <c r="DS16" s="195">
        <v>0</v>
      </c>
      <c r="DT16" s="195">
        <v>0</v>
      </c>
      <c r="DU16" s="196">
        <v>45</v>
      </c>
      <c r="DV16" s="197">
        <v>101</v>
      </c>
      <c r="DW16" s="197">
        <v>337</v>
      </c>
      <c r="DX16" s="197">
        <v>486</v>
      </c>
      <c r="DY16" s="195">
        <v>312</v>
      </c>
      <c r="DZ16" s="198">
        <v>1281</v>
      </c>
      <c r="EA16" s="200">
        <v>1281</v>
      </c>
      <c r="EB16" s="37"/>
    </row>
    <row r="17" spans="1:132" ht="20.25" customHeight="1" x14ac:dyDescent="0.2">
      <c r="A17" s="62" t="s">
        <v>13</v>
      </c>
      <c r="B17" s="194">
        <v>0</v>
      </c>
      <c r="C17" s="195">
        <v>0</v>
      </c>
      <c r="D17" s="195">
        <v>0</v>
      </c>
      <c r="E17" s="196">
        <v>3</v>
      </c>
      <c r="F17" s="197">
        <v>1</v>
      </c>
      <c r="G17" s="197">
        <v>72</v>
      </c>
      <c r="H17" s="197">
        <v>145</v>
      </c>
      <c r="I17" s="195">
        <v>114</v>
      </c>
      <c r="J17" s="198">
        <v>335</v>
      </c>
      <c r="K17" s="199">
        <v>335</v>
      </c>
      <c r="L17" s="194">
        <v>0</v>
      </c>
      <c r="M17" s="195">
        <v>0</v>
      </c>
      <c r="N17" s="198">
        <v>0</v>
      </c>
      <c r="O17" s="196">
        <v>3</v>
      </c>
      <c r="P17" s="197">
        <v>1</v>
      </c>
      <c r="Q17" s="197">
        <v>71</v>
      </c>
      <c r="R17" s="197">
        <v>145</v>
      </c>
      <c r="S17" s="195">
        <v>114</v>
      </c>
      <c r="T17" s="198">
        <v>334</v>
      </c>
      <c r="U17" s="200">
        <v>334</v>
      </c>
      <c r="V17" s="201">
        <v>0</v>
      </c>
      <c r="W17" s="195">
        <v>0</v>
      </c>
      <c r="X17" s="198">
        <v>0</v>
      </c>
      <c r="Y17" s="201">
        <v>0</v>
      </c>
      <c r="Z17" s="197">
        <v>0</v>
      </c>
      <c r="AA17" s="197">
        <v>1</v>
      </c>
      <c r="AB17" s="197">
        <v>0</v>
      </c>
      <c r="AC17" s="195">
        <v>0</v>
      </c>
      <c r="AD17" s="198">
        <v>1</v>
      </c>
      <c r="AE17" s="202">
        <v>1</v>
      </c>
      <c r="AF17" s="201">
        <v>0</v>
      </c>
      <c r="AG17" s="195">
        <v>0</v>
      </c>
      <c r="AH17" s="198">
        <v>0</v>
      </c>
      <c r="AI17" s="201">
        <v>13</v>
      </c>
      <c r="AJ17" s="197">
        <v>26</v>
      </c>
      <c r="AK17" s="197">
        <v>36</v>
      </c>
      <c r="AL17" s="197">
        <v>27</v>
      </c>
      <c r="AM17" s="195">
        <v>21</v>
      </c>
      <c r="AN17" s="198">
        <v>123</v>
      </c>
      <c r="AO17" s="202">
        <v>123</v>
      </c>
      <c r="AP17" s="201">
        <v>0</v>
      </c>
      <c r="AQ17" s="195">
        <v>0</v>
      </c>
      <c r="AR17" s="198">
        <v>0</v>
      </c>
      <c r="AS17" s="196">
        <v>13</v>
      </c>
      <c r="AT17" s="197">
        <v>26</v>
      </c>
      <c r="AU17" s="197">
        <v>33</v>
      </c>
      <c r="AV17" s="197">
        <v>27</v>
      </c>
      <c r="AW17" s="195">
        <v>20</v>
      </c>
      <c r="AX17" s="198">
        <v>119</v>
      </c>
      <c r="AY17" s="199">
        <v>119</v>
      </c>
      <c r="AZ17" s="194">
        <v>0</v>
      </c>
      <c r="BA17" s="195">
        <v>0</v>
      </c>
      <c r="BB17" s="195">
        <v>0</v>
      </c>
      <c r="BC17" s="196">
        <v>0</v>
      </c>
      <c r="BD17" s="197">
        <v>0</v>
      </c>
      <c r="BE17" s="197">
        <v>3</v>
      </c>
      <c r="BF17" s="197">
        <v>0</v>
      </c>
      <c r="BG17" s="195">
        <v>1</v>
      </c>
      <c r="BH17" s="198">
        <v>4</v>
      </c>
      <c r="BI17" s="200">
        <v>4</v>
      </c>
      <c r="BJ17" s="201">
        <v>0</v>
      </c>
      <c r="BK17" s="195">
        <v>0</v>
      </c>
      <c r="BL17" s="195">
        <v>0</v>
      </c>
      <c r="BM17" s="196">
        <v>0</v>
      </c>
      <c r="BN17" s="197">
        <v>0</v>
      </c>
      <c r="BO17" s="197">
        <v>0</v>
      </c>
      <c r="BP17" s="197">
        <v>0</v>
      </c>
      <c r="BQ17" s="195">
        <v>0</v>
      </c>
      <c r="BR17" s="198">
        <v>0</v>
      </c>
      <c r="BS17" s="199">
        <v>0</v>
      </c>
      <c r="BT17" s="194">
        <v>0</v>
      </c>
      <c r="BU17" s="195">
        <v>0</v>
      </c>
      <c r="BV17" s="195">
        <v>0</v>
      </c>
      <c r="BW17" s="196">
        <v>0</v>
      </c>
      <c r="BX17" s="197">
        <v>0</v>
      </c>
      <c r="BY17" s="197">
        <v>0</v>
      </c>
      <c r="BZ17" s="197">
        <v>0</v>
      </c>
      <c r="CA17" s="195">
        <v>0</v>
      </c>
      <c r="CB17" s="198">
        <v>0</v>
      </c>
      <c r="CC17" s="200">
        <v>0</v>
      </c>
      <c r="CD17" s="201">
        <v>0</v>
      </c>
      <c r="CE17" s="195">
        <v>0</v>
      </c>
      <c r="CF17" s="195">
        <v>0</v>
      </c>
      <c r="CG17" s="196">
        <v>0</v>
      </c>
      <c r="CH17" s="197">
        <v>0</v>
      </c>
      <c r="CI17" s="197">
        <v>0</v>
      </c>
      <c r="CJ17" s="197">
        <v>0</v>
      </c>
      <c r="CK17" s="195">
        <v>0</v>
      </c>
      <c r="CL17" s="198">
        <v>0</v>
      </c>
      <c r="CM17" s="200">
        <v>0</v>
      </c>
      <c r="CN17" s="201">
        <v>0</v>
      </c>
      <c r="CO17" s="195">
        <v>0</v>
      </c>
      <c r="CP17" s="195">
        <v>0</v>
      </c>
      <c r="CQ17" s="196">
        <v>0</v>
      </c>
      <c r="CR17" s="197">
        <v>0</v>
      </c>
      <c r="CS17" s="197">
        <v>0</v>
      </c>
      <c r="CT17" s="197">
        <v>0</v>
      </c>
      <c r="CU17" s="195">
        <v>0</v>
      </c>
      <c r="CV17" s="198">
        <v>0</v>
      </c>
      <c r="CW17" s="199">
        <v>0</v>
      </c>
      <c r="CX17" s="194">
        <v>0</v>
      </c>
      <c r="CY17" s="195">
        <v>0</v>
      </c>
      <c r="CZ17" s="195">
        <v>0</v>
      </c>
      <c r="DA17" s="196">
        <v>0</v>
      </c>
      <c r="DB17" s="197">
        <v>0</v>
      </c>
      <c r="DC17" s="197">
        <v>0</v>
      </c>
      <c r="DD17" s="197">
        <v>0</v>
      </c>
      <c r="DE17" s="195">
        <v>0</v>
      </c>
      <c r="DF17" s="198">
        <v>0</v>
      </c>
      <c r="DG17" s="200">
        <v>0</v>
      </c>
      <c r="DH17" s="201">
        <v>0</v>
      </c>
      <c r="DI17" s="195">
        <v>0</v>
      </c>
      <c r="DJ17" s="195">
        <v>0</v>
      </c>
      <c r="DK17" s="196">
        <v>0</v>
      </c>
      <c r="DL17" s="197">
        <v>0</v>
      </c>
      <c r="DM17" s="197">
        <v>0</v>
      </c>
      <c r="DN17" s="197">
        <v>0</v>
      </c>
      <c r="DO17" s="195">
        <v>0</v>
      </c>
      <c r="DP17" s="198">
        <v>0</v>
      </c>
      <c r="DQ17" s="200">
        <v>0</v>
      </c>
      <c r="DR17" s="201">
        <v>0</v>
      </c>
      <c r="DS17" s="195">
        <v>0</v>
      </c>
      <c r="DT17" s="195">
        <v>0</v>
      </c>
      <c r="DU17" s="196">
        <v>16</v>
      </c>
      <c r="DV17" s="197">
        <v>27</v>
      </c>
      <c r="DW17" s="197">
        <v>108</v>
      </c>
      <c r="DX17" s="197">
        <v>172</v>
      </c>
      <c r="DY17" s="195">
        <v>135</v>
      </c>
      <c r="DZ17" s="198">
        <v>458</v>
      </c>
      <c r="EA17" s="200">
        <v>458</v>
      </c>
      <c r="EB17" s="37"/>
    </row>
    <row r="18" spans="1:132" ht="20.25" customHeight="1" x14ac:dyDescent="0.2">
      <c r="A18" s="62" t="s">
        <v>15</v>
      </c>
      <c r="B18" s="194">
        <v>0</v>
      </c>
      <c r="C18" s="195">
        <v>0</v>
      </c>
      <c r="D18" s="195">
        <v>0</v>
      </c>
      <c r="E18" s="196">
        <v>0</v>
      </c>
      <c r="F18" s="197">
        <v>1</v>
      </c>
      <c r="G18" s="197">
        <v>82</v>
      </c>
      <c r="H18" s="197">
        <v>130</v>
      </c>
      <c r="I18" s="195">
        <v>76</v>
      </c>
      <c r="J18" s="198">
        <v>289</v>
      </c>
      <c r="K18" s="199">
        <v>289</v>
      </c>
      <c r="L18" s="194">
        <v>0</v>
      </c>
      <c r="M18" s="195">
        <v>0</v>
      </c>
      <c r="N18" s="198">
        <v>0</v>
      </c>
      <c r="O18" s="196">
        <v>0</v>
      </c>
      <c r="P18" s="197">
        <v>1</v>
      </c>
      <c r="Q18" s="197">
        <v>82</v>
      </c>
      <c r="R18" s="197">
        <v>129</v>
      </c>
      <c r="S18" s="195">
        <v>75</v>
      </c>
      <c r="T18" s="198">
        <v>287</v>
      </c>
      <c r="U18" s="200">
        <v>287</v>
      </c>
      <c r="V18" s="201">
        <v>0</v>
      </c>
      <c r="W18" s="195">
        <v>0</v>
      </c>
      <c r="X18" s="198">
        <v>0</v>
      </c>
      <c r="Y18" s="201">
        <v>0</v>
      </c>
      <c r="Z18" s="197">
        <v>0</v>
      </c>
      <c r="AA18" s="197">
        <v>0</v>
      </c>
      <c r="AB18" s="197">
        <v>1</v>
      </c>
      <c r="AC18" s="195">
        <v>1</v>
      </c>
      <c r="AD18" s="198">
        <v>2</v>
      </c>
      <c r="AE18" s="202">
        <v>2</v>
      </c>
      <c r="AF18" s="201">
        <v>0</v>
      </c>
      <c r="AG18" s="195">
        <v>0</v>
      </c>
      <c r="AH18" s="198">
        <v>0</v>
      </c>
      <c r="AI18" s="201">
        <v>28</v>
      </c>
      <c r="AJ18" s="197">
        <v>37</v>
      </c>
      <c r="AK18" s="197">
        <v>42</v>
      </c>
      <c r="AL18" s="197">
        <v>45</v>
      </c>
      <c r="AM18" s="195">
        <v>26</v>
      </c>
      <c r="AN18" s="198">
        <v>178</v>
      </c>
      <c r="AO18" s="202">
        <v>178</v>
      </c>
      <c r="AP18" s="201">
        <v>0</v>
      </c>
      <c r="AQ18" s="195">
        <v>0</v>
      </c>
      <c r="AR18" s="198">
        <v>0</v>
      </c>
      <c r="AS18" s="196">
        <v>27</v>
      </c>
      <c r="AT18" s="197">
        <v>36</v>
      </c>
      <c r="AU18" s="197">
        <v>42</v>
      </c>
      <c r="AV18" s="197">
        <v>43</v>
      </c>
      <c r="AW18" s="195">
        <v>25</v>
      </c>
      <c r="AX18" s="198">
        <v>173</v>
      </c>
      <c r="AY18" s="199">
        <v>173</v>
      </c>
      <c r="AZ18" s="194">
        <v>0</v>
      </c>
      <c r="BA18" s="195">
        <v>0</v>
      </c>
      <c r="BB18" s="195">
        <v>0</v>
      </c>
      <c r="BC18" s="196">
        <v>1</v>
      </c>
      <c r="BD18" s="197">
        <v>1</v>
      </c>
      <c r="BE18" s="197">
        <v>0</v>
      </c>
      <c r="BF18" s="197">
        <v>2</v>
      </c>
      <c r="BG18" s="195">
        <v>1</v>
      </c>
      <c r="BH18" s="198">
        <v>5</v>
      </c>
      <c r="BI18" s="200">
        <v>5</v>
      </c>
      <c r="BJ18" s="201">
        <v>0</v>
      </c>
      <c r="BK18" s="195">
        <v>0</v>
      </c>
      <c r="BL18" s="195">
        <v>0</v>
      </c>
      <c r="BM18" s="196">
        <v>0</v>
      </c>
      <c r="BN18" s="197">
        <v>0</v>
      </c>
      <c r="BO18" s="197">
        <v>0</v>
      </c>
      <c r="BP18" s="197">
        <v>0</v>
      </c>
      <c r="BQ18" s="195">
        <v>1</v>
      </c>
      <c r="BR18" s="198">
        <v>1</v>
      </c>
      <c r="BS18" s="199">
        <v>1</v>
      </c>
      <c r="BT18" s="194">
        <v>0</v>
      </c>
      <c r="BU18" s="195">
        <v>0</v>
      </c>
      <c r="BV18" s="195">
        <v>0</v>
      </c>
      <c r="BW18" s="196">
        <v>0</v>
      </c>
      <c r="BX18" s="197">
        <v>0</v>
      </c>
      <c r="BY18" s="197">
        <v>0</v>
      </c>
      <c r="BZ18" s="197">
        <v>0</v>
      </c>
      <c r="CA18" s="195">
        <v>1</v>
      </c>
      <c r="CB18" s="198">
        <v>1</v>
      </c>
      <c r="CC18" s="200">
        <v>1</v>
      </c>
      <c r="CD18" s="201">
        <v>0</v>
      </c>
      <c r="CE18" s="195">
        <v>0</v>
      </c>
      <c r="CF18" s="195">
        <v>0</v>
      </c>
      <c r="CG18" s="196">
        <v>0</v>
      </c>
      <c r="CH18" s="197">
        <v>0</v>
      </c>
      <c r="CI18" s="197">
        <v>0</v>
      </c>
      <c r="CJ18" s="197">
        <v>0</v>
      </c>
      <c r="CK18" s="195">
        <v>0</v>
      </c>
      <c r="CL18" s="198">
        <v>0</v>
      </c>
      <c r="CM18" s="200">
        <v>0</v>
      </c>
      <c r="CN18" s="201">
        <v>0</v>
      </c>
      <c r="CO18" s="195">
        <v>0</v>
      </c>
      <c r="CP18" s="195">
        <v>0</v>
      </c>
      <c r="CQ18" s="196">
        <v>0</v>
      </c>
      <c r="CR18" s="197">
        <v>0</v>
      </c>
      <c r="CS18" s="197">
        <v>0</v>
      </c>
      <c r="CT18" s="197">
        <v>0</v>
      </c>
      <c r="CU18" s="195">
        <v>0</v>
      </c>
      <c r="CV18" s="198">
        <v>0</v>
      </c>
      <c r="CW18" s="199">
        <v>0</v>
      </c>
      <c r="CX18" s="194">
        <v>0</v>
      </c>
      <c r="CY18" s="195">
        <v>0</v>
      </c>
      <c r="CZ18" s="195">
        <v>0</v>
      </c>
      <c r="DA18" s="196">
        <v>0</v>
      </c>
      <c r="DB18" s="197">
        <v>0</v>
      </c>
      <c r="DC18" s="197">
        <v>0</v>
      </c>
      <c r="DD18" s="197">
        <v>0</v>
      </c>
      <c r="DE18" s="195">
        <v>0</v>
      </c>
      <c r="DF18" s="198">
        <v>0</v>
      </c>
      <c r="DG18" s="200">
        <v>0</v>
      </c>
      <c r="DH18" s="201">
        <v>0</v>
      </c>
      <c r="DI18" s="195">
        <v>0</v>
      </c>
      <c r="DJ18" s="195">
        <v>0</v>
      </c>
      <c r="DK18" s="196">
        <v>0</v>
      </c>
      <c r="DL18" s="197">
        <v>0</v>
      </c>
      <c r="DM18" s="197">
        <v>0</v>
      </c>
      <c r="DN18" s="197">
        <v>0</v>
      </c>
      <c r="DO18" s="195">
        <v>0</v>
      </c>
      <c r="DP18" s="198">
        <v>0</v>
      </c>
      <c r="DQ18" s="200">
        <v>0</v>
      </c>
      <c r="DR18" s="201">
        <v>0</v>
      </c>
      <c r="DS18" s="195">
        <v>0</v>
      </c>
      <c r="DT18" s="195">
        <v>0</v>
      </c>
      <c r="DU18" s="196">
        <v>28</v>
      </c>
      <c r="DV18" s="197">
        <v>38</v>
      </c>
      <c r="DW18" s="197">
        <v>124</v>
      </c>
      <c r="DX18" s="197">
        <v>175</v>
      </c>
      <c r="DY18" s="195">
        <v>103</v>
      </c>
      <c r="DZ18" s="198">
        <v>468</v>
      </c>
      <c r="EA18" s="200">
        <v>468</v>
      </c>
      <c r="EB18" s="37"/>
    </row>
    <row r="19" spans="1:132" ht="20.25" customHeight="1" x14ac:dyDescent="0.2">
      <c r="A19" s="62" t="s">
        <v>16</v>
      </c>
      <c r="B19" s="194">
        <v>0</v>
      </c>
      <c r="C19" s="195">
        <v>0</v>
      </c>
      <c r="D19" s="195">
        <v>0</v>
      </c>
      <c r="E19" s="196">
        <v>7</v>
      </c>
      <c r="F19" s="197">
        <v>24</v>
      </c>
      <c r="G19" s="197">
        <v>190</v>
      </c>
      <c r="H19" s="197">
        <v>280</v>
      </c>
      <c r="I19" s="195">
        <v>206</v>
      </c>
      <c r="J19" s="198">
        <v>707</v>
      </c>
      <c r="K19" s="199">
        <v>707</v>
      </c>
      <c r="L19" s="194">
        <v>0</v>
      </c>
      <c r="M19" s="195">
        <v>0</v>
      </c>
      <c r="N19" s="198">
        <v>0</v>
      </c>
      <c r="O19" s="196">
        <v>7</v>
      </c>
      <c r="P19" s="197">
        <v>24</v>
      </c>
      <c r="Q19" s="197">
        <v>190</v>
      </c>
      <c r="R19" s="197">
        <v>278</v>
      </c>
      <c r="S19" s="195">
        <v>201</v>
      </c>
      <c r="T19" s="198">
        <v>700</v>
      </c>
      <c r="U19" s="200">
        <v>700</v>
      </c>
      <c r="V19" s="201">
        <v>0</v>
      </c>
      <c r="W19" s="195">
        <v>0</v>
      </c>
      <c r="X19" s="198">
        <v>0</v>
      </c>
      <c r="Y19" s="201">
        <v>0</v>
      </c>
      <c r="Z19" s="197">
        <v>0</v>
      </c>
      <c r="AA19" s="197">
        <v>0</v>
      </c>
      <c r="AB19" s="197">
        <v>2</v>
      </c>
      <c r="AC19" s="195">
        <v>5</v>
      </c>
      <c r="AD19" s="198">
        <v>7</v>
      </c>
      <c r="AE19" s="202">
        <v>7</v>
      </c>
      <c r="AF19" s="201">
        <v>0</v>
      </c>
      <c r="AG19" s="195">
        <v>0</v>
      </c>
      <c r="AH19" s="198">
        <v>0</v>
      </c>
      <c r="AI19" s="201">
        <v>70</v>
      </c>
      <c r="AJ19" s="197">
        <v>96</v>
      </c>
      <c r="AK19" s="197">
        <v>134</v>
      </c>
      <c r="AL19" s="197">
        <v>139</v>
      </c>
      <c r="AM19" s="195">
        <v>53</v>
      </c>
      <c r="AN19" s="198">
        <v>492</v>
      </c>
      <c r="AO19" s="202">
        <v>492</v>
      </c>
      <c r="AP19" s="201">
        <v>0</v>
      </c>
      <c r="AQ19" s="195">
        <v>0</v>
      </c>
      <c r="AR19" s="198">
        <v>0</v>
      </c>
      <c r="AS19" s="196">
        <v>69</v>
      </c>
      <c r="AT19" s="197">
        <v>95</v>
      </c>
      <c r="AU19" s="197">
        <v>133</v>
      </c>
      <c r="AV19" s="197">
        <v>138</v>
      </c>
      <c r="AW19" s="195">
        <v>52</v>
      </c>
      <c r="AX19" s="198">
        <v>487</v>
      </c>
      <c r="AY19" s="199">
        <v>487</v>
      </c>
      <c r="AZ19" s="194">
        <v>0</v>
      </c>
      <c r="BA19" s="195">
        <v>0</v>
      </c>
      <c r="BB19" s="195">
        <v>0</v>
      </c>
      <c r="BC19" s="196">
        <v>1</v>
      </c>
      <c r="BD19" s="197">
        <v>1</v>
      </c>
      <c r="BE19" s="197">
        <v>1</v>
      </c>
      <c r="BF19" s="197">
        <v>1</v>
      </c>
      <c r="BG19" s="195">
        <v>1</v>
      </c>
      <c r="BH19" s="198">
        <v>5</v>
      </c>
      <c r="BI19" s="200">
        <v>5</v>
      </c>
      <c r="BJ19" s="201">
        <v>0</v>
      </c>
      <c r="BK19" s="195">
        <v>0</v>
      </c>
      <c r="BL19" s="195">
        <v>0</v>
      </c>
      <c r="BM19" s="196">
        <v>0</v>
      </c>
      <c r="BN19" s="197">
        <v>0</v>
      </c>
      <c r="BO19" s="197">
        <v>0</v>
      </c>
      <c r="BP19" s="197">
        <v>0</v>
      </c>
      <c r="BQ19" s="195">
        <v>2</v>
      </c>
      <c r="BR19" s="198">
        <v>2</v>
      </c>
      <c r="BS19" s="199">
        <v>2</v>
      </c>
      <c r="BT19" s="194">
        <v>0</v>
      </c>
      <c r="BU19" s="195">
        <v>0</v>
      </c>
      <c r="BV19" s="195">
        <v>0</v>
      </c>
      <c r="BW19" s="196">
        <v>0</v>
      </c>
      <c r="BX19" s="197">
        <v>0</v>
      </c>
      <c r="BY19" s="197">
        <v>0</v>
      </c>
      <c r="BZ19" s="197">
        <v>0</v>
      </c>
      <c r="CA19" s="195">
        <v>2</v>
      </c>
      <c r="CB19" s="198">
        <v>2</v>
      </c>
      <c r="CC19" s="200">
        <v>2</v>
      </c>
      <c r="CD19" s="201">
        <v>0</v>
      </c>
      <c r="CE19" s="195">
        <v>0</v>
      </c>
      <c r="CF19" s="195">
        <v>0</v>
      </c>
      <c r="CG19" s="196">
        <v>0</v>
      </c>
      <c r="CH19" s="197">
        <v>0</v>
      </c>
      <c r="CI19" s="197">
        <v>0</v>
      </c>
      <c r="CJ19" s="197">
        <v>0</v>
      </c>
      <c r="CK19" s="195">
        <v>0</v>
      </c>
      <c r="CL19" s="198">
        <v>0</v>
      </c>
      <c r="CM19" s="200">
        <v>0</v>
      </c>
      <c r="CN19" s="201">
        <v>0</v>
      </c>
      <c r="CO19" s="195">
        <v>0</v>
      </c>
      <c r="CP19" s="195">
        <v>0</v>
      </c>
      <c r="CQ19" s="196">
        <v>0</v>
      </c>
      <c r="CR19" s="197">
        <v>0</v>
      </c>
      <c r="CS19" s="197">
        <v>8</v>
      </c>
      <c r="CT19" s="197">
        <v>14</v>
      </c>
      <c r="CU19" s="195">
        <v>9</v>
      </c>
      <c r="CV19" s="198">
        <v>31</v>
      </c>
      <c r="CW19" s="199">
        <v>31</v>
      </c>
      <c r="CX19" s="194">
        <v>0</v>
      </c>
      <c r="CY19" s="195">
        <v>0</v>
      </c>
      <c r="CZ19" s="195">
        <v>0</v>
      </c>
      <c r="DA19" s="196">
        <v>0</v>
      </c>
      <c r="DB19" s="197">
        <v>0</v>
      </c>
      <c r="DC19" s="197">
        <v>8</v>
      </c>
      <c r="DD19" s="197">
        <v>14</v>
      </c>
      <c r="DE19" s="195">
        <v>9</v>
      </c>
      <c r="DF19" s="198">
        <v>31</v>
      </c>
      <c r="DG19" s="200">
        <v>31</v>
      </c>
      <c r="DH19" s="201">
        <v>0</v>
      </c>
      <c r="DI19" s="195">
        <v>0</v>
      </c>
      <c r="DJ19" s="195">
        <v>0</v>
      </c>
      <c r="DK19" s="196">
        <v>0</v>
      </c>
      <c r="DL19" s="197">
        <v>0</v>
      </c>
      <c r="DM19" s="197">
        <v>0</v>
      </c>
      <c r="DN19" s="197">
        <v>0</v>
      </c>
      <c r="DO19" s="195">
        <v>0</v>
      </c>
      <c r="DP19" s="198">
        <v>0</v>
      </c>
      <c r="DQ19" s="200">
        <v>0</v>
      </c>
      <c r="DR19" s="201">
        <v>0</v>
      </c>
      <c r="DS19" s="195">
        <v>0</v>
      </c>
      <c r="DT19" s="195">
        <v>0</v>
      </c>
      <c r="DU19" s="196">
        <v>77</v>
      </c>
      <c r="DV19" s="197">
        <v>120</v>
      </c>
      <c r="DW19" s="197">
        <v>328</v>
      </c>
      <c r="DX19" s="197">
        <v>430</v>
      </c>
      <c r="DY19" s="195">
        <v>269</v>
      </c>
      <c r="DZ19" s="198">
        <v>1224</v>
      </c>
      <c r="EA19" s="200">
        <v>1224</v>
      </c>
      <c r="EB19" s="37"/>
    </row>
    <row r="20" spans="1:132" ht="20.25" customHeight="1" x14ac:dyDescent="0.2">
      <c r="A20" s="62" t="s">
        <v>17</v>
      </c>
      <c r="B20" s="194">
        <v>0</v>
      </c>
      <c r="C20" s="195">
        <v>0</v>
      </c>
      <c r="D20" s="195">
        <v>0</v>
      </c>
      <c r="E20" s="196">
        <v>5</v>
      </c>
      <c r="F20" s="197">
        <v>18</v>
      </c>
      <c r="G20" s="197">
        <v>198</v>
      </c>
      <c r="H20" s="197">
        <v>276</v>
      </c>
      <c r="I20" s="195">
        <v>202</v>
      </c>
      <c r="J20" s="198">
        <v>699</v>
      </c>
      <c r="K20" s="199">
        <v>699</v>
      </c>
      <c r="L20" s="194">
        <v>0</v>
      </c>
      <c r="M20" s="195">
        <v>0</v>
      </c>
      <c r="N20" s="198">
        <v>0</v>
      </c>
      <c r="O20" s="196">
        <v>5</v>
      </c>
      <c r="P20" s="197">
        <v>18</v>
      </c>
      <c r="Q20" s="197">
        <v>197</v>
      </c>
      <c r="R20" s="197">
        <v>274</v>
      </c>
      <c r="S20" s="195">
        <v>200</v>
      </c>
      <c r="T20" s="198">
        <v>694</v>
      </c>
      <c r="U20" s="200">
        <v>694</v>
      </c>
      <c r="V20" s="201">
        <v>0</v>
      </c>
      <c r="W20" s="195">
        <v>0</v>
      </c>
      <c r="X20" s="198">
        <v>0</v>
      </c>
      <c r="Y20" s="201">
        <v>0</v>
      </c>
      <c r="Z20" s="197">
        <v>0</v>
      </c>
      <c r="AA20" s="197">
        <v>1</v>
      </c>
      <c r="AB20" s="197">
        <v>2</v>
      </c>
      <c r="AC20" s="195">
        <v>2</v>
      </c>
      <c r="AD20" s="198">
        <v>5</v>
      </c>
      <c r="AE20" s="202">
        <v>5</v>
      </c>
      <c r="AF20" s="201">
        <v>0</v>
      </c>
      <c r="AG20" s="195">
        <v>0</v>
      </c>
      <c r="AH20" s="198">
        <v>0</v>
      </c>
      <c r="AI20" s="201">
        <v>43</v>
      </c>
      <c r="AJ20" s="197">
        <v>101</v>
      </c>
      <c r="AK20" s="197">
        <v>143</v>
      </c>
      <c r="AL20" s="197">
        <v>119</v>
      </c>
      <c r="AM20" s="195">
        <v>72</v>
      </c>
      <c r="AN20" s="198">
        <v>478</v>
      </c>
      <c r="AO20" s="202">
        <v>478</v>
      </c>
      <c r="AP20" s="201">
        <v>0</v>
      </c>
      <c r="AQ20" s="195">
        <v>0</v>
      </c>
      <c r="AR20" s="198">
        <v>0</v>
      </c>
      <c r="AS20" s="196">
        <v>41</v>
      </c>
      <c r="AT20" s="197">
        <v>100</v>
      </c>
      <c r="AU20" s="197">
        <v>138</v>
      </c>
      <c r="AV20" s="197">
        <v>115</v>
      </c>
      <c r="AW20" s="195">
        <v>71</v>
      </c>
      <c r="AX20" s="198">
        <v>465</v>
      </c>
      <c r="AY20" s="199">
        <v>465</v>
      </c>
      <c r="AZ20" s="194">
        <v>0</v>
      </c>
      <c r="BA20" s="195">
        <v>0</v>
      </c>
      <c r="BB20" s="195">
        <v>0</v>
      </c>
      <c r="BC20" s="196">
        <v>2</v>
      </c>
      <c r="BD20" s="197">
        <v>1</v>
      </c>
      <c r="BE20" s="197">
        <v>5</v>
      </c>
      <c r="BF20" s="197">
        <v>4</v>
      </c>
      <c r="BG20" s="195">
        <v>1</v>
      </c>
      <c r="BH20" s="198">
        <v>13</v>
      </c>
      <c r="BI20" s="200">
        <v>13</v>
      </c>
      <c r="BJ20" s="201">
        <v>0</v>
      </c>
      <c r="BK20" s="195">
        <v>0</v>
      </c>
      <c r="BL20" s="195">
        <v>0</v>
      </c>
      <c r="BM20" s="196">
        <v>0</v>
      </c>
      <c r="BN20" s="197">
        <v>0</v>
      </c>
      <c r="BO20" s="197">
        <v>1</v>
      </c>
      <c r="BP20" s="197">
        <v>1</v>
      </c>
      <c r="BQ20" s="195">
        <v>3</v>
      </c>
      <c r="BR20" s="198">
        <v>5</v>
      </c>
      <c r="BS20" s="199">
        <v>5</v>
      </c>
      <c r="BT20" s="194">
        <v>0</v>
      </c>
      <c r="BU20" s="195">
        <v>0</v>
      </c>
      <c r="BV20" s="195">
        <v>0</v>
      </c>
      <c r="BW20" s="196">
        <v>0</v>
      </c>
      <c r="BX20" s="197">
        <v>0</v>
      </c>
      <c r="BY20" s="197">
        <v>1</v>
      </c>
      <c r="BZ20" s="197">
        <v>1</v>
      </c>
      <c r="CA20" s="195">
        <v>3</v>
      </c>
      <c r="CB20" s="198">
        <v>5</v>
      </c>
      <c r="CC20" s="200">
        <v>5</v>
      </c>
      <c r="CD20" s="201">
        <v>0</v>
      </c>
      <c r="CE20" s="195">
        <v>0</v>
      </c>
      <c r="CF20" s="195">
        <v>0</v>
      </c>
      <c r="CG20" s="196">
        <v>0</v>
      </c>
      <c r="CH20" s="197">
        <v>0</v>
      </c>
      <c r="CI20" s="197">
        <v>0</v>
      </c>
      <c r="CJ20" s="197">
        <v>0</v>
      </c>
      <c r="CK20" s="195">
        <v>0</v>
      </c>
      <c r="CL20" s="198">
        <v>0</v>
      </c>
      <c r="CM20" s="200">
        <v>0</v>
      </c>
      <c r="CN20" s="201">
        <v>0</v>
      </c>
      <c r="CO20" s="195">
        <v>0</v>
      </c>
      <c r="CP20" s="195">
        <v>0</v>
      </c>
      <c r="CQ20" s="196">
        <v>0</v>
      </c>
      <c r="CR20" s="197">
        <v>0</v>
      </c>
      <c r="CS20" s="197">
        <v>2</v>
      </c>
      <c r="CT20" s="197">
        <v>4</v>
      </c>
      <c r="CU20" s="195">
        <v>14</v>
      </c>
      <c r="CV20" s="198">
        <v>20</v>
      </c>
      <c r="CW20" s="199">
        <v>20</v>
      </c>
      <c r="CX20" s="194">
        <v>0</v>
      </c>
      <c r="CY20" s="195">
        <v>0</v>
      </c>
      <c r="CZ20" s="195">
        <v>0</v>
      </c>
      <c r="DA20" s="196">
        <v>0</v>
      </c>
      <c r="DB20" s="197">
        <v>0</v>
      </c>
      <c r="DC20" s="197">
        <v>2</v>
      </c>
      <c r="DD20" s="197">
        <v>4</v>
      </c>
      <c r="DE20" s="195">
        <v>14</v>
      </c>
      <c r="DF20" s="198">
        <v>20</v>
      </c>
      <c r="DG20" s="200">
        <v>20</v>
      </c>
      <c r="DH20" s="201">
        <v>0</v>
      </c>
      <c r="DI20" s="195">
        <v>0</v>
      </c>
      <c r="DJ20" s="195">
        <v>0</v>
      </c>
      <c r="DK20" s="196">
        <v>0</v>
      </c>
      <c r="DL20" s="197">
        <v>0</v>
      </c>
      <c r="DM20" s="197">
        <v>0</v>
      </c>
      <c r="DN20" s="197">
        <v>0</v>
      </c>
      <c r="DO20" s="195">
        <v>0</v>
      </c>
      <c r="DP20" s="198">
        <v>0</v>
      </c>
      <c r="DQ20" s="200">
        <v>0</v>
      </c>
      <c r="DR20" s="201">
        <v>0</v>
      </c>
      <c r="DS20" s="195">
        <v>0</v>
      </c>
      <c r="DT20" s="195">
        <v>0</v>
      </c>
      <c r="DU20" s="196">
        <v>48</v>
      </c>
      <c r="DV20" s="197">
        <v>119</v>
      </c>
      <c r="DW20" s="197">
        <v>344</v>
      </c>
      <c r="DX20" s="197">
        <v>400</v>
      </c>
      <c r="DY20" s="195">
        <v>291</v>
      </c>
      <c r="DZ20" s="198">
        <v>1202</v>
      </c>
      <c r="EA20" s="200">
        <v>1202</v>
      </c>
      <c r="EB20" s="37"/>
    </row>
    <row r="21" spans="1:132" ht="20.25" customHeight="1" x14ac:dyDescent="0.2">
      <c r="A21" s="62" t="s">
        <v>18</v>
      </c>
      <c r="B21" s="194">
        <v>0</v>
      </c>
      <c r="C21" s="195">
        <v>0</v>
      </c>
      <c r="D21" s="195">
        <v>0</v>
      </c>
      <c r="E21" s="196">
        <v>5</v>
      </c>
      <c r="F21" s="197">
        <v>15</v>
      </c>
      <c r="G21" s="197">
        <v>180</v>
      </c>
      <c r="H21" s="197">
        <v>386</v>
      </c>
      <c r="I21" s="195">
        <v>260</v>
      </c>
      <c r="J21" s="198">
        <v>846</v>
      </c>
      <c r="K21" s="199">
        <v>846</v>
      </c>
      <c r="L21" s="194">
        <v>0</v>
      </c>
      <c r="M21" s="195">
        <v>0</v>
      </c>
      <c r="N21" s="198">
        <v>0</v>
      </c>
      <c r="O21" s="196">
        <v>5</v>
      </c>
      <c r="P21" s="197">
        <v>15</v>
      </c>
      <c r="Q21" s="197">
        <v>177</v>
      </c>
      <c r="R21" s="197">
        <v>384</v>
      </c>
      <c r="S21" s="195">
        <v>255</v>
      </c>
      <c r="T21" s="198">
        <v>836</v>
      </c>
      <c r="U21" s="200">
        <v>836</v>
      </c>
      <c r="V21" s="201">
        <v>0</v>
      </c>
      <c r="W21" s="195">
        <v>0</v>
      </c>
      <c r="X21" s="198">
        <v>0</v>
      </c>
      <c r="Y21" s="201">
        <v>0</v>
      </c>
      <c r="Z21" s="197">
        <v>0</v>
      </c>
      <c r="AA21" s="197">
        <v>3</v>
      </c>
      <c r="AB21" s="197">
        <v>2</v>
      </c>
      <c r="AC21" s="195">
        <v>5</v>
      </c>
      <c r="AD21" s="198">
        <v>10</v>
      </c>
      <c r="AE21" s="202">
        <v>10</v>
      </c>
      <c r="AF21" s="201">
        <v>0</v>
      </c>
      <c r="AG21" s="195">
        <v>0</v>
      </c>
      <c r="AH21" s="198">
        <v>0</v>
      </c>
      <c r="AI21" s="201">
        <v>36</v>
      </c>
      <c r="AJ21" s="197">
        <v>68</v>
      </c>
      <c r="AK21" s="197">
        <v>100</v>
      </c>
      <c r="AL21" s="197">
        <v>130</v>
      </c>
      <c r="AM21" s="195">
        <v>75</v>
      </c>
      <c r="AN21" s="198">
        <v>409</v>
      </c>
      <c r="AO21" s="202">
        <v>409</v>
      </c>
      <c r="AP21" s="201">
        <v>0</v>
      </c>
      <c r="AQ21" s="195">
        <v>0</v>
      </c>
      <c r="AR21" s="198">
        <v>0</v>
      </c>
      <c r="AS21" s="196">
        <v>35</v>
      </c>
      <c r="AT21" s="197">
        <v>66</v>
      </c>
      <c r="AU21" s="197">
        <v>97</v>
      </c>
      <c r="AV21" s="197">
        <v>128</v>
      </c>
      <c r="AW21" s="195">
        <v>74</v>
      </c>
      <c r="AX21" s="198">
        <v>400</v>
      </c>
      <c r="AY21" s="199">
        <v>400</v>
      </c>
      <c r="AZ21" s="194">
        <v>0</v>
      </c>
      <c r="BA21" s="195">
        <v>0</v>
      </c>
      <c r="BB21" s="195">
        <v>0</v>
      </c>
      <c r="BC21" s="196">
        <v>1</v>
      </c>
      <c r="BD21" s="197">
        <v>2</v>
      </c>
      <c r="BE21" s="197">
        <v>3</v>
      </c>
      <c r="BF21" s="197">
        <v>2</v>
      </c>
      <c r="BG21" s="195">
        <v>1</v>
      </c>
      <c r="BH21" s="198">
        <v>9</v>
      </c>
      <c r="BI21" s="200">
        <v>9</v>
      </c>
      <c r="BJ21" s="201">
        <v>0</v>
      </c>
      <c r="BK21" s="195">
        <v>0</v>
      </c>
      <c r="BL21" s="195">
        <v>0</v>
      </c>
      <c r="BM21" s="196">
        <v>0</v>
      </c>
      <c r="BN21" s="197">
        <v>0</v>
      </c>
      <c r="BO21" s="197">
        <v>0</v>
      </c>
      <c r="BP21" s="197">
        <v>2</v>
      </c>
      <c r="BQ21" s="195">
        <v>9</v>
      </c>
      <c r="BR21" s="198">
        <v>11</v>
      </c>
      <c r="BS21" s="199">
        <v>11</v>
      </c>
      <c r="BT21" s="194">
        <v>0</v>
      </c>
      <c r="BU21" s="195">
        <v>0</v>
      </c>
      <c r="BV21" s="195">
        <v>0</v>
      </c>
      <c r="BW21" s="196">
        <v>0</v>
      </c>
      <c r="BX21" s="197">
        <v>0</v>
      </c>
      <c r="BY21" s="197">
        <v>0</v>
      </c>
      <c r="BZ21" s="197">
        <v>2</v>
      </c>
      <c r="CA21" s="195">
        <v>9</v>
      </c>
      <c r="CB21" s="198">
        <v>11</v>
      </c>
      <c r="CC21" s="200">
        <v>11</v>
      </c>
      <c r="CD21" s="201">
        <v>0</v>
      </c>
      <c r="CE21" s="195">
        <v>0</v>
      </c>
      <c r="CF21" s="195">
        <v>0</v>
      </c>
      <c r="CG21" s="196">
        <v>0</v>
      </c>
      <c r="CH21" s="197">
        <v>0</v>
      </c>
      <c r="CI21" s="197">
        <v>0</v>
      </c>
      <c r="CJ21" s="197">
        <v>0</v>
      </c>
      <c r="CK21" s="195">
        <v>0</v>
      </c>
      <c r="CL21" s="198">
        <v>0</v>
      </c>
      <c r="CM21" s="200">
        <v>0</v>
      </c>
      <c r="CN21" s="201">
        <v>0</v>
      </c>
      <c r="CO21" s="195">
        <v>0</v>
      </c>
      <c r="CP21" s="195">
        <v>0</v>
      </c>
      <c r="CQ21" s="196">
        <v>0</v>
      </c>
      <c r="CR21" s="197">
        <v>0</v>
      </c>
      <c r="CS21" s="197">
        <v>2</v>
      </c>
      <c r="CT21" s="197">
        <v>10</v>
      </c>
      <c r="CU21" s="195">
        <v>18</v>
      </c>
      <c r="CV21" s="198">
        <v>30</v>
      </c>
      <c r="CW21" s="199">
        <v>30</v>
      </c>
      <c r="CX21" s="194">
        <v>0</v>
      </c>
      <c r="CY21" s="195">
        <v>0</v>
      </c>
      <c r="CZ21" s="195">
        <v>0</v>
      </c>
      <c r="DA21" s="196">
        <v>0</v>
      </c>
      <c r="DB21" s="197">
        <v>0</v>
      </c>
      <c r="DC21" s="197">
        <v>2</v>
      </c>
      <c r="DD21" s="197">
        <v>10</v>
      </c>
      <c r="DE21" s="195">
        <v>17</v>
      </c>
      <c r="DF21" s="198">
        <v>29</v>
      </c>
      <c r="DG21" s="200">
        <v>29</v>
      </c>
      <c r="DH21" s="201">
        <v>0</v>
      </c>
      <c r="DI21" s="195">
        <v>0</v>
      </c>
      <c r="DJ21" s="195">
        <v>0</v>
      </c>
      <c r="DK21" s="196">
        <v>0</v>
      </c>
      <c r="DL21" s="197">
        <v>0</v>
      </c>
      <c r="DM21" s="197">
        <v>0</v>
      </c>
      <c r="DN21" s="197">
        <v>0</v>
      </c>
      <c r="DO21" s="195">
        <v>1</v>
      </c>
      <c r="DP21" s="198">
        <v>1</v>
      </c>
      <c r="DQ21" s="200">
        <v>1</v>
      </c>
      <c r="DR21" s="201">
        <v>0</v>
      </c>
      <c r="DS21" s="195">
        <v>0</v>
      </c>
      <c r="DT21" s="195">
        <v>0</v>
      </c>
      <c r="DU21" s="196">
        <v>41</v>
      </c>
      <c r="DV21" s="197">
        <v>83</v>
      </c>
      <c r="DW21" s="197">
        <v>281</v>
      </c>
      <c r="DX21" s="197">
        <v>524</v>
      </c>
      <c r="DY21" s="195">
        <v>360</v>
      </c>
      <c r="DZ21" s="198">
        <v>1289</v>
      </c>
      <c r="EA21" s="200">
        <v>1289</v>
      </c>
      <c r="EB21" s="37"/>
    </row>
    <row r="22" spans="1:132" ht="20.25" customHeight="1" x14ac:dyDescent="0.2">
      <c r="A22" s="62" t="s">
        <v>19</v>
      </c>
      <c r="B22" s="194">
        <v>0</v>
      </c>
      <c r="C22" s="195">
        <v>0</v>
      </c>
      <c r="D22" s="195">
        <v>0</v>
      </c>
      <c r="E22" s="196">
        <v>0</v>
      </c>
      <c r="F22" s="197">
        <v>8</v>
      </c>
      <c r="G22" s="197">
        <v>113</v>
      </c>
      <c r="H22" s="197">
        <v>138</v>
      </c>
      <c r="I22" s="195">
        <v>86</v>
      </c>
      <c r="J22" s="198">
        <v>345</v>
      </c>
      <c r="K22" s="199">
        <v>345</v>
      </c>
      <c r="L22" s="194">
        <v>0</v>
      </c>
      <c r="M22" s="195">
        <v>0</v>
      </c>
      <c r="N22" s="198">
        <v>0</v>
      </c>
      <c r="O22" s="196">
        <v>0</v>
      </c>
      <c r="P22" s="197">
        <v>8</v>
      </c>
      <c r="Q22" s="197">
        <v>112</v>
      </c>
      <c r="R22" s="197">
        <v>138</v>
      </c>
      <c r="S22" s="195">
        <v>86</v>
      </c>
      <c r="T22" s="198">
        <v>344</v>
      </c>
      <c r="U22" s="200">
        <v>344</v>
      </c>
      <c r="V22" s="201">
        <v>0</v>
      </c>
      <c r="W22" s="195">
        <v>0</v>
      </c>
      <c r="X22" s="198">
        <v>0</v>
      </c>
      <c r="Y22" s="201">
        <v>0</v>
      </c>
      <c r="Z22" s="197">
        <v>0</v>
      </c>
      <c r="AA22" s="197">
        <v>1</v>
      </c>
      <c r="AB22" s="197">
        <v>0</v>
      </c>
      <c r="AC22" s="195">
        <v>0</v>
      </c>
      <c r="AD22" s="198">
        <v>1</v>
      </c>
      <c r="AE22" s="202">
        <v>1</v>
      </c>
      <c r="AF22" s="201">
        <v>0</v>
      </c>
      <c r="AG22" s="195">
        <v>0</v>
      </c>
      <c r="AH22" s="198">
        <v>0</v>
      </c>
      <c r="AI22" s="201">
        <v>22</v>
      </c>
      <c r="AJ22" s="197">
        <v>52</v>
      </c>
      <c r="AK22" s="197">
        <v>67</v>
      </c>
      <c r="AL22" s="197">
        <v>59</v>
      </c>
      <c r="AM22" s="195">
        <v>31</v>
      </c>
      <c r="AN22" s="198">
        <v>231</v>
      </c>
      <c r="AO22" s="202">
        <v>231</v>
      </c>
      <c r="AP22" s="201">
        <v>0</v>
      </c>
      <c r="AQ22" s="195">
        <v>0</v>
      </c>
      <c r="AR22" s="198">
        <v>0</v>
      </c>
      <c r="AS22" s="196">
        <v>22</v>
      </c>
      <c r="AT22" s="197">
        <v>52</v>
      </c>
      <c r="AU22" s="197">
        <v>65</v>
      </c>
      <c r="AV22" s="197">
        <v>58</v>
      </c>
      <c r="AW22" s="195">
        <v>31</v>
      </c>
      <c r="AX22" s="198">
        <v>228</v>
      </c>
      <c r="AY22" s="199">
        <v>228</v>
      </c>
      <c r="AZ22" s="194">
        <v>0</v>
      </c>
      <c r="BA22" s="195">
        <v>0</v>
      </c>
      <c r="BB22" s="195">
        <v>0</v>
      </c>
      <c r="BC22" s="196">
        <v>0</v>
      </c>
      <c r="BD22" s="197">
        <v>0</v>
      </c>
      <c r="BE22" s="197">
        <v>2</v>
      </c>
      <c r="BF22" s="197">
        <v>1</v>
      </c>
      <c r="BG22" s="195">
        <v>0</v>
      </c>
      <c r="BH22" s="198">
        <v>3</v>
      </c>
      <c r="BI22" s="200">
        <v>3</v>
      </c>
      <c r="BJ22" s="201">
        <v>0</v>
      </c>
      <c r="BK22" s="195">
        <v>0</v>
      </c>
      <c r="BL22" s="195">
        <v>0</v>
      </c>
      <c r="BM22" s="196">
        <v>0</v>
      </c>
      <c r="BN22" s="197">
        <v>0</v>
      </c>
      <c r="BO22" s="197">
        <v>0</v>
      </c>
      <c r="BP22" s="197">
        <v>0</v>
      </c>
      <c r="BQ22" s="195">
        <v>0</v>
      </c>
      <c r="BR22" s="198">
        <v>0</v>
      </c>
      <c r="BS22" s="199">
        <v>0</v>
      </c>
      <c r="BT22" s="194">
        <v>0</v>
      </c>
      <c r="BU22" s="195">
        <v>0</v>
      </c>
      <c r="BV22" s="195">
        <v>0</v>
      </c>
      <c r="BW22" s="196">
        <v>0</v>
      </c>
      <c r="BX22" s="197">
        <v>0</v>
      </c>
      <c r="BY22" s="197">
        <v>0</v>
      </c>
      <c r="BZ22" s="197">
        <v>0</v>
      </c>
      <c r="CA22" s="195">
        <v>0</v>
      </c>
      <c r="CB22" s="198">
        <v>0</v>
      </c>
      <c r="CC22" s="200">
        <v>0</v>
      </c>
      <c r="CD22" s="201">
        <v>0</v>
      </c>
      <c r="CE22" s="195">
        <v>0</v>
      </c>
      <c r="CF22" s="195">
        <v>0</v>
      </c>
      <c r="CG22" s="196">
        <v>0</v>
      </c>
      <c r="CH22" s="197">
        <v>0</v>
      </c>
      <c r="CI22" s="197">
        <v>0</v>
      </c>
      <c r="CJ22" s="197">
        <v>0</v>
      </c>
      <c r="CK22" s="195">
        <v>0</v>
      </c>
      <c r="CL22" s="198">
        <v>0</v>
      </c>
      <c r="CM22" s="200">
        <v>0</v>
      </c>
      <c r="CN22" s="201">
        <v>0</v>
      </c>
      <c r="CO22" s="195">
        <v>0</v>
      </c>
      <c r="CP22" s="195">
        <v>0</v>
      </c>
      <c r="CQ22" s="196">
        <v>0</v>
      </c>
      <c r="CR22" s="197">
        <v>0</v>
      </c>
      <c r="CS22" s="197">
        <v>0</v>
      </c>
      <c r="CT22" s="197">
        <v>3</v>
      </c>
      <c r="CU22" s="195">
        <v>6</v>
      </c>
      <c r="CV22" s="198">
        <v>9</v>
      </c>
      <c r="CW22" s="199">
        <v>9</v>
      </c>
      <c r="CX22" s="194">
        <v>0</v>
      </c>
      <c r="CY22" s="195">
        <v>0</v>
      </c>
      <c r="CZ22" s="195">
        <v>0</v>
      </c>
      <c r="DA22" s="196">
        <v>0</v>
      </c>
      <c r="DB22" s="197">
        <v>0</v>
      </c>
      <c r="DC22" s="197">
        <v>0</v>
      </c>
      <c r="DD22" s="197">
        <v>3</v>
      </c>
      <c r="DE22" s="195">
        <v>5</v>
      </c>
      <c r="DF22" s="198">
        <v>8</v>
      </c>
      <c r="DG22" s="200">
        <v>8</v>
      </c>
      <c r="DH22" s="201">
        <v>0</v>
      </c>
      <c r="DI22" s="195">
        <v>0</v>
      </c>
      <c r="DJ22" s="195">
        <v>0</v>
      </c>
      <c r="DK22" s="196">
        <v>0</v>
      </c>
      <c r="DL22" s="197">
        <v>0</v>
      </c>
      <c r="DM22" s="197">
        <v>0</v>
      </c>
      <c r="DN22" s="197">
        <v>0</v>
      </c>
      <c r="DO22" s="195">
        <v>1</v>
      </c>
      <c r="DP22" s="198">
        <v>1</v>
      </c>
      <c r="DQ22" s="200">
        <v>1</v>
      </c>
      <c r="DR22" s="201">
        <v>0</v>
      </c>
      <c r="DS22" s="195">
        <v>0</v>
      </c>
      <c r="DT22" s="195">
        <v>0</v>
      </c>
      <c r="DU22" s="196">
        <v>22</v>
      </c>
      <c r="DV22" s="197">
        <v>60</v>
      </c>
      <c r="DW22" s="197">
        <v>179</v>
      </c>
      <c r="DX22" s="197">
        <v>198</v>
      </c>
      <c r="DY22" s="195">
        <v>123</v>
      </c>
      <c r="DZ22" s="198">
        <v>582</v>
      </c>
      <c r="EA22" s="200">
        <v>582</v>
      </c>
      <c r="EB22" s="37"/>
    </row>
    <row r="23" spans="1:132" ht="20.25" customHeight="1" x14ac:dyDescent="0.2">
      <c r="A23" s="62" t="s">
        <v>20</v>
      </c>
      <c r="B23" s="194">
        <v>0</v>
      </c>
      <c r="C23" s="195">
        <v>0</v>
      </c>
      <c r="D23" s="195">
        <v>0</v>
      </c>
      <c r="E23" s="196">
        <v>4</v>
      </c>
      <c r="F23" s="197">
        <v>24</v>
      </c>
      <c r="G23" s="197">
        <v>153</v>
      </c>
      <c r="H23" s="197">
        <v>182</v>
      </c>
      <c r="I23" s="195">
        <v>110</v>
      </c>
      <c r="J23" s="198">
        <v>473</v>
      </c>
      <c r="K23" s="199">
        <v>473</v>
      </c>
      <c r="L23" s="194">
        <v>0</v>
      </c>
      <c r="M23" s="195">
        <v>0</v>
      </c>
      <c r="N23" s="198">
        <v>0</v>
      </c>
      <c r="O23" s="196">
        <v>4</v>
      </c>
      <c r="P23" s="197">
        <v>24</v>
      </c>
      <c r="Q23" s="197">
        <v>152</v>
      </c>
      <c r="R23" s="197">
        <v>180</v>
      </c>
      <c r="S23" s="195">
        <v>108</v>
      </c>
      <c r="T23" s="198">
        <v>468</v>
      </c>
      <c r="U23" s="200">
        <v>468</v>
      </c>
      <c r="V23" s="201">
        <v>0</v>
      </c>
      <c r="W23" s="195">
        <v>0</v>
      </c>
      <c r="X23" s="198">
        <v>0</v>
      </c>
      <c r="Y23" s="201">
        <v>0</v>
      </c>
      <c r="Z23" s="197">
        <v>0</v>
      </c>
      <c r="AA23" s="197">
        <v>1</v>
      </c>
      <c r="AB23" s="197">
        <v>2</v>
      </c>
      <c r="AC23" s="195">
        <v>2</v>
      </c>
      <c r="AD23" s="198">
        <v>5</v>
      </c>
      <c r="AE23" s="202">
        <v>5</v>
      </c>
      <c r="AF23" s="201">
        <v>0</v>
      </c>
      <c r="AG23" s="195">
        <v>0</v>
      </c>
      <c r="AH23" s="198">
        <v>0</v>
      </c>
      <c r="AI23" s="201">
        <v>21</v>
      </c>
      <c r="AJ23" s="197">
        <v>39</v>
      </c>
      <c r="AK23" s="197">
        <v>43</v>
      </c>
      <c r="AL23" s="197">
        <v>45</v>
      </c>
      <c r="AM23" s="195">
        <v>19</v>
      </c>
      <c r="AN23" s="198">
        <v>167</v>
      </c>
      <c r="AO23" s="202">
        <v>167</v>
      </c>
      <c r="AP23" s="201">
        <v>0</v>
      </c>
      <c r="AQ23" s="195">
        <v>0</v>
      </c>
      <c r="AR23" s="198">
        <v>0</v>
      </c>
      <c r="AS23" s="196">
        <v>21</v>
      </c>
      <c r="AT23" s="197">
        <v>39</v>
      </c>
      <c r="AU23" s="197">
        <v>42</v>
      </c>
      <c r="AV23" s="197">
        <v>42</v>
      </c>
      <c r="AW23" s="195">
        <v>19</v>
      </c>
      <c r="AX23" s="198">
        <v>163</v>
      </c>
      <c r="AY23" s="199">
        <v>163</v>
      </c>
      <c r="AZ23" s="194">
        <v>0</v>
      </c>
      <c r="BA23" s="195">
        <v>0</v>
      </c>
      <c r="BB23" s="195">
        <v>0</v>
      </c>
      <c r="BC23" s="196">
        <v>0</v>
      </c>
      <c r="BD23" s="197">
        <v>0</v>
      </c>
      <c r="BE23" s="197">
        <v>1</v>
      </c>
      <c r="BF23" s="197">
        <v>3</v>
      </c>
      <c r="BG23" s="195">
        <v>0</v>
      </c>
      <c r="BH23" s="198">
        <v>4</v>
      </c>
      <c r="BI23" s="200">
        <v>4</v>
      </c>
      <c r="BJ23" s="201">
        <v>0</v>
      </c>
      <c r="BK23" s="195">
        <v>0</v>
      </c>
      <c r="BL23" s="195">
        <v>0</v>
      </c>
      <c r="BM23" s="196">
        <v>0</v>
      </c>
      <c r="BN23" s="197">
        <v>0</v>
      </c>
      <c r="BO23" s="197">
        <v>0</v>
      </c>
      <c r="BP23" s="197">
        <v>0</v>
      </c>
      <c r="BQ23" s="195">
        <v>2</v>
      </c>
      <c r="BR23" s="198">
        <v>2</v>
      </c>
      <c r="BS23" s="199">
        <v>2</v>
      </c>
      <c r="BT23" s="194">
        <v>0</v>
      </c>
      <c r="BU23" s="195">
        <v>0</v>
      </c>
      <c r="BV23" s="195">
        <v>0</v>
      </c>
      <c r="BW23" s="196">
        <v>0</v>
      </c>
      <c r="BX23" s="197">
        <v>0</v>
      </c>
      <c r="BY23" s="197">
        <v>0</v>
      </c>
      <c r="BZ23" s="197">
        <v>0</v>
      </c>
      <c r="CA23" s="195">
        <v>2</v>
      </c>
      <c r="CB23" s="198">
        <v>2</v>
      </c>
      <c r="CC23" s="200">
        <v>2</v>
      </c>
      <c r="CD23" s="201">
        <v>0</v>
      </c>
      <c r="CE23" s="195">
        <v>0</v>
      </c>
      <c r="CF23" s="195">
        <v>0</v>
      </c>
      <c r="CG23" s="196">
        <v>0</v>
      </c>
      <c r="CH23" s="197">
        <v>0</v>
      </c>
      <c r="CI23" s="197">
        <v>0</v>
      </c>
      <c r="CJ23" s="197">
        <v>0</v>
      </c>
      <c r="CK23" s="195">
        <v>0</v>
      </c>
      <c r="CL23" s="198">
        <v>0</v>
      </c>
      <c r="CM23" s="200">
        <v>0</v>
      </c>
      <c r="CN23" s="201">
        <v>0</v>
      </c>
      <c r="CO23" s="195">
        <v>0</v>
      </c>
      <c r="CP23" s="195">
        <v>0</v>
      </c>
      <c r="CQ23" s="196">
        <v>0</v>
      </c>
      <c r="CR23" s="197">
        <v>0</v>
      </c>
      <c r="CS23" s="197">
        <v>1</v>
      </c>
      <c r="CT23" s="197">
        <v>1</v>
      </c>
      <c r="CU23" s="195">
        <v>6</v>
      </c>
      <c r="CV23" s="198">
        <v>8</v>
      </c>
      <c r="CW23" s="199">
        <v>8</v>
      </c>
      <c r="CX23" s="194">
        <v>0</v>
      </c>
      <c r="CY23" s="195">
        <v>0</v>
      </c>
      <c r="CZ23" s="195">
        <v>0</v>
      </c>
      <c r="DA23" s="196">
        <v>0</v>
      </c>
      <c r="DB23" s="197">
        <v>0</v>
      </c>
      <c r="DC23" s="197">
        <v>1</v>
      </c>
      <c r="DD23" s="197">
        <v>1</v>
      </c>
      <c r="DE23" s="195">
        <v>6</v>
      </c>
      <c r="DF23" s="198">
        <v>8</v>
      </c>
      <c r="DG23" s="200">
        <v>8</v>
      </c>
      <c r="DH23" s="201">
        <v>0</v>
      </c>
      <c r="DI23" s="195">
        <v>0</v>
      </c>
      <c r="DJ23" s="195">
        <v>0</v>
      </c>
      <c r="DK23" s="196">
        <v>0</v>
      </c>
      <c r="DL23" s="197">
        <v>0</v>
      </c>
      <c r="DM23" s="197">
        <v>0</v>
      </c>
      <c r="DN23" s="197">
        <v>0</v>
      </c>
      <c r="DO23" s="195">
        <v>0</v>
      </c>
      <c r="DP23" s="198">
        <v>0</v>
      </c>
      <c r="DQ23" s="200">
        <v>0</v>
      </c>
      <c r="DR23" s="201">
        <v>0</v>
      </c>
      <c r="DS23" s="195">
        <v>0</v>
      </c>
      <c r="DT23" s="195">
        <v>0</v>
      </c>
      <c r="DU23" s="196">
        <v>25</v>
      </c>
      <c r="DV23" s="197">
        <v>63</v>
      </c>
      <c r="DW23" s="197">
        <v>197</v>
      </c>
      <c r="DX23" s="197">
        <v>228</v>
      </c>
      <c r="DY23" s="195">
        <v>137</v>
      </c>
      <c r="DZ23" s="198">
        <v>650</v>
      </c>
      <c r="EA23" s="200">
        <v>650</v>
      </c>
      <c r="EB23" s="37"/>
    </row>
    <row r="24" spans="1:132" ht="20.25" customHeight="1" x14ac:dyDescent="0.2">
      <c r="A24" s="62" t="s">
        <v>21</v>
      </c>
      <c r="B24" s="194">
        <v>0</v>
      </c>
      <c r="C24" s="195">
        <v>0</v>
      </c>
      <c r="D24" s="195">
        <v>0</v>
      </c>
      <c r="E24" s="196">
        <v>3</v>
      </c>
      <c r="F24" s="197">
        <v>15</v>
      </c>
      <c r="G24" s="197">
        <v>173</v>
      </c>
      <c r="H24" s="197">
        <v>183</v>
      </c>
      <c r="I24" s="195">
        <v>138</v>
      </c>
      <c r="J24" s="198">
        <v>512</v>
      </c>
      <c r="K24" s="199">
        <v>512</v>
      </c>
      <c r="L24" s="194">
        <v>0</v>
      </c>
      <c r="M24" s="195">
        <v>0</v>
      </c>
      <c r="N24" s="198">
        <v>0</v>
      </c>
      <c r="O24" s="196">
        <v>3</v>
      </c>
      <c r="P24" s="197">
        <v>15</v>
      </c>
      <c r="Q24" s="197">
        <v>172</v>
      </c>
      <c r="R24" s="197">
        <v>183</v>
      </c>
      <c r="S24" s="195">
        <v>136</v>
      </c>
      <c r="T24" s="198">
        <v>509</v>
      </c>
      <c r="U24" s="200">
        <v>509</v>
      </c>
      <c r="V24" s="201">
        <v>0</v>
      </c>
      <c r="W24" s="195">
        <v>0</v>
      </c>
      <c r="X24" s="198">
        <v>0</v>
      </c>
      <c r="Y24" s="201">
        <v>0</v>
      </c>
      <c r="Z24" s="197">
        <v>0</v>
      </c>
      <c r="AA24" s="197">
        <v>1</v>
      </c>
      <c r="AB24" s="197">
        <v>0</v>
      </c>
      <c r="AC24" s="195">
        <v>2</v>
      </c>
      <c r="AD24" s="198">
        <v>3</v>
      </c>
      <c r="AE24" s="202">
        <v>3</v>
      </c>
      <c r="AF24" s="201">
        <v>0</v>
      </c>
      <c r="AG24" s="195">
        <v>0</v>
      </c>
      <c r="AH24" s="198">
        <v>0</v>
      </c>
      <c r="AI24" s="201">
        <v>17</v>
      </c>
      <c r="AJ24" s="197">
        <v>30</v>
      </c>
      <c r="AK24" s="197">
        <v>40</v>
      </c>
      <c r="AL24" s="197">
        <v>49</v>
      </c>
      <c r="AM24" s="195">
        <v>26</v>
      </c>
      <c r="AN24" s="198">
        <v>162</v>
      </c>
      <c r="AO24" s="202">
        <v>162</v>
      </c>
      <c r="AP24" s="201">
        <v>0</v>
      </c>
      <c r="AQ24" s="195">
        <v>0</v>
      </c>
      <c r="AR24" s="198">
        <v>0</v>
      </c>
      <c r="AS24" s="196">
        <v>17</v>
      </c>
      <c r="AT24" s="197">
        <v>30</v>
      </c>
      <c r="AU24" s="197">
        <v>40</v>
      </c>
      <c r="AV24" s="197">
        <v>47</v>
      </c>
      <c r="AW24" s="195">
        <v>23</v>
      </c>
      <c r="AX24" s="198">
        <v>157</v>
      </c>
      <c r="AY24" s="199">
        <v>157</v>
      </c>
      <c r="AZ24" s="194">
        <v>0</v>
      </c>
      <c r="BA24" s="195">
        <v>0</v>
      </c>
      <c r="BB24" s="195">
        <v>0</v>
      </c>
      <c r="BC24" s="196">
        <v>0</v>
      </c>
      <c r="BD24" s="197">
        <v>0</v>
      </c>
      <c r="BE24" s="197">
        <v>0</v>
      </c>
      <c r="BF24" s="197">
        <v>2</v>
      </c>
      <c r="BG24" s="195">
        <v>3</v>
      </c>
      <c r="BH24" s="198">
        <v>5</v>
      </c>
      <c r="BI24" s="200">
        <v>5</v>
      </c>
      <c r="BJ24" s="201">
        <v>0</v>
      </c>
      <c r="BK24" s="195">
        <v>0</v>
      </c>
      <c r="BL24" s="195">
        <v>0</v>
      </c>
      <c r="BM24" s="196">
        <v>0</v>
      </c>
      <c r="BN24" s="197">
        <v>0</v>
      </c>
      <c r="BO24" s="197">
        <v>1</v>
      </c>
      <c r="BP24" s="197">
        <v>1</v>
      </c>
      <c r="BQ24" s="195">
        <v>2</v>
      </c>
      <c r="BR24" s="198">
        <v>4</v>
      </c>
      <c r="BS24" s="199">
        <v>4</v>
      </c>
      <c r="BT24" s="194">
        <v>0</v>
      </c>
      <c r="BU24" s="195">
        <v>0</v>
      </c>
      <c r="BV24" s="195">
        <v>0</v>
      </c>
      <c r="BW24" s="196">
        <v>0</v>
      </c>
      <c r="BX24" s="197">
        <v>0</v>
      </c>
      <c r="BY24" s="197">
        <v>1</v>
      </c>
      <c r="BZ24" s="197">
        <v>1</v>
      </c>
      <c r="CA24" s="195">
        <v>2</v>
      </c>
      <c r="CB24" s="198">
        <v>4</v>
      </c>
      <c r="CC24" s="200">
        <v>4</v>
      </c>
      <c r="CD24" s="201">
        <v>0</v>
      </c>
      <c r="CE24" s="195">
        <v>0</v>
      </c>
      <c r="CF24" s="195">
        <v>0</v>
      </c>
      <c r="CG24" s="196">
        <v>0</v>
      </c>
      <c r="CH24" s="197">
        <v>0</v>
      </c>
      <c r="CI24" s="197">
        <v>0</v>
      </c>
      <c r="CJ24" s="197">
        <v>0</v>
      </c>
      <c r="CK24" s="195">
        <v>0</v>
      </c>
      <c r="CL24" s="198">
        <v>0</v>
      </c>
      <c r="CM24" s="200">
        <v>0</v>
      </c>
      <c r="CN24" s="201">
        <v>0</v>
      </c>
      <c r="CO24" s="195">
        <v>0</v>
      </c>
      <c r="CP24" s="195">
        <v>0</v>
      </c>
      <c r="CQ24" s="196">
        <v>0</v>
      </c>
      <c r="CR24" s="197">
        <v>0</v>
      </c>
      <c r="CS24" s="197">
        <v>1</v>
      </c>
      <c r="CT24" s="197">
        <v>12</v>
      </c>
      <c r="CU24" s="195">
        <v>11</v>
      </c>
      <c r="CV24" s="198">
        <v>24</v>
      </c>
      <c r="CW24" s="199">
        <v>24</v>
      </c>
      <c r="CX24" s="194">
        <v>0</v>
      </c>
      <c r="CY24" s="195">
        <v>0</v>
      </c>
      <c r="CZ24" s="195">
        <v>0</v>
      </c>
      <c r="DA24" s="196">
        <v>0</v>
      </c>
      <c r="DB24" s="197">
        <v>0</v>
      </c>
      <c r="DC24" s="197">
        <v>1</v>
      </c>
      <c r="DD24" s="197">
        <v>12</v>
      </c>
      <c r="DE24" s="195">
        <v>10</v>
      </c>
      <c r="DF24" s="198">
        <v>23</v>
      </c>
      <c r="DG24" s="200">
        <v>23</v>
      </c>
      <c r="DH24" s="201">
        <v>0</v>
      </c>
      <c r="DI24" s="195">
        <v>0</v>
      </c>
      <c r="DJ24" s="195">
        <v>0</v>
      </c>
      <c r="DK24" s="196">
        <v>0</v>
      </c>
      <c r="DL24" s="197">
        <v>0</v>
      </c>
      <c r="DM24" s="197">
        <v>0</v>
      </c>
      <c r="DN24" s="197">
        <v>0</v>
      </c>
      <c r="DO24" s="195">
        <v>1</v>
      </c>
      <c r="DP24" s="198">
        <v>1</v>
      </c>
      <c r="DQ24" s="200">
        <v>1</v>
      </c>
      <c r="DR24" s="201">
        <v>0</v>
      </c>
      <c r="DS24" s="195">
        <v>0</v>
      </c>
      <c r="DT24" s="195">
        <v>0</v>
      </c>
      <c r="DU24" s="196">
        <v>20</v>
      </c>
      <c r="DV24" s="197">
        <v>45</v>
      </c>
      <c r="DW24" s="197">
        <v>215</v>
      </c>
      <c r="DX24" s="197">
        <v>242</v>
      </c>
      <c r="DY24" s="195">
        <v>177</v>
      </c>
      <c r="DZ24" s="198">
        <v>699</v>
      </c>
      <c r="EA24" s="200">
        <v>699</v>
      </c>
      <c r="EB24" s="37"/>
    </row>
    <row r="25" spans="1:132" ht="20.25" customHeight="1" x14ac:dyDescent="0.2">
      <c r="A25" s="62" t="s">
        <v>22</v>
      </c>
      <c r="B25" s="194">
        <v>0</v>
      </c>
      <c r="C25" s="195">
        <v>0</v>
      </c>
      <c r="D25" s="195">
        <v>0</v>
      </c>
      <c r="E25" s="196">
        <v>2</v>
      </c>
      <c r="F25" s="197">
        <v>6</v>
      </c>
      <c r="G25" s="197">
        <v>40</v>
      </c>
      <c r="H25" s="197">
        <v>60</v>
      </c>
      <c r="I25" s="195">
        <v>32</v>
      </c>
      <c r="J25" s="198">
        <v>140</v>
      </c>
      <c r="K25" s="199">
        <v>140</v>
      </c>
      <c r="L25" s="194">
        <v>0</v>
      </c>
      <c r="M25" s="195">
        <v>0</v>
      </c>
      <c r="N25" s="198">
        <v>0</v>
      </c>
      <c r="O25" s="196">
        <v>2</v>
      </c>
      <c r="P25" s="197">
        <v>6</v>
      </c>
      <c r="Q25" s="197">
        <v>40</v>
      </c>
      <c r="R25" s="197">
        <v>60</v>
      </c>
      <c r="S25" s="195">
        <v>30</v>
      </c>
      <c r="T25" s="198">
        <v>138</v>
      </c>
      <c r="U25" s="200">
        <v>138</v>
      </c>
      <c r="V25" s="201">
        <v>0</v>
      </c>
      <c r="W25" s="195">
        <v>0</v>
      </c>
      <c r="X25" s="198">
        <v>0</v>
      </c>
      <c r="Y25" s="201">
        <v>0</v>
      </c>
      <c r="Z25" s="197">
        <v>0</v>
      </c>
      <c r="AA25" s="197">
        <v>0</v>
      </c>
      <c r="AB25" s="197">
        <v>0</v>
      </c>
      <c r="AC25" s="195">
        <v>2</v>
      </c>
      <c r="AD25" s="198">
        <v>2</v>
      </c>
      <c r="AE25" s="202">
        <v>2</v>
      </c>
      <c r="AF25" s="201">
        <v>0</v>
      </c>
      <c r="AG25" s="195">
        <v>0</v>
      </c>
      <c r="AH25" s="198">
        <v>0</v>
      </c>
      <c r="AI25" s="201">
        <v>10</v>
      </c>
      <c r="AJ25" s="197">
        <v>24</v>
      </c>
      <c r="AK25" s="197">
        <v>32</v>
      </c>
      <c r="AL25" s="197">
        <v>40</v>
      </c>
      <c r="AM25" s="195">
        <v>19</v>
      </c>
      <c r="AN25" s="198">
        <v>125</v>
      </c>
      <c r="AO25" s="202">
        <v>125</v>
      </c>
      <c r="AP25" s="201">
        <v>0</v>
      </c>
      <c r="AQ25" s="195">
        <v>0</v>
      </c>
      <c r="AR25" s="198">
        <v>0</v>
      </c>
      <c r="AS25" s="196">
        <v>10</v>
      </c>
      <c r="AT25" s="197">
        <v>24</v>
      </c>
      <c r="AU25" s="197">
        <v>32</v>
      </c>
      <c r="AV25" s="197">
        <v>39</v>
      </c>
      <c r="AW25" s="195">
        <v>19</v>
      </c>
      <c r="AX25" s="198">
        <v>124</v>
      </c>
      <c r="AY25" s="199">
        <v>124</v>
      </c>
      <c r="AZ25" s="194">
        <v>0</v>
      </c>
      <c r="BA25" s="195">
        <v>0</v>
      </c>
      <c r="BB25" s="195">
        <v>0</v>
      </c>
      <c r="BC25" s="196">
        <v>0</v>
      </c>
      <c r="BD25" s="197">
        <v>0</v>
      </c>
      <c r="BE25" s="197">
        <v>0</v>
      </c>
      <c r="BF25" s="197">
        <v>1</v>
      </c>
      <c r="BG25" s="195">
        <v>0</v>
      </c>
      <c r="BH25" s="198">
        <v>1</v>
      </c>
      <c r="BI25" s="200">
        <v>1</v>
      </c>
      <c r="BJ25" s="201">
        <v>0</v>
      </c>
      <c r="BK25" s="195">
        <v>0</v>
      </c>
      <c r="BL25" s="195">
        <v>0</v>
      </c>
      <c r="BM25" s="196">
        <v>0</v>
      </c>
      <c r="BN25" s="197">
        <v>0</v>
      </c>
      <c r="BO25" s="197">
        <v>0</v>
      </c>
      <c r="BP25" s="197">
        <v>0</v>
      </c>
      <c r="BQ25" s="195">
        <v>4</v>
      </c>
      <c r="BR25" s="198">
        <v>4</v>
      </c>
      <c r="BS25" s="199">
        <v>4</v>
      </c>
      <c r="BT25" s="194">
        <v>0</v>
      </c>
      <c r="BU25" s="195">
        <v>0</v>
      </c>
      <c r="BV25" s="195">
        <v>0</v>
      </c>
      <c r="BW25" s="196">
        <v>0</v>
      </c>
      <c r="BX25" s="197">
        <v>0</v>
      </c>
      <c r="BY25" s="197">
        <v>0</v>
      </c>
      <c r="BZ25" s="197">
        <v>0</v>
      </c>
      <c r="CA25" s="195">
        <v>4</v>
      </c>
      <c r="CB25" s="198">
        <v>4</v>
      </c>
      <c r="CC25" s="200">
        <v>4</v>
      </c>
      <c r="CD25" s="201">
        <v>0</v>
      </c>
      <c r="CE25" s="195">
        <v>0</v>
      </c>
      <c r="CF25" s="195">
        <v>0</v>
      </c>
      <c r="CG25" s="196">
        <v>0</v>
      </c>
      <c r="CH25" s="197">
        <v>0</v>
      </c>
      <c r="CI25" s="197">
        <v>0</v>
      </c>
      <c r="CJ25" s="197">
        <v>0</v>
      </c>
      <c r="CK25" s="195">
        <v>0</v>
      </c>
      <c r="CL25" s="198">
        <v>0</v>
      </c>
      <c r="CM25" s="200">
        <v>0</v>
      </c>
      <c r="CN25" s="201">
        <v>0</v>
      </c>
      <c r="CO25" s="195">
        <v>0</v>
      </c>
      <c r="CP25" s="195">
        <v>0</v>
      </c>
      <c r="CQ25" s="196">
        <v>1</v>
      </c>
      <c r="CR25" s="197">
        <v>0</v>
      </c>
      <c r="CS25" s="197">
        <v>1</v>
      </c>
      <c r="CT25" s="197">
        <v>2</v>
      </c>
      <c r="CU25" s="195">
        <v>2</v>
      </c>
      <c r="CV25" s="198">
        <v>6</v>
      </c>
      <c r="CW25" s="199">
        <v>6</v>
      </c>
      <c r="CX25" s="194">
        <v>0</v>
      </c>
      <c r="CY25" s="195">
        <v>0</v>
      </c>
      <c r="CZ25" s="195">
        <v>0</v>
      </c>
      <c r="DA25" s="196">
        <v>1</v>
      </c>
      <c r="DB25" s="197">
        <v>0</v>
      </c>
      <c r="DC25" s="197">
        <v>1</v>
      </c>
      <c r="DD25" s="197">
        <v>2</v>
      </c>
      <c r="DE25" s="195">
        <v>2</v>
      </c>
      <c r="DF25" s="198">
        <v>6</v>
      </c>
      <c r="DG25" s="200">
        <v>6</v>
      </c>
      <c r="DH25" s="201">
        <v>0</v>
      </c>
      <c r="DI25" s="195">
        <v>0</v>
      </c>
      <c r="DJ25" s="195">
        <v>0</v>
      </c>
      <c r="DK25" s="196">
        <v>0</v>
      </c>
      <c r="DL25" s="197">
        <v>0</v>
      </c>
      <c r="DM25" s="197">
        <v>0</v>
      </c>
      <c r="DN25" s="197">
        <v>0</v>
      </c>
      <c r="DO25" s="195">
        <v>0</v>
      </c>
      <c r="DP25" s="198">
        <v>0</v>
      </c>
      <c r="DQ25" s="200">
        <v>0</v>
      </c>
      <c r="DR25" s="201">
        <v>0</v>
      </c>
      <c r="DS25" s="195">
        <v>0</v>
      </c>
      <c r="DT25" s="195">
        <v>0</v>
      </c>
      <c r="DU25" s="196">
        <v>13</v>
      </c>
      <c r="DV25" s="197">
        <v>30</v>
      </c>
      <c r="DW25" s="197">
        <v>73</v>
      </c>
      <c r="DX25" s="197">
        <v>101</v>
      </c>
      <c r="DY25" s="195">
        <v>57</v>
      </c>
      <c r="DZ25" s="198">
        <v>274</v>
      </c>
      <c r="EA25" s="200">
        <v>274</v>
      </c>
      <c r="EB25" s="37"/>
    </row>
    <row r="26" spans="1:132" ht="20.25" customHeight="1" x14ac:dyDescent="0.2">
      <c r="A26" s="62" t="s">
        <v>23</v>
      </c>
      <c r="B26" s="194">
        <v>0</v>
      </c>
      <c r="C26" s="195">
        <v>0</v>
      </c>
      <c r="D26" s="195">
        <v>0</v>
      </c>
      <c r="E26" s="196">
        <v>4</v>
      </c>
      <c r="F26" s="197">
        <v>17</v>
      </c>
      <c r="G26" s="197">
        <v>76</v>
      </c>
      <c r="H26" s="197">
        <v>132</v>
      </c>
      <c r="I26" s="195">
        <v>105</v>
      </c>
      <c r="J26" s="198">
        <v>334</v>
      </c>
      <c r="K26" s="199">
        <v>334</v>
      </c>
      <c r="L26" s="194">
        <v>0</v>
      </c>
      <c r="M26" s="195">
        <v>0</v>
      </c>
      <c r="N26" s="198">
        <v>0</v>
      </c>
      <c r="O26" s="196">
        <v>4</v>
      </c>
      <c r="P26" s="197">
        <v>17</v>
      </c>
      <c r="Q26" s="197">
        <v>76</v>
      </c>
      <c r="R26" s="197">
        <v>132</v>
      </c>
      <c r="S26" s="195">
        <v>104</v>
      </c>
      <c r="T26" s="198">
        <v>333</v>
      </c>
      <c r="U26" s="200">
        <v>333</v>
      </c>
      <c r="V26" s="201">
        <v>0</v>
      </c>
      <c r="W26" s="195">
        <v>0</v>
      </c>
      <c r="X26" s="198">
        <v>0</v>
      </c>
      <c r="Y26" s="201">
        <v>0</v>
      </c>
      <c r="Z26" s="197">
        <v>0</v>
      </c>
      <c r="AA26" s="197">
        <v>0</v>
      </c>
      <c r="AB26" s="197">
        <v>0</v>
      </c>
      <c r="AC26" s="195">
        <v>1</v>
      </c>
      <c r="AD26" s="198">
        <v>1</v>
      </c>
      <c r="AE26" s="202">
        <v>1</v>
      </c>
      <c r="AF26" s="201">
        <v>0</v>
      </c>
      <c r="AG26" s="195">
        <v>0</v>
      </c>
      <c r="AH26" s="198">
        <v>0</v>
      </c>
      <c r="AI26" s="201">
        <v>20</v>
      </c>
      <c r="AJ26" s="197">
        <v>35</v>
      </c>
      <c r="AK26" s="197">
        <v>34</v>
      </c>
      <c r="AL26" s="197">
        <v>55</v>
      </c>
      <c r="AM26" s="195">
        <v>30</v>
      </c>
      <c r="AN26" s="198">
        <v>174</v>
      </c>
      <c r="AO26" s="202">
        <v>174</v>
      </c>
      <c r="AP26" s="201">
        <v>0</v>
      </c>
      <c r="AQ26" s="195">
        <v>0</v>
      </c>
      <c r="AR26" s="198">
        <v>0</v>
      </c>
      <c r="AS26" s="196">
        <v>19</v>
      </c>
      <c r="AT26" s="197">
        <v>35</v>
      </c>
      <c r="AU26" s="197">
        <v>34</v>
      </c>
      <c r="AV26" s="197">
        <v>55</v>
      </c>
      <c r="AW26" s="195">
        <v>27</v>
      </c>
      <c r="AX26" s="198">
        <v>170</v>
      </c>
      <c r="AY26" s="199">
        <v>170</v>
      </c>
      <c r="AZ26" s="194">
        <v>0</v>
      </c>
      <c r="BA26" s="195">
        <v>0</v>
      </c>
      <c r="BB26" s="195">
        <v>0</v>
      </c>
      <c r="BC26" s="196">
        <v>1</v>
      </c>
      <c r="BD26" s="197">
        <v>0</v>
      </c>
      <c r="BE26" s="197">
        <v>0</v>
      </c>
      <c r="BF26" s="197">
        <v>0</v>
      </c>
      <c r="BG26" s="195">
        <v>3</v>
      </c>
      <c r="BH26" s="198">
        <v>4</v>
      </c>
      <c r="BI26" s="200">
        <v>4</v>
      </c>
      <c r="BJ26" s="201">
        <v>0</v>
      </c>
      <c r="BK26" s="195">
        <v>0</v>
      </c>
      <c r="BL26" s="195">
        <v>0</v>
      </c>
      <c r="BM26" s="196">
        <v>0</v>
      </c>
      <c r="BN26" s="197">
        <v>0</v>
      </c>
      <c r="BO26" s="197">
        <v>0</v>
      </c>
      <c r="BP26" s="197">
        <v>2</v>
      </c>
      <c r="BQ26" s="195">
        <v>3</v>
      </c>
      <c r="BR26" s="198">
        <v>5</v>
      </c>
      <c r="BS26" s="199">
        <v>5</v>
      </c>
      <c r="BT26" s="194">
        <v>0</v>
      </c>
      <c r="BU26" s="195">
        <v>0</v>
      </c>
      <c r="BV26" s="195">
        <v>0</v>
      </c>
      <c r="BW26" s="196">
        <v>0</v>
      </c>
      <c r="BX26" s="197">
        <v>0</v>
      </c>
      <c r="BY26" s="197">
        <v>0</v>
      </c>
      <c r="BZ26" s="197">
        <v>2</v>
      </c>
      <c r="CA26" s="195">
        <v>3</v>
      </c>
      <c r="CB26" s="198">
        <v>5</v>
      </c>
      <c r="CC26" s="200">
        <v>5</v>
      </c>
      <c r="CD26" s="201">
        <v>0</v>
      </c>
      <c r="CE26" s="195">
        <v>0</v>
      </c>
      <c r="CF26" s="195">
        <v>0</v>
      </c>
      <c r="CG26" s="196">
        <v>0</v>
      </c>
      <c r="CH26" s="197">
        <v>0</v>
      </c>
      <c r="CI26" s="197">
        <v>0</v>
      </c>
      <c r="CJ26" s="197">
        <v>0</v>
      </c>
      <c r="CK26" s="195">
        <v>0</v>
      </c>
      <c r="CL26" s="198">
        <v>0</v>
      </c>
      <c r="CM26" s="200">
        <v>0</v>
      </c>
      <c r="CN26" s="201">
        <v>0</v>
      </c>
      <c r="CO26" s="195">
        <v>0</v>
      </c>
      <c r="CP26" s="195">
        <v>0</v>
      </c>
      <c r="CQ26" s="196">
        <v>0</v>
      </c>
      <c r="CR26" s="197">
        <v>0</v>
      </c>
      <c r="CS26" s="197">
        <v>1</v>
      </c>
      <c r="CT26" s="197">
        <v>2</v>
      </c>
      <c r="CU26" s="195">
        <v>2</v>
      </c>
      <c r="CV26" s="198">
        <v>5</v>
      </c>
      <c r="CW26" s="199">
        <v>5</v>
      </c>
      <c r="CX26" s="194">
        <v>0</v>
      </c>
      <c r="CY26" s="195">
        <v>0</v>
      </c>
      <c r="CZ26" s="195">
        <v>0</v>
      </c>
      <c r="DA26" s="196">
        <v>0</v>
      </c>
      <c r="DB26" s="197">
        <v>0</v>
      </c>
      <c r="DC26" s="197">
        <v>1</v>
      </c>
      <c r="DD26" s="197">
        <v>2</v>
      </c>
      <c r="DE26" s="195">
        <v>2</v>
      </c>
      <c r="DF26" s="198">
        <v>5</v>
      </c>
      <c r="DG26" s="200">
        <v>5</v>
      </c>
      <c r="DH26" s="201">
        <v>0</v>
      </c>
      <c r="DI26" s="195">
        <v>0</v>
      </c>
      <c r="DJ26" s="195">
        <v>0</v>
      </c>
      <c r="DK26" s="196">
        <v>0</v>
      </c>
      <c r="DL26" s="197">
        <v>0</v>
      </c>
      <c r="DM26" s="197">
        <v>0</v>
      </c>
      <c r="DN26" s="197">
        <v>0</v>
      </c>
      <c r="DO26" s="195">
        <v>0</v>
      </c>
      <c r="DP26" s="198">
        <v>0</v>
      </c>
      <c r="DQ26" s="200">
        <v>0</v>
      </c>
      <c r="DR26" s="201">
        <v>0</v>
      </c>
      <c r="DS26" s="195">
        <v>0</v>
      </c>
      <c r="DT26" s="195">
        <v>0</v>
      </c>
      <c r="DU26" s="196">
        <v>24</v>
      </c>
      <c r="DV26" s="197">
        <v>52</v>
      </c>
      <c r="DW26" s="197">
        <v>111</v>
      </c>
      <c r="DX26" s="197">
        <v>191</v>
      </c>
      <c r="DY26" s="195">
        <v>139</v>
      </c>
      <c r="DZ26" s="198">
        <v>517</v>
      </c>
      <c r="EA26" s="200">
        <v>517</v>
      </c>
      <c r="EB26" s="37"/>
    </row>
    <row r="27" spans="1:132" ht="20.25" customHeight="1" x14ac:dyDescent="0.2">
      <c r="A27" s="62" t="s">
        <v>24</v>
      </c>
      <c r="B27" s="194">
        <v>0</v>
      </c>
      <c r="C27" s="195">
        <v>0</v>
      </c>
      <c r="D27" s="195">
        <v>0</v>
      </c>
      <c r="E27" s="196">
        <v>0</v>
      </c>
      <c r="F27" s="197">
        <v>0</v>
      </c>
      <c r="G27" s="197">
        <v>34</v>
      </c>
      <c r="H27" s="197">
        <v>72</v>
      </c>
      <c r="I27" s="195">
        <v>64</v>
      </c>
      <c r="J27" s="198">
        <v>170</v>
      </c>
      <c r="K27" s="199">
        <v>170</v>
      </c>
      <c r="L27" s="194">
        <v>0</v>
      </c>
      <c r="M27" s="195">
        <v>0</v>
      </c>
      <c r="N27" s="198">
        <v>0</v>
      </c>
      <c r="O27" s="196">
        <v>0</v>
      </c>
      <c r="P27" s="197">
        <v>0</v>
      </c>
      <c r="Q27" s="197">
        <v>34</v>
      </c>
      <c r="R27" s="197">
        <v>72</v>
      </c>
      <c r="S27" s="195">
        <v>64</v>
      </c>
      <c r="T27" s="198">
        <v>170</v>
      </c>
      <c r="U27" s="200">
        <v>170</v>
      </c>
      <c r="V27" s="201">
        <v>0</v>
      </c>
      <c r="W27" s="195">
        <v>0</v>
      </c>
      <c r="X27" s="198">
        <v>0</v>
      </c>
      <c r="Y27" s="201">
        <v>0</v>
      </c>
      <c r="Z27" s="197">
        <v>0</v>
      </c>
      <c r="AA27" s="197">
        <v>0</v>
      </c>
      <c r="AB27" s="197">
        <v>0</v>
      </c>
      <c r="AC27" s="195">
        <v>0</v>
      </c>
      <c r="AD27" s="198">
        <v>0</v>
      </c>
      <c r="AE27" s="202">
        <v>0</v>
      </c>
      <c r="AF27" s="201">
        <v>0</v>
      </c>
      <c r="AG27" s="195">
        <v>0</v>
      </c>
      <c r="AH27" s="198">
        <v>0</v>
      </c>
      <c r="AI27" s="201">
        <v>11</v>
      </c>
      <c r="AJ27" s="197">
        <v>14</v>
      </c>
      <c r="AK27" s="197">
        <v>23</v>
      </c>
      <c r="AL27" s="197">
        <v>30</v>
      </c>
      <c r="AM27" s="195">
        <v>7</v>
      </c>
      <c r="AN27" s="198">
        <v>85</v>
      </c>
      <c r="AO27" s="202">
        <v>85</v>
      </c>
      <c r="AP27" s="201">
        <v>0</v>
      </c>
      <c r="AQ27" s="195">
        <v>0</v>
      </c>
      <c r="AR27" s="198">
        <v>0</v>
      </c>
      <c r="AS27" s="196">
        <v>11</v>
      </c>
      <c r="AT27" s="197">
        <v>14</v>
      </c>
      <c r="AU27" s="197">
        <v>23</v>
      </c>
      <c r="AV27" s="197">
        <v>29</v>
      </c>
      <c r="AW27" s="195">
        <v>7</v>
      </c>
      <c r="AX27" s="198">
        <v>84</v>
      </c>
      <c r="AY27" s="199">
        <v>84</v>
      </c>
      <c r="AZ27" s="194">
        <v>0</v>
      </c>
      <c r="BA27" s="195">
        <v>0</v>
      </c>
      <c r="BB27" s="195">
        <v>0</v>
      </c>
      <c r="BC27" s="196">
        <v>0</v>
      </c>
      <c r="BD27" s="197">
        <v>0</v>
      </c>
      <c r="BE27" s="197">
        <v>0</v>
      </c>
      <c r="BF27" s="197">
        <v>1</v>
      </c>
      <c r="BG27" s="195">
        <v>0</v>
      </c>
      <c r="BH27" s="198">
        <v>1</v>
      </c>
      <c r="BI27" s="200">
        <v>1</v>
      </c>
      <c r="BJ27" s="201">
        <v>0</v>
      </c>
      <c r="BK27" s="195">
        <v>0</v>
      </c>
      <c r="BL27" s="195">
        <v>0</v>
      </c>
      <c r="BM27" s="196">
        <v>0</v>
      </c>
      <c r="BN27" s="197">
        <v>0</v>
      </c>
      <c r="BO27" s="197">
        <v>0</v>
      </c>
      <c r="BP27" s="197">
        <v>0</v>
      </c>
      <c r="BQ27" s="195">
        <v>0</v>
      </c>
      <c r="BR27" s="198">
        <v>0</v>
      </c>
      <c r="BS27" s="199">
        <v>0</v>
      </c>
      <c r="BT27" s="194">
        <v>0</v>
      </c>
      <c r="BU27" s="195">
        <v>0</v>
      </c>
      <c r="BV27" s="195">
        <v>0</v>
      </c>
      <c r="BW27" s="196">
        <v>0</v>
      </c>
      <c r="BX27" s="197">
        <v>0</v>
      </c>
      <c r="BY27" s="197">
        <v>0</v>
      </c>
      <c r="BZ27" s="197">
        <v>0</v>
      </c>
      <c r="CA27" s="195">
        <v>0</v>
      </c>
      <c r="CB27" s="198">
        <v>0</v>
      </c>
      <c r="CC27" s="200">
        <v>0</v>
      </c>
      <c r="CD27" s="201">
        <v>0</v>
      </c>
      <c r="CE27" s="195">
        <v>0</v>
      </c>
      <c r="CF27" s="195">
        <v>0</v>
      </c>
      <c r="CG27" s="196">
        <v>0</v>
      </c>
      <c r="CH27" s="197">
        <v>0</v>
      </c>
      <c r="CI27" s="197">
        <v>0</v>
      </c>
      <c r="CJ27" s="197">
        <v>0</v>
      </c>
      <c r="CK27" s="195">
        <v>0</v>
      </c>
      <c r="CL27" s="198">
        <v>0</v>
      </c>
      <c r="CM27" s="200">
        <v>0</v>
      </c>
      <c r="CN27" s="201">
        <v>0</v>
      </c>
      <c r="CO27" s="195">
        <v>0</v>
      </c>
      <c r="CP27" s="195">
        <v>0</v>
      </c>
      <c r="CQ27" s="196">
        <v>0</v>
      </c>
      <c r="CR27" s="197">
        <v>0</v>
      </c>
      <c r="CS27" s="197">
        <v>0</v>
      </c>
      <c r="CT27" s="197">
        <v>0</v>
      </c>
      <c r="CU27" s="195">
        <v>0</v>
      </c>
      <c r="CV27" s="198">
        <v>0</v>
      </c>
      <c r="CW27" s="199">
        <v>0</v>
      </c>
      <c r="CX27" s="194">
        <v>0</v>
      </c>
      <c r="CY27" s="195">
        <v>0</v>
      </c>
      <c r="CZ27" s="195">
        <v>0</v>
      </c>
      <c r="DA27" s="196">
        <v>0</v>
      </c>
      <c r="DB27" s="197">
        <v>0</v>
      </c>
      <c r="DC27" s="197">
        <v>0</v>
      </c>
      <c r="DD27" s="197">
        <v>0</v>
      </c>
      <c r="DE27" s="195">
        <v>0</v>
      </c>
      <c r="DF27" s="198">
        <v>0</v>
      </c>
      <c r="DG27" s="200">
        <v>0</v>
      </c>
      <c r="DH27" s="201">
        <v>0</v>
      </c>
      <c r="DI27" s="195">
        <v>0</v>
      </c>
      <c r="DJ27" s="195">
        <v>0</v>
      </c>
      <c r="DK27" s="196">
        <v>0</v>
      </c>
      <c r="DL27" s="197">
        <v>0</v>
      </c>
      <c r="DM27" s="197">
        <v>0</v>
      </c>
      <c r="DN27" s="197">
        <v>0</v>
      </c>
      <c r="DO27" s="195">
        <v>0</v>
      </c>
      <c r="DP27" s="198">
        <v>0</v>
      </c>
      <c r="DQ27" s="200">
        <v>0</v>
      </c>
      <c r="DR27" s="201">
        <v>0</v>
      </c>
      <c r="DS27" s="195">
        <v>0</v>
      </c>
      <c r="DT27" s="195">
        <v>0</v>
      </c>
      <c r="DU27" s="196">
        <v>11</v>
      </c>
      <c r="DV27" s="197">
        <v>14</v>
      </c>
      <c r="DW27" s="197">
        <v>57</v>
      </c>
      <c r="DX27" s="197">
        <v>102</v>
      </c>
      <c r="DY27" s="195">
        <v>71</v>
      </c>
      <c r="DZ27" s="198">
        <v>255</v>
      </c>
      <c r="EA27" s="200">
        <v>255</v>
      </c>
      <c r="EB27" s="37"/>
    </row>
    <row r="28" spans="1:132" ht="20.25" customHeight="1" x14ac:dyDescent="0.2">
      <c r="A28" s="62" t="s">
        <v>25</v>
      </c>
      <c r="B28" s="194">
        <v>0</v>
      </c>
      <c r="C28" s="195">
        <v>0</v>
      </c>
      <c r="D28" s="195">
        <v>0</v>
      </c>
      <c r="E28" s="196">
        <v>3</v>
      </c>
      <c r="F28" s="197">
        <v>10</v>
      </c>
      <c r="G28" s="197">
        <v>66</v>
      </c>
      <c r="H28" s="197">
        <v>69</v>
      </c>
      <c r="I28" s="195">
        <v>55</v>
      </c>
      <c r="J28" s="198">
        <v>203</v>
      </c>
      <c r="K28" s="199">
        <v>203</v>
      </c>
      <c r="L28" s="194">
        <v>0</v>
      </c>
      <c r="M28" s="195">
        <v>0</v>
      </c>
      <c r="N28" s="198">
        <v>0</v>
      </c>
      <c r="O28" s="196">
        <v>3</v>
      </c>
      <c r="P28" s="197">
        <v>10</v>
      </c>
      <c r="Q28" s="197">
        <v>66</v>
      </c>
      <c r="R28" s="197">
        <v>68</v>
      </c>
      <c r="S28" s="195">
        <v>51</v>
      </c>
      <c r="T28" s="198">
        <v>198</v>
      </c>
      <c r="U28" s="200">
        <v>198</v>
      </c>
      <c r="V28" s="201">
        <v>0</v>
      </c>
      <c r="W28" s="195">
        <v>0</v>
      </c>
      <c r="X28" s="198">
        <v>0</v>
      </c>
      <c r="Y28" s="201">
        <v>0</v>
      </c>
      <c r="Z28" s="197">
        <v>0</v>
      </c>
      <c r="AA28" s="197">
        <v>0</v>
      </c>
      <c r="AB28" s="197">
        <v>1</v>
      </c>
      <c r="AC28" s="195">
        <v>4</v>
      </c>
      <c r="AD28" s="198">
        <v>5</v>
      </c>
      <c r="AE28" s="202">
        <v>5</v>
      </c>
      <c r="AF28" s="201">
        <v>0</v>
      </c>
      <c r="AG28" s="195">
        <v>0</v>
      </c>
      <c r="AH28" s="198">
        <v>0</v>
      </c>
      <c r="AI28" s="201">
        <v>15</v>
      </c>
      <c r="AJ28" s="197">
        <v>20</v>
      </c>
      <c r="AK28" s="197">
        <v>23</v>
      </c>
      <c r="AL28" s="197">
        <v>58</v>
      </c>
      <c r="AM28" s="195">
        <v>18</v>
      </c>
      <c r="AN28" s="198">
        <v>134</v>
      </c>
      <c r="AO28" s="202">
        <v>134</v>
      </c>
      <c r="AP28" s="201">
        <v>0</v>
      </c>
      <c r="AQ28" s="195">
        <v>0</v>
      </c>
      <c r="AR28" s="198">
        <v>0</v>
      </c>
      <c r="AS28" s="196">
        <v>15</v>
      </c>
      <c r="AT28" s="197">
        <v>20</v>
      </c>
      <c r="AU28" s="197">
        <v>23</v>
      </c>
      <c r="AV28" s="197">
        <v>57</v>
      </c>
      <c r="AW28" s="195">
        <v>18</v>
      </c>
      <c r="AX28" s="198">
        <v>133</v>
      </c>
      <c r="AY28" s="199">
        <v>133</v>
      </c>
      <c r="AZ28" s="194">
        <v>0</v>
      </c>
      <c r="BA28" s="195">
        <v>0</v>
      </c>
      <c r="BB28" s="195">
        <v>0</v>
      </c>
      <c r="BC28" s="196">
        <v>0</v>
      </c>
      <c r="BD28" s="197">
        <v>0</v>
      </c>
      <c r="BE28" s="197">
        <v>0</v>
      </c>
      <c r="BF28" s="197">
        <v>1</v>
      </c>
      <c r="BG28" s="195">
        <v>0</v>
      </c>
      <c r="BH28" s="198">
        <v>1</v>
      </c>
      <c r="BI28" s="200">
        <v>1</v>
      </c>
      <c r="BJ28" s="201">
        <v>0</v>
      </c>
      <c r="BK28" s="195">
        <v>0</v>
      </c>
      <c r="BL28" s="195">
        <v>0</v>
      </c>
      <c r="BM28" s="196">
        <v>0</v>
      </c>
      <c r="BN28" s="197">
        <v>0</v>
      </c>
      <c r="BO28" s="197">
        <v>0</v>
      </c>
      <c r="BP28" s="197">
        <v>0</v>
      </c>
      <c r="BQ28" s="195">
        <v>1</v>
      </c>
      <c r="BR28" s="198">
        <v>1</v>
      </c>
      <c r="BS28" s="199">
        <v>1</v>
      </c>
      <c r="BT28" s="194">
        <v>0</v>
      </c>
      <c r="BU28" s="195">
        <v>0</v>
      </c>
      <c r="BV28" s="195">
        <v>0</v>
      </c>
      <c r="BW28" s="196">
        <v>0</v>
      </c>
      <c r="BX28" s="197">
        <v>0</v>
      </c>
      <c r="BY28" s="197">
        <v>0</v>
      </c>
      <c r="BZ28" s="197">
        <v>0</v>
      </c>
      <c r="CA28" s="195">
        <v>1</v>
      </c>
      <c r="CB28" s="198">
        <v>1</v>
      </c>
      <c r="CC28" s="200">
        <v>1</v>
      </c>
      <c r="CD28" s="201">
        <v>0</v>
      </c>
      <c r="CE28" s="195">
        <v>0</v>
      </c>
      <c r="CF28" s="195">
        <v>0</v>
      </c>
      <c r="CG28" s="196">
        <v>0</v>
      </c>
      <c r="CH28" s="197">
        <v>0</v>
      </c>
      <c r="CI28" s="197">
        <v>0</v>
      </c>
      <c r="CJ28" s="197">
        <v>0</v>
      </c>
      <c r="CK28" s="195">
        <v>0</v>
      </c>
      <c r="CL28" s="198">
        <v>0</v>
      </c>
      <c r="CM28" s="200">
        <v>0</v>
      </c>
      <c r="CN28" s="201">
        <v>0</v>
      </c>
      <c r="CO28" s="195">
        <v>0</v>
      </c>
      <c r="CP28" s="195">
        <v>0</v>
      </c>
      <c r="CQ28" s="196">
        <v>0</v>
      </c>
      <c r="CR28" s="197">
        <v>0</v>
      </c>
      <c r="CS28" s="197">
        <v>0</v>
      </c>
      <c r="CT28" s="197">
        <v>1</v>
      </c>
      <c r="CU28" s="195">
        <v>0</v>
      </c>
      <c r="CV28" s="198">
        <v>1</v>
      </c>
      <c r="CW28" s="199">
        <v>1</v>
      </c>
      <c r="CX28" s="194">
        <v>0</v>
      </c>
      <c r="CY28" s="195">
        <v>0</v>
      </c>
      <c r="CZ28" s="195">
        <v>0</v>
      </c>
      <c r="DA28" s="196">
        <v>0</v>
      </c>
      <c r="DB28" s="197">
        <v>0</v>
      </c>
      <c r="DC28" s="197">
        <v>0</v>
      </c>
      <c r="DD28" s="197">
        <v>1</v>
      </c>
      <c r="DE28" s="195">
        <v>0</v>
      </c>
      <c r="DF28" s="198">
        <v>1</v>
      </c>
      <c r="DG28" s="200">
        <v>1</v>
      </c>
      <c r="DH28" s="201">
        <v>0</v>
      </c>
      <c r="DI28" s="195">
        <v>0</v>
      </c>
      <c r="DJ28" s="195">
        <v>0</v>
      </c>
      <c r="DK28" s="196">
        <v>0</v>
      </c>
      <c r="DL28" s="197">
        <v>0</v>
      </c>
      <c r="DM28" s="197">
        <v>0</v>
      </c>
      <c r="DN28" s="197">
        <v>0</v>
      </c>
      <c r="DO28" s="195">
        <v>0</v>
      </c>
      <c r="DP28" s="198">
        <v>0</v>
      </c>
      <c r="DQ28" s="200">
        <v>0</v>
      </c>
      <c r="DR28" s="201">
        <v>0</v>
      </c>
      <c r="DS28" s="195">
        <v>0</v>
      </c>
      <c r="DT28" s="195">
        <v>0</v>
      </c>
      <c r="DU28" s="196">
        <v>18</v>
      </c>
      <c r="DV28" s="197">
        <v>30</v>
      </c>
      <c r="DW28" s="197">
        <v>89</v>
      </c>
      <c r="DX28" s="197">
        <v>128</v>
      </c>
      <c r="DY28" s="195">
        <v>74</v>
      </c>
      <c r="DZ28" s="198">
        <v>339</v>
      </c>
      <c r="EA28" s="200">
        <v>339</v>
      </c>
      <c r="EB28" s="37"/>
    </row>
    <row r="29" spans="1:132" ht="20.25" customHeight="1" x14ac:dyDescent="0.2">
      <c r="A29" s="62" t="s">
        <v>26</v>
      </c>
      <c r="B29" s="194">
        <v>0</v>
      </c>
      <c r="C29" s="195">
        <v>0</v>
      </c>
      <c r="D29" s="195">
        <v>0</v>
      </c>
      <c r="E29" s="196">
        <v>0</v>
      </c>
      <c r="F29" s="197">
        <v>7</v>
      </c>
      <c r="G29" s="197">
        <v>34</v>
      </c>
      <c r="H29" s="197">
        <v>73</v>
      </c>
      <c r="I29" s="195">
        <v>59</v>
      </c>
      <c r="J29" s="198">
        <v>173</v>
      </c>
      <c r="K29" s="199">
        <v>173</v>
      </c>
      <c r="L29" s="194">
        <v>0</v>
      </c>
      <c r="M29" s="195">
        <v>0</v>
      </c>
      <c r="N29" s="198">
        <v>0</v>
      </c>
      <c r="O29" s="196">
        <v>0</v>
      </c>
      <c r="P29" s="197">
        <v>7</v>
      </c>
      <c r="Q29" s="197">
        <v>33</v>
      </c>
      <c r="R29" s="197">
        <v>72</v>
      </c>
      <c r="S29" s="195">
        <v>58</v>
      </c>
      <c r="T29" s="198">
        <v>170</v>
      </c>
      <c r="U29" s="200">
        <v>170</v>
      </c>
      <c r="V29" s="201">
        <v>0</v>
      </c>
      <c r="W29" s="195">
        <v>0</v>
      </c>
      <c r="X29" s="198">
        <v>0</v>
      </c>
      <c r="Y29" s="201">
        <v>0</v>
      </c>
      <c r="Z29" s="197">
        <v>0</v>
      </c>
      <c r="AA29" s="197">
        <v>1</v>
      </c>
      <c r="AB29" s="197">
        <v>1</v>
      </c>
      <c r="AC29" s="195">
        <v>1</v>
      </c>
      <c r="AD29" s="198">
        <v>3</v>
      </c>
      <c r="AE29" s="202">
        <v>3</v>
      </c>
      <c r="AF29" s="201">
        <v>0</v>
      </c>
      <c r="AG29" s="195">
        <v>0</v>
      </c>
      <c r="AH29" s="198">
        <v>0</v>
      </c>
      <c r="AI29" s="201">
        <v>10</v>
      </c>
      <c r="AJ29" s="197">
        <v>23</v>
      </c>
      <c r="AK29" s="197">
        <v>24</v>
      </c>
      <c r="AL29" s="197">
        <v>20</v>
      </c>
      <c r="AM29" s="195">
        <v>11</v>
      </c>
      <c r="AN29" s="198">
        <v>88</v>
      </c>
      <c r="AO29" s="202">
        <v>88</v>
      </c>
      <c r="AP29" s="201">
        <v>0</v>
      </c>
      <c r="AQ29" s="195">
        <v>0</v>
      </c>
      <c r="AR29" s="198">
        <v>0</v>
      </c>
      <c r="AS29" s="196">
        <v>10</v>
      </c>
      <c r="AT29" s="197">
        <v>23</v>
      </c>
      <c r="AU29" s="197">
        <v>24</v>
      </c>
      <c r="AV29" s="197">
        <v>19</v>
      </c>
      <c r="AW29" s="195">
        <v>11</v>
      </c>
      <c r="AX29" s="198">
        <v>87</v>
      </c>
      <c r="AY29" s="199">
        <v>87</v>
      </c>
      <c r="AZ29" s="194">
        <v>0</v>
      </c>
      <c r="BA29" s="195">
        <v>0</v>
      </c>
      <c r="BB29" s="195">
        <v>0</v>
      </c>
      <c r="BC29" s="196">
        <v>0</v>
      </c>
      <c r="BD29" s="197">
        <v>0</v>
      </c>
      <c r="BE29" s="197">
        <v>0</v>
      </c>
      <c r="BF29" s="197">
        <v>1</v>
      </c>
      <c r="BG29" s="195">
        <v>0</v>
      </c>
      <c r="BH29" s="198">
        <v>1</v>
      </c>
      <c r="BI29" s="200">
        <v>1</v>
      </c>
      <c r="BJ29" s="201">
        <v>0</v>
      </c>
      <c r="BK29" s="195">
        <v>0</v>
      </c>
      <c r="BL29" s="195">
        <v>0</v>
      </c>
      <c r="BM29" s="196">
        <v>0</v>
      </c>
      <c r="BN29" s="197">
        <v>0</v>
      </c>
      <c r="BO29" s="197">
        <v>0</v>
      </c>
      <c r="BP29" s="197">
        <v>0</v>
      </c>
      <c r="BQ29" s="195">
        <v>1</v>
      </c>
      <c r="BR29" s="198">
        <v>1</v>
      </c>
      <c r="BS29" s="199">
        <v>1</v>
      </c>
      <c r="BT29" s="194">
        <v>0</v>
      </c>
      <c r="BU29" s="195">
        <v>0</v>
      </c>
      <c r="BV29" s="195">
        <v>0</v>
      </c>
      <c r="BW29" s="196">
        <v>0</v>
      </c>
      <c r="BX29" s="197">
        <v>0</v>
      </c>
      <c r="BY29" s="197">
        <v>0</v>
      </c>
      <c r="BZ29" s="197">
        <v>0</v>
      </c>
      <c r="CA29" s="195">
        <v>1</v>
      </c>
      <c r="CB29" s="198">
        <v>1</v>
      </c>
      <c r="CC29" s="200">
        <v>1</v>
      </c>
      <c r="CD29" s="201">
        <v>0</v>
      </c>
      <c r="CE29" s="195">
        <v>0</v>
      </c>
      <c r="CF29" s="195">
        <v>0</v>
      </c>
      <c r="CG29" s="196">
        <v>0</v>
      </c>
      <c r="CH29" s="197">
        <v>0</v>
      </c>
      <c r="CI29" s="197">
        <v>0</v>
      </c>
      <c r="CJ29" s="197">
        <v>0</v>
      </c>
      <c r="CK29" s="195">
        <v>0</v>
      </c>
      <c r="CL29" s="198">
        <v>0</v>
      </c>
      <c r="CM29" s="200">
        <v>0</v>
      </c>
      <c r="CN29" s="201">
        <v>0</v>
      </c>
      <c r="CO29" s="195">
        <v>0</v>
      </c>
      <c r="CP29" s="195">
        <v>0</v>
      </c>
      <c r="CQ29" s="196">
        <v>0</v>
      </c>
      <c r="CR29" s="197">
        <v>0</v>
      </c>
      <c r="CS29" s="197">
        <v>0</v>
      </c>
      <c r="CT29" s="197">
        <v>0</v>
      </c>
      <c r="CU29" s="195">
        <v>1</v>
      </c>
      <c r="CV29" s="198">
        <v>1</v>
      </c>
      <c r="CW29" s="199">
        <v>1</v>
      </c>
      <c r="CX29" s="194">
        <v>0</v>
      </c>
      <c r="CY29" s="195">
        <v>0</v>
      </c>
      <c r="CZ29" s="195">
        <v>0</v>
      </c>
      <c r="DA29" s="196">
        <v>0</v>
      </c>
      <c r="DB29" s="197">
        <v>0</v>
      </c>
      <c r="DC29" s="197">
        <v>0</v>
      </c>
      <c r="DD29" s="197">
        <v>0</v>
      </c>
      <c r="DE29" s="195">
        <v>1</v>
      </c>
      <c r="DF29" s="198">
        <v>1</v>
      </c>
      <c r="DG29" s="200">
        <v>1</v>
      </c>
      <c r="DH29" s="201">
        <v>0</v>
      </c>
      <c r="DI29" s="195">
        <v>0</v>
      </c>
      <c r="DJ29" s="195">
        <v>0</v>
      </c>
      <c r="DK29" s="196">
        <v>0</v>
      </c>
      <c r="DL29" s="197">
        <v>0</v>
      </c>
      <c r="DM29" s="197">
        <v>0</v>
      </c>
      <c r="DN29" s="197">
        <v>0</v>
      </c>
      <c r="DO29" s="195">
        <v>0</v>
      </c>
      <c r="DP29" s="198">
        <v>0</v>
      </c>
      <c r="DQ29" s="200">
        <v>0</v>
      </c>
      <c r="DR29" s="201">
        <v>0</v>
      </c>
      <c r="DS29" s="195">
        <v>0</v>
      </c>
      <c r="DT29" s="195">
        <v>0</v>
      </c>
      <c r="DU29" s="196">
        <v>10</v>
      </c>
      <c r="DV29" s="197">
        <v>30</v>
      </c>
      <c r="DW29" s="197">
        <v>58</v>
      </c>
      <c r="DX29" s="197">
        <v>92</v>
      </c>
      <c r="DY29" s="195">
        <v>72</v>
      </c>
      <c r="DZ29" s="198">
        <v>262</v>
      </c>
      <c r="EA29" s="200">
        <v>262</v>
      </c>
      <c r="EB29" s="37"/>
    </row>
    <row r="30" spans="1:132" ht="20.25" customHeight="1" x14ac:dyDescent="0.2">
      <c r="A30" s="62" t="s">
        <v>27</v>
      </c>
      <c r="B30" s="194">
        <v>0</v>
      </c>
      <c r="C30" s="195">
        <v>0</v>
      </c>
      <c r="D30" s="195">
        <v>0</v>
      </c>
      <c r="E30" s="196">
        <v>2</v>
      </c>
      <c r="F30" s="197">
        <v>2</v>
      </c>
      <c r="G30" s="197">
        <v>35</v>
      </c>
      <c r="H30" s="197">
        <v>56</v>
      </c>
      <c r="I30" s="195">
        <v>44</v>
      </c>
      <c r="J30" s="198">
        <v>139</v>
      </c>
      <c r="K30" s="199">
        <v>139</v>
      </c>
      <c r="L30" s="194">
        <v>0</v>
      </c>
      <c r="M30" s="195">
        <v>0</v>
      </c>
      <c r="N30" s="198">
        <v>0</v>
      </c>
      <c r="O30" s="196">
        <v>2</v>
      </c>
      <c r="P30" s="197">
        <v>2</v>
      </c>
      <c r="Q30" s="197">
        <v>33</v>
      </c>
      <c r="R30" s="197">
        <v>56</v>
      </c>
      <c r="S30" s="195">
        <v>44</v>
      </c>
      <c r="T30" s="198">
        <v>137</v>
      </c>
      <c r="U30" s="200">
        <v>137</v>
      </c>
      <c r="V30" s="201">
        <v>0</v>
      </c>
      <c r="W30" s="195">
        <v>0</v>
      </c>
      <c r="X30" s="198">
        <v>0</v>
      </c>
      <c r="Y30" s="201">
        <v>0</v>
      </c>
      <c r="Z30" s="197">
        <v>0</v>
      </c>
      <c r="AA30" s="197">
        <v>2</v>
      </c>
      <c r="AB30" s="197">
        <v>0</v>
      </c>
      <c r="AC30" s="195">
        <v>0</v>
      </c>
      <c r="AD30" s="198">
        <v>2</v>
      </c>
      <c r="AE30" s="202">
        <v>2</v>
      </c>
      <c r="AF30" s="201">
        <v>0</v>
      </c>
      <c r="AG30" s="195">
        <v>0</v>
      </c>
      <c r="AH30" s="198">
        <v>0</v>
      </c>
      <c r="AI30" s="201">
        <v>7</v>
      </c>
      <c r="AJ30" s="197">
        <v>13</v>
      </c>
      <c r="AK30" s="197">
        <v>28</v>
      </c>
      <c r="AL30" s="197">
        <v>17</v>
      </c>
      <c r="AM30" s="195">
        <v>11</v>
      </c>
      <c r="AN30" s="198">
        <v>76</v>
      </c>
      <c r="AO30" s="202">
        <v>76</v>
      </c>
      <c r="AP30" s="201">
        <v>0</v>
      </c>
      <c r="AQ30" s="195">
        <v>0</v>
      </c>
      <c r="AR30" s="198">
        <v>0</v>
      </c>
      <c r="AS30" s="196">
        <v>7</v>
      </c>
      <c r="AT30" s="197">
        <v>12</v>
      </c>
      <c r="AU30" s="197">
        <v>27</v>
      </c>
      <c r="AV30" s="197">
        <v>17</v>
      </c>
      <c r="AW30" s="195">
        <v>11</v>
      </c>
      <c r="AX30" s="198">
        <v>74</v>
      </c>
      <c r="AY30" s="199">
        <v>74</v>
      </c>
      <c r="AZ30" s="194">
        <v>0</v>
      </c>
      <c r="BA30" s="195">
        <v>0</v>
      </c>
      <c r="BB30" s="195">
        <v>0</v>
      </c>
      <c r="BC30" s="196">
        <v>0</v>
      </c>
      <c r="BD30" s="197">
        <v>1</v>
      </c>
      <c r="BE30" s="197">
        <v>1</v>
      </c>
      <c r="BF30" s="197">
        <v>0</v>
      </c>
      <c r="BG30" s="195">
        <v>0</v>
      </c>
      <c r="BH30" s="198">
        <v>2</v>
      </c>
      <c r="BI30" s="200">
        <v>2</v>
      </c>
      <c r="BJ30" s="201">
        <v>0</v>
      </c>
      <c r="BK30" s="195">
        <v>0</v>
      </c>
      <c r="BL30" s="195">
        <v>0</v>
      </c>
      <c r="BM30" s="196">
        <v>0</v>
      </c>
      <c r="BN30" s="197">
        <v>0</v>
      </c>
      <c r="BO30" s="197">
        <v>0</v>
      </c>
      <c r="BP30" s="197">
        <v>0</v>
      </c>
      <c r="BQ30" s="195">
        <v>0</v>
      </c>
      <c r="BR30" s="198">
        <v>0</v>
      </c>
      <c r="BS30" s="199">
        <v>0</v>
      </c>
      <c r="BT30" s="194">
        <v>0</v>
      </c>
      <c r="BU30" s="195">
        <v>0</v>
      </c>
      <c r="BV30" s="195">
        <v>0</v>
      </c>
      <c r="BW30" s="196">
        <v>0</v>
      </c>
      <c r="BX30" s="197">
        <v>0</v>
      </c>
      <c r="BY30" s="197">
        <v>0</v>
      </c>
      <c r="BZ30" s="197">
        <v>0</v>
      </c>
      <c r="CA30" s="195">
        <v>0</v>
      </c>
      <c r="CB30" s="198">
        <v>0</v>
      </c>
      <c r="CC30" s="200">
        <v>0</v>
      </c>
      <c r="CD30" s="201">
        <v>0</v>
      </c>
      <c r="CE30" s="195">
        <v>0</v>
      </c>
      <c r="CF30" s="195">
        <v>0</v>
      </c>
      <c r="CG30" s="196">
        <v>0</v>
      </c>
      <c r="CH30" s="197">
        <v>0</v>
      </c>
      <c r="CI30" s="197">
        <v>0</v>
      </c>
      <c r="CJ30" s="197">
        <v>0</v>
      </c>
      <c r="CK30" s="195">
        <v>0</v>
      </c>
      <c r="CL30" s="198">
        <v>0</v>
      </c>
      <c r="CM30" s="200">
        <v>0</v>
      </c>
      <c r="CN30" s="201">
        <v>0</v>
      </c>
      <c r="CO30" s="195">
        <v>0</v>
      </c>
      <c r="CP30" s="195">
        <v>0</v>
      </c>
      <c r="CQ30" s="196">
        <v>0</v>
      </c>
      <c r="CR30" s="197">
        <v>0</v>
      </c>
      <c r="CS30" s="197">
        <v>0</v>
      </c>
      <c r="CT30" s="197">
        <v>2</v>
      </c>
      <c r="CU30" s="195">
        <v>2</v>
      </c>
      <c r="CV30" s="198">
        <v>4</v>
      </c>
      <c r="CW30" s="199">
        <v>4</v>
      </c>
      <c r="CX30" s="194">
        <v>0</v>
      </c>
      <c r="CY30" s="195">
        <v>0</v>
      </c>
      <c r="CZ30" s="195">
        <v>0</v>
      </c>
      <c r="DA30" s="196">
        <v>0</v>
      </c>
      <c r="DB30" s="197">
        <v>0</v>
      </c>
      <c r="DC30" s="197">
        <v>0</v>
      </c>
      <c r="DD30" s="197">
        <v>2</v>
      </c>
      <c r="DE30" s="195">
        <v>1</v>
      </c>
      <c r="DF30" s="198">
        <v>3</v>
      </c>
      <c r="DG30" s="200">
        <v>3</v>
      </c>
      <c r="DH30" s="201">
        <v>0</v>
      </c>
      <c r="DI30" s="195">
        <v>0</v>
      </c>
      <c r="DJ30" s="195">
        <v>0</v>
      </c>
      <c r="DK30" s="196">
        <v>0</v>
      </c>
      <c r="DL30" s="197">
        <v>0</v>
      </c>
      <c r="DM30" s="197">
        <v>0</v>
      </c>
      <c r="DN30" s="197">
        <v>0</v>
      </c>
      <c r="DO30" s="195">
        <v>1</v>
      </c>
      <c r="DP30" s="198">
        <v>1</v>
      </c>
      <c r="DQ30" s="200">
        <v>1</v>
      </c>
      <c r="DR30" s="201">
        <v>0</v>
      </c>
      <c r="DS30" s="195">
        <v>0</v>
      </c>
      <c r="DT30" s="195">
        <v>0</v>
      </c>
      <c r="DU30" s="196">
        <v>9</v>
      </c>
      <c r="DV30" s="197">
        <v>15</v>
      </c>
      <c r="DW30" s="197">
        <v>63</v>
      </c>
      <c r="DX30" s="197">
        <v>75</v>
      </c>
      <c r="DY30" s="195">
        <v>56</v>
      </c>
      <c r="DZ30" s="198">
        <v>218</v>
      </c>
      <c r="EA30" s="200">
        <v>218</v>
      </c>
      <c r="EB30" s="37"/>
    </row>
    <row r="31" spans="1:132" ht="20.25" customHeight="1" x14ac:dyDescent="0.2">
      <c r="A31" s="62" t="s">
        <v>28</v>
      </c>
      <c r="B31" s="194">
        <v>0</v>
      </c>
      <c r="C31" s="195">
        <v>0</v>
      </c>
      <c r="D31" s="195">
        <v>0</v>
      </c>
      <c r="E31" s="196">
        <v>0</v>
      </c>
      <c r="F31" s="197">
        <v>1</v>
      </c>
      <c r="G31" s="197">
        <v>14</v>
      </c>
      <c r="H31" s="197">
        <v>16</v>
      </c>
      <c r="I31" s="195">
        <v>13</v>
      </c>
      <c r="J31" s="198">
        <v>44</v>
      </c>
      <c r="K31" s="199">
        <v>44</v>
      </c>
      <c r="L31" s="194">
        <v>0</v>
      </c>
      <c r="M31" s="195">
        <v>0</v>
      </c>
      <c r="N31" s="198">
        <v>0</v>
      </c>
      <c r="O31" s="196">
        <v>0</v>
      </c>
      <c r="P31" s="197">
        <v>1</v>
      </c>
      <c r="Q31" s="197">
        <v>14</v>
      </c>
      <c r="R31" s="197">
        <v>16</v>
      </c>
      <c r="S31" s="195">
        <v>13</v>
      </c>
      <c r="T31" s="198">
        <v>44</v>
      </c>
      <c r="U31" s="200">
        <v>44</v>
      </c>
      <c r="V31" s="201">
        <v>0</v>
      </c>
      <c r="W31" s="195">
        <v>0</v>
      </c>
      <c r="X31" s="198">
        <v>0</v>
      </c>
      <c r="Y31" s="201">
        <v>0</v>
      </c>
      <c r="Z31" s="197">
        <v>0</v>
      </c>
      <c r="AA31" s="197">
        <v>0</v>
      </c>
      <c r="AB31" s="197">
        <v>0</v>
      </c>
      <c r="AC31" s="195">
        <v>0</v>
      </c>
      <c r="AD31" s="198">
        <v>0</v>
      </c>
      <c r="AE31" s="202">
        <v>0</v>
      </c>
      <c r="AF31" s="201">
        <v>0</v>
      </c>
      <c r="AG31" s="195">
        <v>0</v>
      </c>
      <c r="AH31" s="198">
        <v>0</v>
      </c>
      <c r="AI31" s="201">
        <v>2</v>
      </c>
      <c r="AJ31" s="197">
        <v>9</v>
      </c>
      <c r="AK31" s="197">
        <v>6</v>
      </c>
      <c r="AL31" s="197">
        <v>13</v>
      </c>
      <c r="AM31" s="195">
        <v>3</v>
      </c>
      <c r="AN31" s="198">
        <v>33</v>
      </c>
      <c r="AO31" s="202">
        <v>33</v>
      </c>
      <c r="AP31" s="201">
        <v>0</v>
      </c>
      <c r="AQ31" s="195">
        <v>0</v>
      </c>
      <c r="AR31" s="198">
        <v>0</v>
      </c>
      <c r="AS31" s="196">
        <v>2</v>
      </c>
      <c r="AT31" s="197">
        <v>9</v>
      </c>
      <c r="AU31" s="197">
        <v>6</v>
      </c>
      <c r="AV31" s="197">
        <v>12</v>
      </c>
      <c r="AW31" s="195">
        <v>3</v>
      </c>
      <c r="AX31" s="198">
        <v>32</v>
      </c>
      <c r="AY31" s="199">
        <v>32</v>
      </c>
      <c r="AZ31" s="194">
        <v>0</v>
      </c>
      <c r="BA31" s="195">
        <v>0</v>
      </c>
      <c r="BB31" s="195">
        <v>0</v>
      </c>
      <c r="BC31" s="196">
        <v>0</v>
      </c>
      <c r="BD31" s="197">
        <v>0</v>
      </c>
      <c r="BE31" s="197">
        <v>0</v>
      </c>
      <c r="BF31" s="197">
        <v>1</v>
      </c>
      <c r="BG31" s="195">
        <v>0</v>
      </c>
      <c r="BH31" s="198">
        <v>1</v>
      </c>
      <c r="BI31" s="200">
        <v>1</v>
      </c>
      <c r="BJ31" s="201">
        <v>0</v>
      </c>
      <c r="BK31" s="195">
        <v>0</v>
      </c>
      <c r="BL31" s="195">
        <v>0</v>
      </c>
      <c r="BM31" s="196">
        <v>0</v>
      </c>
      <c r="BN31" s="197">
        <v>0</v>
      </c>
      <c r="BO31" s="197">
        <v>0</v>
      </c>
      <c r="BP31" s="197">
        <v>0</v>
      </c>
      <c r="BQ31" s="195">
        <v>0</v>
      </c>
      <c r="BR31" s="198">
        <v>0</v>
      </c>
      <c r="BS31" s="199">
        <v>0</v>
      </c>
      <c r="BT31" s="194">
        <v>0</v>
      </c>
      <c r="BU31" s="195">
        <v>0</v>
      </c>
      <c r="BV31" s="195">
        <v>0</v>
      </c>
      <c r="BW31" s="196">
        <v>0</v>
      </c>
      <c r="BX31" s="197">
        <v>0</v>
      </c>
      <c r="BY31" s="197">
        <v>0</v>
      </c>
      <c r="BZ31" s="197">
        <v>0</v>
      </c>
      <c r="CA31" s="195">
        <v>0</v>
      </c>
      <c r="CB31" s="198">
        <v>0</v>
      </c>
      <c r="CC31" s="200">
        <v>0</v>
      </c>
      <c r="CD31" s="201">
        <v>0</v>
      </c>
      <c r="CE31" s="195">
        <v>0</v>
      </c>
      <c r="CF31" s="195">
        <v>0</v>
      </c>
      <c r="CG31" s="196">
        <v>0</v>
      </c>
      <c r="CH31" s="197">
        <v>0</v>
      </c>
      <c r="CI31" s="197">
        <v>0</v>
      </c>
      <c r="CJ31" s="197">
        <v>0</v>
      </c>
      <c r="CK31" s="195">
        <v>0</v>
      </c>
      <c r="CL31" s="198">
        <v>0</v>
      </c>
      <c r="CM31" s="200">
        <v>0</v>
      </c>
      <c r="CN31" s="201">
        <v>0</v>
      </c>
      <c r="CO31" s="195">
        <v>0</v>
      </c>
      <c r="CP31" s="195">
        <v>0</v>
      </c>
      <c r="CQ31" s="196">
        <v>0</v>
      </c>
      <c r="CR31" s="197">
        <v>0</v>
      </c>
      <c r="CS31" s="197">
        <v>0</v>
      </c>
      <c r="CT31" s="197">
        <v>0</v>
      </c>
      <c r="CU31" s="195">
        <v>0</v>
      </c>
      <c r="CV31" s="198">
        <v>0</v>
      </c>
      <c r="CW31" s="199">
        <v>0</v>
      </c>
      <c r="CX31" s="194">
        <v>0</v>
      </c>
      <c r="CY31" s="195">
        <v>0</v>
      </c>
      <c r="CZ31" s="195">
        <v>0</v>
      </c>
      <c r="DA31" s="196">
        <v>0</v>
      </c>
      <c r="DB31" s="197">
        <v>0</v>
      </c>
      <c r="DC31" s="197">
        <v>0</v>
      </c>
      <c r="DD31" s="197">
        <v>0</v>
      </c>
      <c r="DE31" s="195">
        <v>0</v>
      </c>
      <c r="DF31" s="198">
        <v>0</v>
      </c>
      <c r="DG31" s="200">
        <v>0</v>
      </c>
      <c r="DH31" s="201">
        <v>0</v>
      </c>
      <c r="DI31" s="195">
        <v>0</v>
      </c>
      <c r="DJ31" s="195">
        <v>0</v>
      </c>
      <c r="DK31" s="196">
        <v>0</v>
      </c>
      <c r="DL31" s="197">
        <v>0</v>
      </c>
      <c r="DM31" s="197">
        <v>0</v>
      </c>
      <c r="DN31" s="197">
        <v>0</v>
      </c>
      <c r="DO31" s="195">
        <v>0</v>
      </c>
      <c r="DP31" s="198">
        <v>0</v>
      </c>
      <c r="DQ31" s="200">
        <v>0</v>
      </c>
      <c r="DR31" s="201">
        <v>0</v>
      </c>
      <c r="DS31" s="195">
        <v>0</v>
      </c>
      <c r="DT31" s="195">
        <v>0</v>
      </c>
      <c r="DU31" s="196">
        <v>2</v>
      </c>
      <c r="DV31" s="197">
        <v>10</v>
      </c>
      <c r="DW31" s="197">
        <v>20</v>
      </c>
      <c r="DX31" s="197">
        <v>29</v>
      </c>
      <c r="DY31" s="195">
        <v>16</v>
      </c>
      <c r="DZ31" s="198">
        <v>77</v>
      </c>
      <c r="EA31" s="200">
        <v>77</v>
      </c>
      <c r="EB31" s="37"/>
    </row>
    <row r="32" spans="1:132" ht="20.25" customHeight="1" x14ac:dyDescent="0.2">
      <c r="A32" s="62" t="s">
        <v>29</v>
      </c>
      <c r="B32" s="194">
        <v>0</v>
      </c>
      <c r="C32" s="195">
        <v>0</v>
      </c>
      <c r="D32" s="195">
        <v>0</v>
      </c>
      <c r="E32" s="196">
        <v>0</v>
      </c>
      <c r="F32" s="197">
        <v>2</v>
      </c>
      <c r="G32" s="197">
        <v>20</v>
      </c>
      <c r="H32" s="197">
        <v>31</v>
      </c>
      <c r="I32" s="195">
        <v>21</v>
      </c>
      <c r="J32" s="198">
        <v>74</v>
      </c>
      <c r="K32" s="199">
        <v>74</v>
      </c>
      <c r="L32" s="194">
        <v>0</v>
      </c>
      <c r="M32" s="195">
        <v>0</v>
      </c>
      <c r="N32" s="198">
        <v>0</v>
      </c>
      <c r="O32" s="196">
        <v>0</v>
      </c>
      <c r="P32" s="197">
        <v>2</v>
      </c>
      <c r="Q32" s="197">
        <v>20</v>
      </c>
      <c r="R32" s="197">
        <v>31</v>
      </c>
      <c r="S32" s="195">
        <v>21</v>
      </c>
      <c r="T32" s="198">
        <v>74</v>
      </c>
      <c r="U32" s="200">
        <v>74</v>
      </c>
      <c r="V32" s="201">
        <v>0</v>
      </c>
      <c r="W32" s="195">
        <v>0</v>
      </c>
      <c r="X32" s="198">
        <v>0</v>
      </c>
      <c r="Y32" s="201">
        <v>0</v>
      </c>
      <c r="Z32" s="197">
        <v>0</v>
      </c>
      <c r="AA32" s="197">
        <v>0</v>
      </c>
      <c r="AB32" s="197">
        <v>0</v>
      </c>
      <c r="AC32" s="195">
        <v>0</v>
      </c>
      <c r="AD32" s="198">
        <v>0</v>
      </c>
      <c r="AE32" s="202">
        <v>0</v>
      </c>
      <c r="AF32" s="201">
        <v>0</v>
      </c>
      <c r="AG32" s="195">
        <v>0</v>
      </c>
      <c r="AH32" s="198">
        <v>0</v>
      </c>
      <c r="AI32" s="201">
        <v>2</v>
      </c>
      <c r="AJ32" s="197">
        <v>8</v>
      </c>
      <c r="AK32" s="197">
        <v>9</v>
      </c>
      <c r="AL32" s="197">
        <v>14</v>
      </c>
      <c r="AM32" s="195">
        <v>8</v>
      </c>
      <c r="AN32" s="198">
        <v>41</v>
      </c>
      <c r="AO32" s="202">
        <v>41</v>
      </c>
      <c r="AP32" s="201">
        <v>0</v>
      </c>
      <c r="AQ32" s="195">
        <v>0</v>
      </c>
      <c r="AR32" s="198">
        <v>0</v>
      </c>
      <c r="AS32" s="196">
        <v>2</v>
      </c>
      <c r="AT32" s="197">
        <v>7</v>
      </c>
      <c r="AU32" s="197">
        <v>9</v>
      </c>
      <c r="AV32" s="197">
        <v>14</v>
      </c>
      <c r="AW32" s="195">
        <v>7</v>
      </c>
      <c r="AX32" s="198">
        <v>39</v>
      </c>
      <c r="AY32" s="199">
        <v>39</v>
      </c>
      <c r="AZ32" s="194">
        <v>0</v>
      </c>
      <c r="BA32" s="195">
        <v>0</v>
      </c>
      <c r="BB32" s="195">
        <v>0</v>
      </c>
      <c r="BC32" s="196">
        <v>0</v>
      </c>
      <c r="BD32" s="197">
        <v>1</v>
      </c>
      <c r="BE32" s="197">
        <v>0</v>
      </c>
      <c r="BF32" s="197">
        <v>0</v>
      </c>
      <c r="BG32" s="195">
        <v>1</v>
      </c>
      <c r="BH32" s="198">
        <v>2</v>
      </c>
      <c r="BI32" s="200">
        <v>2</v>
      </c>
      <c r="BJ32" s="201">
        <v>0</v>
      </c>
      <c r="BK32" s="195">
        <v>0</v>
      </c>
      <c r="BL32" s="195">
        <v>0</v>
      </c>
      <c r="BM32" s="196">
        <v>0</v>
      </c>
      <c r="BN32" s="197">
        <v>0</v>
      </c>
      <c r="BO32" s="197">
        <v>0</v>
      </c>
      <c r="BP32" s="197">
        <v>0</v>
      </c>
      <c r="BQ32" s="195">
        <v>1</v>
      </c>
      <c r="BR32" s="198">
        <v>1</v>
      </c>
      <c r="BS32" s="199">
        <v>1</v>
      </c>
      <c r="BT32" s="194">
        <v>0</v>
      </c>
      <c r="BU32" s="195">
        <v>0</v>
      </c>
      <c r="BV32" s="195">
        <v>0</v>
      </c>
      <c r="BW32" s="196">
        <v>0</v>
      </c>
      <c r="BX32" s="197">
        <v>0</v>
      </c>
      <c r="BY32" s="197">
        <v>0</v>
      </c>
      <c r="BZ32" s="197">
        <v>0</v>
      </c>
      <c r="CA32" s="195">
        <v>1</v>
      </c>
      <c r="CB32" s="198">
        <v>1</v>
      </c>
      <c r="CC32" s="200">
        <v>1</v>
      </c>
      <c r="CD32" s="201">
        <v>0</v>
      </c>
      <c r="CE32" s="195">
        <v>0</v>
      </c>
      <c r="CF32" s="195">
        <v>0</v>
      </c>
      <c r="CG32" s="196">
        <v>0</v>
      </c>
      <c r="CH32" s="197">
        <v>0</v>
      </c>
      <c r="CI32" s="197">
        <v>0</v>
      </c>
      <c r="CJ32" s="197">
        <v>0</v>
      </c>
      <c r="CK32" s="195">
        <v>0</v>
      </c>
      <c r="CL32" s="198">
        <v>0</v>
      </c>
      <c r="CM32" s="200">
        <v>0</v>
      </c>
      <c r="CN32" s="201">
        <v>0</v>
      </c>
      <c r="CO32" s="195">
        <v>0</v>
      </c>
      <c r="CP32" s="195">
        <v>0</v>
      </c>
      <c r="CQ32" s="196">
        <v>0</v>
      </c>
      <c r="CR32" s="197">
        <v>0</v>
      </c>
      <c r="CS32" s="197">
        <v>0</v>
      </c>
      <c r="CT32" s="197">
        <v>0</v>
      </c>
      <c r="CU32" s="195">
        <v>1</v>
      </c>
      <c r="CV32" s="198">
        <v>1</v>
      </c>
      <c r="CW32" s="199">
        <v>1</v>
      </c>
      <c r="CX32" s="194">
        <v>0</v>
      </c>
      <c r="CY32" s="195">
        <v>0</v>
      </c>
      <c r="CZ32" s="195">
        <v>0</v>
      </c>
      <c r="DA32" s="196">
        <v>0</v>
      </c>
      <c r="DB32" s="197">
        <v>0</v>
      </c>
      <c r="DC32" s="197">
        <v>0</v>
      </c>
      <c r="DD32" s="197">
        <v>0</v>
      </c>
      <c r="DE32" s="195">
        <v>1</v>
      </c>
      <c r="DF32" s="198">
        <v>1</v>
      </c>
      <c r="DG32" s="200">
        <v>1</v>
      </c>
      <c r="DH32" s="201">
        <v>0</v>
      </c>
      <c r="DI32" s="195">
        <v>0</v>
      </c>
      <c r="DJ32" s="195">
        <v>0</v>
      </c>
      <c r="DK32" s="196">
        <v>0</v>
      </c>
      <c r="DL32" s="197">
        <v>0</v>
      </c>
      <c r="DM32" s="197">
        <v>0</v>
      </c>
      <c r="DN32" s="197">
        <v>0</v>
      </c>
      <c r="DO32" s="195">
        <v>0</v>
      </c>
      <c r="DP32" s="198">
        <v>0</v>
      </c>
      <c r="DQ32" s="200">
        <v>0</v>
      </c>
      <c r="DR32" s="201">
        <v>0</v>
      </c>
      <c r="DS32" s="195">
        <v>0</v>
      </c>
      <c r="DT32" s="195">
        <v>0</v>
      </c>
      <c r="DU32" s="196">
        <v>2</v>
      </c>
      <c r="DV32" s="197">
        <v>10</v>
      </c>
      <c r="DW32" s="197">
        <v>29</v>
      </c>
      <c r="DX32" s="197">
        <v>45</v>
      </c>
      <c r="DY32" s="195">
        <v>31</v>
      </c>
      <c r="DZ32" s="198">
        <v>117</v>
      </c>
      <c r="EA32" s="200">
        <v>117</v>
      </c>
      <c r="EB32" s="37"/>
    </row>
    <row r="33" spans="1:132" ht="20.25" customHeight="1" x14ac:dyDescent="0.2">
      <c r="A33" s="62" t="s">
        <v>30</v>
      </c>
      <c r="B33" s="194">
        <v>0</v>
      </c>
      <c r="C33" s="195">
        <v>0</v>
      </c>
      <c r="D33" s="195">
        <v>0</v>
      </c>
      <c r="E33" s="196">
        <v>1</v>
      </c>
      <c r="F33" s="197">
        <v>2</v>
      </c>
      <c r="G33" s="197">
        <v>23</v>
      </c>
      <c r="H33" s="197">
        <v>20</v>
      </c>
      <c r="I33" s="195">
        <v>20</v>
      </c>
      <c r="J33" s="198">
        <v>66</v>
      </c>
      <c r="K33" s="199">
        <v>66</v>
      </c>
      <c r="L33" s="194">
        <v>0</v>
      </c>
      <c r="M33" s="195">
        <v>0</v>
      </c>
      <c r="N33" s="198">
        <v>0</v>
      </c>
      <c r="O33" s="196">
        <v>1</v>
      </c>
      <c r="P33" s="197">
        <v>2</v>
      </c>
      <c r="Q33" s="197">
        <v>23</v>
      </c>
      <c r="R33" s="197">
        <v>20</v>
      </c>
      <c r="S33" s="195">
        <v>20</v>
      </c>
      <c r="T33" s="198">
        <v>66</v>
      </c>
      <c r="U33" s="200">
        <v>66</v>
      </c>
      <c r="V33" s="201">
        <v>0</v>
      </c>
      <c r="W33" s="195">
        <v>0</v>
      </c>
      <c r="X33" s="198">
        <v>0</v>
      </c>
      <c r="Y33" s="201">
        <v>0</v>
      </c>
      <c r="Z33" s="197">
        <v>0</v>
      </c>
      <c r="AA33" s="197">
        <v>0</v>
      </c>
      <c r="AB33" s="197">
        <v>0</v>
      </c>
      <c r="AC33" s="195">
        <v>0</v>
      </c>
      <c r="AD33" s="198">
        <v>0</v>
      </c>
      <c r="AE33" s="202">
        <v>0</v>
      </c>
      <c r="AF33" s="201">
        <v>0</v>
      </c>
      <c r="AG33" s="195">
        <v>0</v>
      </c>
      <c r="AH33" s="198">
        <v>0</v>
      </c>
      <c r="AI33" s="201">
        <v>5</v>
      </c>
      <c r="AJ33" s="197">
        <v>5</v>
      </c>
      <c r="AK33" s="197">
        <v>13</v>
      </c>
      <c r="AL33" s="197">
        <v>20</v>
      </c>
      <c r="AM33" s="195">
        <v>5</v>
      </c>
      <c r="AN33" s="198">
        <v>48</v>
      </c>
      <c r="AO33" s="202">
        <v>48</v>
      </c>
      <c r="AP33" s="201">
        <v>0</v>
      </c>
      <c r="AQ33" s="195">
        <v>0</v>
      </c>
      <c r="AR33" s="198">
        <v>0</v>
      </c>
      <c r="AS33" s="196">
        <v>5</v>
      </c>
      <c r="AT33" s="197">
        <v>5</v>
      </c>
      <c r="AU33" s="197">
        <v>12</v>
      </c>
      <c r="AV33" s="197">
        <v>20</v>
      </c>
      <c r="AW33" s="195">
        <v>5</v>
      </c>
      <c r="AX33" s="198">
        <v>47</v>
      </c>
      <c r="AY33" s="199">
        <v>47</v>
      </c>
      <c r="AZ33" s="194">
        <v>0</v>
      </c>
      <c r="BA33" s="195">
        <v>0</v>
      </c>
      <c r="BB33" s="195">
        <v>0</v>
      </c>
      <c r="BC33" s="196">
        <v>0</v>
      </c>
      <c r="BD33" s="197">
        <v>0</v>
      </c>
      <c r="BE33" s="197">
        <v>1</v>
      </c>
      <c r="BF33" s="197">
        <v>0</v>
      </c>
      <c r="BG33" s="195">
        <v>0</v>
      </c>
      <c r="BH33" s="198">
        <v>1</v>
      </c>
      <c r="BI33" s="200">
        <v>1</v>
      </c>
      <c r="BJ33" s="201">
        <v>0</v>
      </c>
      <c r="BK33" s="195">
        <v>0</v>
      </c>
      <c r="BL33" s="195">
        <v>0</v>
      </c>
      <c r="BM33" s="196">
        <v>0</v>
      </c>
      <c r="BN33" s="197">
        <v>0</v>
      </c>
      <c r="BO33" s="197">
        <v>0</v>
      </c>
      <c r="BP33" s="197">
        <v>0</v>
      </c>
      <c r="BQ33" s="195">
        <v>0</v>
      </c>
      <c r="BR33" s="198">
        <v>0</v>
      </c>
      <c r="BS33" s="199">
        <v>0</v>
      </c>
      <c r="BT33" s="194">
        <v>0</v>
      </c>
      <c r="BU33" s="195">
        <v>0</v>
      </c>
      <c r="BV33" s="195">
        <v>0</v>
      </c>
      <c r="BW33" s="196">
        <v>0</v>
      </c>
      <c r="BX33" s="197">
        <v>0</v>
      </c>
      <c r="BY33" s="197">
        <v>0</v>
      </c>
      <c r="BZ33" s="197">
        <v>0</v>
      </c>
      <c r="CA33" s="195">
        <v>0</v>
      </c>
      <c r="CB33" s="198">
        <v>0</v>
      </c>
      <c r="CC33" s="200">
        <v>0</v>
      </c>
      <c r="CD33" s="201">
        <v>0</v>
      </c>
      <c r="CE33" s="195">
        <v>0</v>
      </c>
      <c r="CF33" s="195">
        <v>0</v>
      </c>
      <c r="CG33" s="196">
        <v>0</v>
      </c>
      <c r="CH33" s="197">
        <v>0</v>
      </c>
      <c r="CI33" s="197">
        <v>0</v>
      </c>
      <c r="CJ33" s="197">
        <v>0</v>
      </c>
      <c r="CK33" s="195">
        <v>0</v>
      </c>
      <c r="CL33" s="198">
        <v>0</v>
      </c>
      <c r="CM33" s="200">
        <v>0</v>
      </c>
      <c r="CN33" s="201">
        <v>0</v>
      </c>
      <c r="CO33" s="195">
        <v>0</v>
      </c>
      <c r="CP33" s="195">
        <v>0</v>
      </c>
      <c r="CQ33" s="196">
        <v>0</v>
      </c>
      <c r="CR33" s="197">
        <v>1</v>
      </c>
      <c r="CS33" s="197">
        <v>0</v>
      </c>
      <c r="CT33" s="197">
        <v>0</v>
      </c>
      <c r="CU33" s="195">
        <v>2</v>
      </c>
      <c r="CV33" s="198">
        <v>3</v>
      </c>
      <c r="CW33" s="199">
        <v>3</v>
      </c>
      <c r="CX33" s="194">
        <v>0</v>
      </c>
      <c r="CY33" s="195">
        <v>0</v>
      </c>
      <c r="CZ33" s="195">
        <v>0</v>
      </c>
      <c r="DA33" s="196">
        <v>0</v>
      </c>
      <c r="DB33" s="197">
        <v>1</v>
      </c>
      <c r="DC33" s="197">
        <v>0</v>
      </c>
      <c r="DD33" s="197">
        <v>0</v>
      </c>
      <c r="DE33" s="195">
        <v>2</v>
      </c>
      <c r="DF33" s="198">
        <v>3</v>
      </c>
      <c r="DG33" s="200">
        <v>3</v>
      </c>
      <c r="DH33" s="201">
        <v>0</v>
      </c>
      <c r="DI33" s="195">
        <v>0</v>
      </c>
      <c r="DJ33" s="195">
        <v>0</v>
      </c>
      <c r="DK33" s="196">
        <v>0</v>
      </c>
      <c r="DL33" s="197">
        <v>0</v>
      </c>
      <c r="DM33" s="197">
        <v>0</v>
      </c>
      <c r="DN33" s="197">
        <v>0</v>
      </c>
      <c r="DO33" s="195">
        <v>0</v>
      </c>
      <c r="DP33" s="198">
        <v>0</v>
      </c>
      <c r="DQ33" s="200">
        <v>0</v>
      </c>
      <c r="DR33" s="201">
        <v>0</v>
      </c>
      <c r="DS33" s="195">
        <v>0</v>
      </c>
      <c r="DT33" s="195">
        <v>0</v>
      </c>
      <c r="DU33" s="196">
        <v>6</v>
      </c>
      <c r="DV33" s="197">
        <v>8</v>
      </c>
      <c r="DW33" s="197">
        <v>36</v>
      </c>
      <c r="DX33" s="197">
        <v>40</v>
      </c>
      <c r="DY33" s="195">
        <v>26</v>
      </c>
      <c r="DZ33" s="198">
        <v>116</v>
      </c>
      <c r="EA33" s="200">
        <v>116</v>
      </c>
      <c r="EB33" s="37"/>
    </row>
    <row r="34" spans="1:132" ht="20.25" customHeight="1" x14ac:dyDescent="0.2">
      <c r="A34" s="62" t="s">
        <v>31</v>
      </c>
      <c r="B34" s="194">
        <v>0</v>
      </c>
      <c r="C34" s="195">
        <v>0</v>
      </c>
      <c r="D34" s="195">
        <v>0</v>
      </c>
      <c r="E34" s="196">
        <v>0</v>
      </c>
      <c r="F34" s="197">
        <v>2</v>
      </c>
      <c r="G34" s="197">
        <v>28</v>
      </c>
      <c r="H34" s="197">
        <v>23</v>
      </c>
      <c r="I34" s="195">
        <v>23</v>
      </c>
      <c r="J34" s="198">
        <v>76</v>
      </c>
      <c r="K34" s="199">
        <v>76</v>
      </c>
      <c r="L34" s="194">
        <v>0</v>
      </c>
      <c r="M34" s="195">
        <v>0</v>
      </c>
      <c r="N34" s="198">
        <v>0</v>
      </c>
      <c r="O34" s="196">
        <v>0</v>
      </c>
      <c r="P34" s="197">
        <v>2</v>
      </c>
      <c r="Q34" s="197">
        <v>27</v>
      </c>
      <c r="R34" s="197">
        <v>23</v>
      </c>
      <c r="S34" s="195">
        <v>23</v>
      </c>
      <c r="T34" s="198">
        <v>75</v>
      </c>
      <c r="U34" s="200">
        <v>75</v>
      </c>
      <c r="V34" s="201">
        <v>0</v>
      </c>
      <c r="W34" s="195">
        <v>0</v>
      </c>
      <c r="X34" s="198">
        <v>0</v>
      </c>
      <c r="Y34" s="201">
        <v>0</v>
      </c>
      <c r="Z34" s="197">
        <v>0</v>
      </c>
      <c r="AA34" s="197">
        <v>1</v>
      </c>
      <c r="AB34" s="197">
        <v>0</v>
      </c>
      <c r="AC34" s="195">
        <v>0</v>
      </c>
      <c r="AD34" s="198">
        <v>1</v>
      </c>
      <c r="AE34" s="202">
        <v>1</v>
      </c>
      <c r="AF34" s="201">
        <v>0</v>
      </c>
      <c r="AG34" s="195">
        <v>0</v>
      </c>
      <c r="AH34" s="198">
        <v>0</v>
      </c>
      <c r="AI34" s="201">
        <v>4</v>
      </c>
      <c r="AJ34" s="197">
        <v>15</v>
      </c>
      <c r="AK34" s="197">
        <v>10</v>
      </c>
      <c r="AL34" s="197">
        <v>7</v>
      </c>
      <c r="AM34" s="195">
        <v>5</v>
      </c>
      <c r="AN34" s="198">
        <v>41</v>
      </c>
      <c r="AO34" s="202">
        <v>41</v>
      </c>
      <c r="AP34" s="201">
        <v>0</v>
      </c>
      <c r="AQ34" s="195">
        <v>0</v>
      </c>
      <c r="AR34" s="198">
        <v>0</v>
      </c>
      <c r="AS34" s="196">
        <v>4</v>
      </c>
      <c r="AT34" s="197">
        <v>15</v>
      </c>
      <c r="AU34" s="197">
        <v>10</v>
      </c>
      <c r="AV34" s="197">
        <v>7</v>
      </c>
      <c r="AW34" s="195">
        <v>5</v>
      </c>
      <c r="AX34" s="198">
        <v>41</v>
      </c>
      <c r="AY34" s="199">
        <v>41</v>
      </c>
      <c r="AZ34" s="194">
        <v>0</v>
      </c>
      <c r="BA34" s="195">
        <v>0</v>
      </c>
      <c r="BB34" s="195">
        <v>0</v>
      </c>
      <c r="BC34" s="196">
        <v>0</v>
      </c>
      <c r="BD34" s="197">
        <v>0</v>
      </c>
      <c r="BE34" s="197">
        <v>0</v>
      </c>
      <c r="BF34" s="197">
        <v>0</v>
      </c>
      <c r="BG34" s="195">
        <v>0</v>
      </c>
      <c r="BH34" s="198">
        <v>0</v>
      </c>
      <c r="BI34" s="200">
        <v>0</v>
      </c>
      <c r="BJ34" s="201">
        <v>0</v>
      </c>
      <c r="BK34" s="195">
        <v>0</v>
      </c>
      <c r="BL34" s="195">
        <v>0</v>
      </c>
      <c r="BM34" s="196">
        <v>0</v>
      </c>
      <c r="BN34" s="197">
        <v>0</v>
      </c>
      <c r="BO34" s="197">
        <v>0</v>
      </c>
      <c r="BP34" s="197">
        <v>1</v>
      </c>
      <c r="BQ34" s="195">
        <v>0</v>
      </c>
      <c r="BR34" s="198">
        <v>1</v>
      </c>
      <c r="BS34" s="199">
        <v>1</v>
      </c>
      <c r="BT34" s="194">
        <v>0</v>
      </c>
      <c r="BU34" s="195">
        <v>0</v>
      </c>
      <c r="BV34" s="195">
        <v>0</v>
      </c>
      <c r="BW34" s="196">
        <v>0</v>
      </c>
      <c r="BX34" s="197">
        <v>0</v>
      </c>
      <c r="BY34" s="197">
        <v>0</v>
      </c>
      <c r="BZ34" s="197">
        <v>1</v>
      </c>
      <c r="CA34" s="195">
        <v>0</v>
      </c>
      <c r="CB34" s="198">
        <v>1</v>
      </c>
      <c r="CC34" s="200">
        <v>1</v>
      </c>
      <c r="CD34" s="201">
        <v>0</v>
      </c>
      <c r="CE34" s="195">
        <v>0</v>
      </c>
      <c r="CF34" s="195">
        <v>0</v>
      </c>
      <c r="CG34" s="196">
        <v>0</v>
      </c>
      <c r="CH34" s="197">
        <v>0</v>
      </c>
      <c r="CI34" s="197">
        <v>0</v>
      </c>
      <c r="CJ34" s="197">
        <v>0</v>
      </c>
      <c r="CK34" s="195">
        <v>0</v>
      </c>
      <c r="CL34" s="198">
        <v>0</v>
      </c>
      <c r="CM34" s="200">
        <v>0</v>
      </c>
      <c r="CN34" s="201">
        <v>0</v>
      </c>
      <c r="CO34" s="195">
        <v>0</v>
      </c>
      <c r="CP34" s="195">
        <v>0</v>
      </c>
      <c r="CQ34" s="196">
        <v>0</v>
      </c>
      <c r="CR34" s="197">
        <v>0</v>
      </c>
      <c r="CS34" s="197">
        <v>0</v>
      </c>
      <c r="CT34" s="197">
        <v>0</v>
      </c>
      <c r="CU34" s="195">
        <v>1</v>
      </c>
      <c r="CV34" s="198">
        <v>1</v>
      </c>
      <c r="CW34" s="199">
        <v>1</v>
      </c>
      <c r="CX34" s="194">
        <v>0</v>
      </c>
      <c r="CY34" s="195">
        <v>0</v>
      </c>
      <c r="CZ34" s="195">
        <v>0</v>
      </c>
      <c r="DA34" s="196">
        <v>0</v>
      </c>
      <c r="DB34" s="197">
        <v>0</v>
      </c>
      <c r="DC34" s="197">
        <v>0</v>
      </c>
      <c r="DD34" s="197">
        <v>0</v>
      </c>
      <c r="DE34" s="195">
        <v>1</v>
      </c>
      <c r="DF34" s="198">
        <v>1</v>
      </c>
      <c r="DG34" s="200">
        <v>1</v>
      </c>
      <c r="DH34" s="201">
        <v>0</v>
      </c>
      <c r="DI34" s="195">
        <v>0</v>
      </c>
      <c r="DJ34" s="195">
        <v>0</v>
      </c>
      <c r="DK34" s="196">
        <v>0</v>
      </c>
      <c r="DL34" s="197">
        <v>0</v>
      </c>
      <c r="DM34" s="197">
        <v>0</v>
      </c>
      <c r="DN34" s="197">
        <v>0</v>
      </c>
      <c r="DO34" s="195">
        <v>0</v>
      </c>
      <c r="DP34" s="198">
        <v>0</v>
      </c>
      <c r="DQ34" s="200">
        <v>0</v>
      </c>
      <c r="DR34" s="201">
        <v>0</v>
      </c>
      <c r="DS34" s="195">
        <v>0</v>
      </c>
      <c r="DT34" s="195">
        <v>0</v>
      </c>
      <c r="DU34" s="196">
        <v>4</v>
      </c>
      <c r="DV34" s="197">
        <v>17</v>
      </c>
      <c r="DW34" s="197">
        <v>38</v>
      </c>
      <c r="DX34" s="197">
        <v>31</v>
      </c>
      <c r="DY34" s="195">
        <v>29</v>
      </c>
      <c r="DZ34" s="198">
        <v>119</v>
      </c>
      <c r="EA34" s="200">
        <v>119</v>
      </c>
      <c r="EB34" s="37"/>
    </row>
    <row r="35" spans="1:132" ht="20.25" customHeight="1" x14ac:dyDescent="0.2">
      <c r="A35" s="62" t="s">
        <v>32</v>
      </c>
      <c r="B35" s="194">
        <v>0</v>
      </c>
      <c r="C35" s="195">
        <v>0</v>
      </c>
      <c r="D35" s="195">
        <v>0</v>
      </c>
      <c r="E35" s="196">
        <v>1</v>
      </c>
      <c r="F35" s="197">
        <v>1</v>
      </c>
      <c r="G35" s="197">
        <v>11</v>
      </c>
      <c r="H35" s="197">
        <v>21</v>
      </c>
      <c r="I35" s="195">
        <v>8</v>
      </c>
      <c r="J35" s="198">
        <v>42</v>
      </c>
      <c r="K35" s="199">
        <v>42</v>
      </c>
      <c r="L35" s="194">
        <v>0</v>
      </c>
      <c r="M35" s="195">
        <v>0</v>
      </c>
      <c r="N35" s="198">
        <v>0</v>
      </c>
      <c r="O35" s="196">
        <v>1</v>
      </c>
      <c r="P35" s="197">
        <v>1</v>
      </c>
      <c r="Q35" s="197">
        <v>11</v>
      </c>
      <c r="R35" s="197">
        <v>21</v>
      </c>
      <c r="S35" s="195">
        <v>7</v>
      </c>
      <c r="T35" s="198">
        <v>41</v>
      </c>
      <c r="U35" s="200">
        <v>41</v>
      </c>
      <c r="V35" s="201">
        <v>0</v>
      </c>
      <c r="W35" s="195">
        <v>0</v>
      </c>
      <c r="X35" s="198">
        <v>0</v>
      </c>
      <c r="Y35" s="201">
        <v>0</v>
      </c>
      <c r="Z35" s="197">
        <v>0</v>
      </c>
      <c r="AA35" s="197">
        <v>0</v>
      </c>
      <c r="AB35" s="197">
        <v>0</v>
      </c>
      <c r="AC35" s="195">
        <v>1</v>
      </c>
      <c r="AD35" s="198">
        <v>1</v>
      </c>
      <c r="AE35" s="202">
        <v>1</v>
      </c>
      <c r="AF35" s="201">
        <v>0</v>
      </c>
      <c r="AG35" s="195">
        <v>0</v>
      </c>
      <c r="AH35" s="198">
        <v>0</v>
      </c>
      <c r="AI35" s="201">
        <v>3</v>
      </c>
      <c r="AJ35" s="197">
        <v>10</v>
      </c>
      <c r="AK35" s="197">
        <v>11</v>
      </c>
      <c r="AL35" s="197">
        <v>13</v>
      </c>
      <c r="AM35" s="195">
        <v>8</v>
      </c>
      <c r="AN35" s="198">
        <v>45</v>
      </c>
      <c r="AO35" s="202">
        <v>45</v>
      </c>
      <c r="AP35" s="201">
        <v>0</v>
      </c>
      <c r="AQ35" s="195">
        <v>0</v>
      </c>
      <c r="AR35" s="198">
        <v>0</v>
      </c>
      <c r="AS35" s="196">
        <v>3</v>
      </c>
      <c r="AT35" s="197">
        <v>10</v>
      </c>
      <c r="AU35" s="197">
        <v>11</v>
      </c>
      <c r="AV35" s="197">
        <v>13</v>
      </c>
      <c r="AW35" s="195">
        <v>8</v>
      </c>
      <c r="AX35" s="198">
        <v>45</v>
      </c>
      <c r="AY35" s="199">
        <v>45</v>
      </c>
      <c r="AZ35" s="194">
        <v>0</v>
      </c>
      <c r="BA35" s="195">
        <v>0</v>
      </c>
      <c r="BB35" s="195">
        <v>0</v>
      </c>
      <c r="BC35" s="196">
        <v>0</v>
      </c>
      <c r="BD35" s="197">
        <v>0</v>
      </c>
      <c r="BE35" s="197">
        <v>0</v>
      </c>
      <c r="BF35" s="197">
        <v>0</v>
      </c>
      <c r="BG35" s="195">
        <v>0</v>
      </c>
      <c r="BH35" s="198">
        <v>0</v>
      </c>
      <c r="BI35" s="200">
        <v>0</v>
      </c>
      <c r="BJ35" s="201">
        <v>0</v>
      </c>
      <c r="BK35" s="195">
        <v>0</v>
      </c>
      <c r="BL35" s="195">
        <v>0</v>
      </c>
      <c r="BM35" s="196">
        <v>0</v>
      </c>
      <c r="BN35" s="197">
        <v>0</v>
      </c>
      <c r="BO35" s="197">
        <v>0</v>
      </c>
      <c r="BP35" s="197">
        <v>0</v>
      </c>
      <c r="BQ35" s="195">
        <v>0</v>
      </c>
      <c r="BR35" s="198">
        <v>0</v>
      </c>
      <c r="BS35" s="199">
        <v>0</v>
      </c>
      <c r="BT35" s="194">
        <v>0</v>
      </c>
      <c r="BU35" s="195">
        <v>0</v>
      </c>
      <c r="BV35" s="195">
        <v>0</v>
      </c>
      <c r="BW35" s="196">
        <v>0</v>
      </c>
      <c r="BX35" s="197">
        <v>0</v>
      </c>
      <c r="BY35" s="197">
        <v>0</v>
      </c>
      <c r="BZ35" s="197">
        <v>0</v>
      </c>
      <c r="CA35" s="195">
        <v>0</v>
      </c>
      <c r="CB35" s="198">
        <v>0</v>
      </c>
      <c r="CC35" s="200">
        <v>0</v>
      </c>
      <c r="CD35" s="201">
        <v>0</v>
      </c>
      <c r="CE35" s="195">
        <v>0</v>
      </c>
      <c r="CF35" s="195">
        <v>0</v>
      </c>
      <c r="CG35" s="196">
        <v>0</v>
      </c>
      <c r="CH35" s="197">
        <v>0</v>
      </c>
      <c r="CI35" s="197">
        <v>0</v>
      </c>
      <c r="CJ35" s="197">
        <v>0</v>
      </c>
      <c r="CK35" s="195">
        <v>0</v>
      </c>
      <c r="CL35" s="198">
        <v>0</v>
      </c>
      <c r="CM35" s="200">
        <v>0</v>
      </c>
      <c r="CN35" s="201">
        <v>0</v>
      </c>
      <c r="CO35" s="195">
        <v>0</v>
      </c>
      <c r="CP35" s="195">
        <v>0</v>
      </c>
      <c r="CQ35" s="196">
        <v>0</v>
      </c>
      <c r="CR35" s="197">
        <v>0</v>
      </c>
      <c r="CS35" s="197">
        <v>0</v>
      </c>
      <c r="CT35" s="197">
        <v>1</v>
      </c>
      <c r="CU35" s="195">
        <v>0</v>
      </c>
      <c r="CV35" s="198">
        <v>1</v>
      </c>
      <c r="CW35" s="199">
        <v>1</v>
      </c>
      <c r="CX35" s="194">
        <v>0</v>
      </c>
      <c r="CY35" s="195">
        <v>0</v>
      </c>
      <c r="CZ35" s="195">
        <v>0</v>
      </c>
      <c r="DA35" s="196">
        <v>0</v>
      </c>
      <c r="DB35" s="197">
        <v>0</v>
      </c>
      <c r="DC35" s="197">
        <v>0</v>
      </c>
      <c r="DD35" s="197">
        <v>1</v>
      </c>
      <c r="DE35" s="195">
        <v>0</v>
      </c>
      <c r="DF35" s="198">
        <v>1</v>
      </c>
      <c r="DG35" s="200">
        <v>1</v>
      </c>
      <c r="DH35" s="201">
        <v>0</v>
      </c>
      <c r="DI35" s="195">
        <v>0</v>
      </c>
      <c r="DJ35" s="195">
        <v>0</v>
      </c>
      <c r="DK35" s="196">
        <v>0</v>
      </c>
      <c r="DL35" s="197">
        <v>0</v>
      </c>
      <c r="DM35" s="197">
        <v>0</v>
      </c>
      <c r="DN35" s="197">
        <v>0</v>
      </c>
      <c r="DO35" s="195">
        <v>0</v>
      </c>
      <c r="DP35" s="198">
        <v>0</v>
      </c>
      <c r="DQ35" s="200">
        <v>0</v>
      </c>
      <c r="DR35" s="201">
        <v>0</v>
      </c>
      <c r="DS35" s="195">
        <v>0</v>
      </c>
      <c r="DT35" s="195">
        <v>0</v>
      </c>
      <c r="DU35" s="196">
        <v>4</v>
      </c>
      <c r="DV35" s="197">
        <v>11</v>
      </c>
      <c r="DW35" s="197">
        <v>22</v>
      </c>
      <c r="DX35" s="197">
        <v>35</v>
      </c>
      <c r="DY35" s="195">
        <v>16</v>
      </c>
      <c r="DZ35" s="198">
        <v>88</v>
      </c>
      <c r="EA35" s="200">
        <v>88</v>
      </c>
      <c r="EB35" s="37"/>
    </row>
    <row r="36" spans="1:132" ht="20.25" customHeight="1" x14ac:dyDescent="0.2">
      <c r="A36" s="62" t="s">
        <v>33</v>
      </c>
      <c r="B36" s="194">
        <v>0</v>
      </c>
      <c r="C36" s="195">
        <v>0</v>
      </c>
      <c r="D36" s="195">
        <v>0</v>
      </c>
      <c r="E36" s="196">
        <v>0</v>
      </c>
      <c r="F36" s="197">
        <v>6</v>
      </c>
      <c r="G36" s="197">
        <v>28</v>
      </c>
      <c r="H36" s="197">
        <v>31</v>
      </c>
      <c r="I36" s="195">
        <v>26</v>
      </c>
      <c r="J36" s="198">
        <v>91</v>
      </c>
      <c r="K36" s="199">
        <v>91</v>
      </c>
      <c r="L36" s="194">
        <v>0</v>
      </c>
      <c r="M36" s="195">
        <v>0</v>
      </c>
      <c r="N36" s="198">
        <v>0</v>
      </c>
      <c r="O36" s="196">
        <v>0</v>
      </c>
      <c r="P36" s="197">
        <v>6</v>
      </c>
      <c r="Q36" s="197">
        <v>28</v>
      </c>
      <c r="R36" s="197">
        <v>31</v>
      </c>
      <c r="S36" s="195">
        <v>26</v>
      </c>
      <c r="T36" s="198">
        <v>91</v>
      </c>
      <c r="U36" s="200">
        <v>91</v>
      </c>
      <c r="V36" s="201">
        <v>0</v>
      </c>
      <c r="W36" s="195">
        <v>0</v>
      </c>
      <c r="X36" s="198">
        <v>0</v>
      </c>
      <c r="Y36" s="201">
        <v>0</v>
      </c>
      <c r="Z36" s="197">
        <v>0</v>
      </c>
      <c r="AA36" s="197">
        <v>0</v>
      </c>
      <c r="AB36" s="197">
        <v>0</v>
      </c>
      <c r="AC36" s="195">
        <v>0</v>
      </c>
      <c r="AD36" s="198">
        <v>0</v>
      </c>
      <c r="AE36" s="202">
        <v>0</v>
      </c>
      <c r="AF36" s="201">
        <v>0</v>
      </c>
      <c r="AG36" s="195">
        <v>0</v>
      </c>
      <c r="AH36" s="198">
        <v>0</v>
      </c>
      <c r="AI36" s="201">
        <v>9</v>
      </c>
      <c r="AJ36" s="197">
        <v>6</v>
      </c>
      <c r="AK36" s="197">
        <v>11</v>
      </c>
      <c r="AL36" s="197">
        <v>16</v>
      </c>
      <c r="AM36" s="195">
        <v>6</v>
      </c>
      <c r="AN36" s="198">
        <v>48</v>
      </c>
      <c r="AO36" s="202">
        <v>48</v>
      </c>
      <c r="AP36" s="201">
        <v>0</v>
      </c>
      <c r="AQ36" s="195">
        <v>0</v>
      </c>
      <c r="AR36" s="198">
        <v>0</v>
      </c>
      <c r="AS36" s="196">
        <v>9</v>
      </c>
      <c r="AT36" s="197">
        <v>6</v>
      </c>
      <c r="AU36" s="197">
        <v>11</v>
      </c>
      <c r="AV36" s="197">
        <v>16</v>
      </c>
      <c r="AW36" s="195">
        <v>6</v>
      </c>
      <c r="AX36" s="198">
        <v>48</v>
      </c>
      <c r="AY36" s="199">
        <v>48</v>
      </c>
      <c r="AZ36" s="194">
        <v>0</v>
      </c>
      <c r="BA36" s="195">
        <v>0</v>
      </c>
      <c r="BB36" s="195">
        <v>0</v>
      </c>
      <c r="BC36" s="196">
        <v>0</v>
      </c>
      <c r="BD36" s="197">
        <v>0</v>
      </c>
      <c r="BE36" s="197">
        <v>0</v>
      </c>
      <c r="BF36" s="197">
        <v>0</v>
      </c>
      <c r="BG36" s="195">
        <v>0</v>
      </c>
      <c r="BH36" s="198">
        <v>0</v>
      </c>
      <c r="BI36" s="200">
        <v>0</v>
      </c>
      <c r="BJ36" s="201">
        <v>0</v>
      </c>
      <c r="BK36" s="195">
        <v>0</v>
      </c>
      <c r="BL36" s="195">
        <v>0</v>
      </c>
      <c r="BM36" s="196">
        <v>0</v>
      </c>
      <c r="BN36" s="197">
        <v>0</v>
      </c>
      <c r="BO36" s="197">
        <v>0</v>
      </c>
      <c r="BP36" s="197">
        <v>0</v>
      </c>
      <c r="BQ36" s="195">
        <v>0</v>
      </c>
      <c r="BR36" s="198">
        <v>0</v>
      </c>
      <c r="BS36" s="199">
        <v>0</v>
      </c>
      <c r="BT36" s="194">
        <v>0</v>
      </c>
      <c r="BU36" s="195">
        <v>0</v>
      </c>
      <c r="BV36" s="195">
        <v>0</v>
      </c>
      <c r="BW36" s="196">
        <v>0</v>
      </c>
      <c r="BX36" s="197">
        <v>0</v>
      </c>
      <c r="BY36" s="197">
        <v>0</v>
      </c>
      <c r="BZ36" s="197">
        <v>0</v>
      </c>
      <c r="CA36" s="195">
        <v>0</v>
      </c>
      <c r="CB36" s="198">
        <v>0</v>
      </c>
      <c r="CC36" s="200">
        <v>0</v>
      </c>
      <c r="CD36" s="201">
        <v>0</v>
      </c>
      <c r="CE36" s="195">
        <v>0</v>
      </c>
      <c r="CF36" s="195">
        <v>0</v>
      </c>
      <c r="CG36" s="196">
        <v>0</v>
      </c>
      <c r="CH36" s="197">
        <v>0</v>
      </c>
      <c r="CI36" s="197">
        <v>0</v>
      </c>
      <c r="CJ36" s="197">
        <v>0</v>
      </c>
      <c r="CK36" s="195">
        <v>0</v>
      </c>
      <c r="CL36" s="198">
        <v>0</v>
      </c>
      <c r="CM36" s="200">
        <v>0</v>
      </c>
      <c r="CN36" s="201">
        <v>0</v>
      </c>
      <c r="CO36" s="195">
        <v>0</v>
      </c>
      <c r="CP36" s="195">
        <v>0</v>
      </c>
      <c r="CQ36" s="196">
        <v>2</v>
      </c>
      <c r="CR36" s="197">
        <v>5</v>
      </c>
      <c r="CS36" s="197">
        <v>6</v>
      </c>
      <c r="CT36" s="197">
        <v>7</v>
      </c>
      <c r="CU36" s="195">
        <v>7</v>
      </c>
      <c r="CV36" s="198">
        <v>27</v>
      </c>
      <c r="CW36" s="199">
        <v>27</v>
      </c>
      <c r="CX36" s="194">
        <v>0</v>
      </c>
      <c r="CY36" s="195">
        <v>0</v>
      </c>
      <c r="CZ36" s="195">
        <v>0</v>
      </c>
      <c r="DA36" s="196">
        <v>2</v>
      </c>
      <c r="DB36" s="197">
        <v>5</v>
      </c>
      <c r="DC36" s="197">
        <v>6</v>
      </c>
      <c r="DD36" s="197">
        <v>7</v>
      </c>
      <c r="DE36" s="195">
        <v>7</v>
      </c>
      <c r="DF36" s="198">
        <v>27</v>
      </c>
      <c r="DG36" s="200">
        <v>27</v>
      </c>
      <c r="DH36" s="201">
        <v>0</v>
      </c>
      <c r="DI36" s="195">
        <v>0</v>
      </c>
      <c r="DJ36" s="195">
        <v>0</v>
      </c>
      <c r="DK36" s="196">
        <v>0</v>
      </c>
      <c r="DL36" s="197">
        <v>0</v>
      </c>
      <c r="DM36" s="197">
        <v>0</v>
      </c>
      <c r="DN36" s="197">
        <v>0</v>
      </c>
      <c r="DO36" s="195">
        <v>0</v>
      </c>
      <c r="DP36" s="198">
        <v>0</v>
      </c>
      <c r="DQ36" s="200">
        <v>0</v>
      </c>
      <c r="DR36" s="201">
        <v>0</v>
      </c>
      <c r="DS36" s="195">
        <v>0</v>
      </c>
      <c r="DT36" s="195">
        <v>0</v>
      </c>
      <c r="DU36" s="196">
        <v>11</v>
      </c>
      <c r="DV36" s="197">
        <v>17</v>
      </c>
      <c r="DW36" s="197">
        <v>45</v>
      </c>
      <c r="DX36" s="197">
        <v>54</v>
      </c>
      <c r="DY36" s="195">
        <v>39</v>
      </c>
      <c r="DZ36" s="198">
        <v>166</v>
      </c>
      <c r="EA36" s="200">
        <v>166</v>
      </c>
      <c r="EB36" s="37"/>
    </row>
    <row r="37" spans="1:132" ht="20.25" customHeight="1" x14ac:dyDescent="0.2">
      <c r="A37" s="62" t="s">
        <v>34</v>
      </c>
      <c r="B37" s="194">
        <v>0</v>
      </c>
      <c r="C37" s="195">
        <v>0</v>
      </c>
      <c r="D37" s="195">
        <v>0</v>
      </c>
      <c r="E37" s="196">
        <v>0</v>
      </c>
      <c r="F37" s="197">
        <v>0</v>
      </c>
      <c r="G37" s="197">
        <v>6</v>
      </c>
      <c r="H37" s="197">
        <v>22</v>
      </c>
      <c r="I37" s="195">
        <v>14</v>
      </c>
      <c r="J37" s="198">
        <v>42</v>
      </c>
      <c r="K37" s="199">
        <v>42</v>
      </c>
      <c r="L37" s="194">
        <v>0</v>
      </c>
      <c r="M37" s="195">
        <v>0</v>
      </c>
      <c r="N37" s="198">
        <v>0</v>
      </c>
      <c r="O37" s="196">
        <v>0</v>
      </c>
      <c r="P37" s="197">
        <v>0</v>
      </c>
      <c r="Q37" s="197">
        <v>6</v>
      </c>
      <c r="R37" s="197">
        <v>22</v>
      </c>
      <c r="S37" s="195">
        <v>14</v>
      </c>
      <c r="T37" s="198">
        <v>42</v>
      </c>
      <c r="U37" s="200">
        <v>42</v>
      </c>
      <c r="V37" s="201">
        <v>0</v>
      </c>
      <c r="W37" s="195">
        <v>0</v>
      </c>
      <c r="X37" s="198">
        <v>0</v>
      </c>
      <c r="Y37" s="201">
        <v>0</v>
      </c>
      <c r="Z37" s="197">
        <v>0</v>
      </c>
      <c r="AA37" s="197">
        <v>0</v>
      </c>
      <c r="AB37" s="197">
        <v>0</v>
      </c>
      <c r="AC37" s="195">
        <v>0</v>
      </c>
      <c r="AD37" s="198">
        <v>0</v>
      </c>
      <c r="AE37" s="202">
        <v>0</v>
      </c>
      <c r="AF37" s="201">
        <v>0</v>
      </c>
      <c r="AG37" s="195">
        <v>0</v>
      </c>
      <c r="AH37" s="198">
        <v>0</v>
      </c>
      <c r="AI37" s="201">
        <v>5</v>
      </c>
      <c r="AJ37" s="197">
        <v>9</v>
      </c>
      <c r="AK37" s="197">
        <v>14</v>
      </c>
      <c r="AL37" s="197">
        <v>8</v>
      </c>
      <c r="AM37" s="195">
        <v>5</v>
      </c>
      <c r="AN37" s="198">
        <v>41</v>
      </c>
      <c r="AO37" s="202">
        <v>41</v>
      </c>
      <c r="AP37" s="201">
        <v>0</v>
      </c>
      <c r="AQ37" s="195">
        <v>0</v>
      </c>
      <c r="AR37" s="198">
        <v>0</v>
      </c>
      <c r="AS37" s="196">
        <v>5</v>
      </c>
      <c r="AT37" s="197">
        <v>9</v>
      </c>
      <c r="AU37" s="197">
        <v>14</v>
      </c>
      <c r="AV37" s="197">
        <v>8</v>
      </c>
      <c r="AW37" s="195">
        <v>5</v>
      </c>
      <c r="AX37" s="198">
        <v>41</v>
      </c>
      <c r="AY37" s="199">
        <v>41</v>
      </c>
      <c r="AZ37" s="194">
        <v>0</v>
      </c>
      <c r="BA37" s="195">
        <v>0</v>
      </c>
      <c r="BB37" s="195">
        <v>0</v>
      </c>
      <c r="BC37" s="196">
        <v>0</v>
      </c>
      <c r="BD37" s="197">
        <v>0</v>
      </c>
      <c r="BE37" s="197">
        <v>0</v>
      </c>
      <c r="BF37" s="197">
        <v>0</v>
      </c>
      <c r="BG37" s="195">
        <v>0</v>
      </c>
      <c r="BH37" s="198">
        <v>0</v>
      </c>
      <c r="BI37" s="200">
        <v>0</v>
      </c>
      <c r="BJ37" s="201">
        <v>0</v>
      </c>
      <c r="BK37" s="195">
        <v>0</v>
      </c>
      <c r="BL37" s="195">
        <v>0</v>
      </c>
      <c r="BM37" s="196">
        <v>0</v>
      </c>
      <c r="BN37" s="197">
        <v>0</v>
      </c>
      <c r="BO37" s="197">
        <v>0</v>
      </c>
      <c r="BP37" s="197">
        <v>0</v>
      </c>
      <c r="BQ37" s="195">
        <v>0</v>
      </c>
      <c r="BR37" s="198">
        <v>0</v>
      </c>
      <c r="BS37" s="199">
        <v>0</v>
      </c>
      <c r="BT37" s="194">
        <v>0</v>
      </c>
      <c r="BU37" s="195">
        <v>0</v>
      </c>
      <c r="BV37" s="195">
        <v>0</v>
      </c>
      <c r="BW37" s="196">
        <v>0</v>
      </c>
      <c r="BX37" s="197">
        <v>0</v>
      </c>
      <c r="BY37" s="197">
        <v>0</v>
      </c>
      <c r="BZ37" s="197">
        <v>0</v>
      </c>
      <c r="CA37" s="195">
        <v>0</v>
      </c>
      <c r="CB37" s="198">
        <v>0</v>
      </c>
      <c r="CC37" s="200">
        <v>0</v>
      </c>
      <c r="CD37" s="201">
        <v>0</v>
      </c>
      <c r="CE37" s="195">
        <v>0</v>
      </c>
      <c r="CF37" s="195">
        <v>0</v>
      </c>
      <c r="CG37" s="196">
        <v>0</v>
      </c>
      <c r="CH37" s="197">
        <v>0</v>
      </c>
      <c r="CI37" s="197">
        <v>0</v>
      </c>
      <c r="CJ37" s="197">
        <v>0</v>
      </c>
      <c r="CK37" s="195">
        <v>0</v>
      </c>
      <c r="CL37" s="198">
        <v>0</v>
      </c>
      <c r="CM37" s="200">
        <v>0</v>
      </c>
      <c r="CN37" s="201">
        <v>0</v>
      </c>
      <c r="CO37" s="195">
        <v>0</v>
      </c>
      <c r="CP37" s="195">
        <v>0</v>
      </c>
      <c r="CQ37" s="196">
        <v>0</v>
      </c>
      <c r="CR37" s="197">
        <v>1</v>
      </c>
      <c r="CS37" s="197">
        <v>0</v>
      </c>
      <c r="CT37" s="197">
        <v>1</v>
      </c>
      <c r="CU37" s="195">
        <v>1</v>
      </c>
      <c r="CV37" s="198">
        <v>3</v>
      </c>
      <c r="CW37" s="199">
        <v>3</v>
      </c>
      <c r="CX37" s="194">
        <v>0</v>
      </c>
      <c r="CY37" s="195">
        <v>0</v>
      </c>
      <c r="CZ37" s="195">
        <v>0</v>
      </c>
      <c r="DA37" s="196">
        <v>0</v>
      </c>
      <c r="DB37" s="197">
        <v>1</v>
      </c>
      <c r="DC37" s="197">
        <v>0</v>
      </c>
      <c r="DD37" s="197">
        <v>1</v>
      </c>
      <c r="DE37" s="195">
        <v>1</v>
      </c>
      <c r="DF37" s="198">
        <v>3</v>
      </c>
      <c r="DG37" s="200">
        <v>3</v>
      </c>
      <c r="DH37" s="201">
        <v>0</v>
      </c>
      <c r="DI37" s="195">
        <v>0</v>
      </c>
      <c r="DJ37" s="195">
        <v>0</v>
      </c>
      <c r="DK37" s="196">
        <v>0</v>
      </c>
      <c r="DL37" s="197">
        <v>0</v>
      </c>
      <c r="DM37" s="197">
        <v>0</v>
      </c>
      <c r="DN37" s="197">
        <v>0</v>
      </c>
      <c r="DO37" s="195">
        <v>0</v>
      </c>
      <c r="DP37" s="198">
        <v>0</v>
      </c>
      <c r="DQ37" s="200">
        <v>0</v>
      </c>
      <c r="DR37" s="201">
        <v>0</v>
      </c>
      <c r="DS37" s="195">
        <v>0</v>
      </c>
      <c r="DT37" s="195">
        <v>0</v>
      </c>
      <c r="DU37" s="196">
        <v>5</v>
      </c>
      <c r="DV37" s="197">
        <v>10</v>
      </c>
      <c r="DW37" s="197">
        <v>20</v>
      </c>
      <c r="DX37" s="197">
        <v>31</v>
      </c>
      <c r="DY37" s="195">
        <v>20</v>
      </c>
      <c r="DZ37" s="198">
        <v>86</v>
      </c>
      <c r="EA37" s="200">
        <v>86</v>
      </c>
      <c r="EB37" s="37"/>
    </row>
    <row r="38" spans="1:132" ht="20.25" customHeight="1" x14ac:dyDescent="0.2">
      <c r="A38" s="62" t="s">
        <v>35</v>
      </c>
      <c r="B38" s="194">
        <v>0</v>
      </c>
      <c r="C38" s="195">
        <v>0</v>
      </c>
      <c r="D38" s="195">
        <v>0</v>
      </c>
      <c r="E38" s="196">
        <v>2</v>
      </c>
      <c r="F38" s="197">
        <v>2</v>
      </c>
      <c r="G38" s="197">
        <v>25</v>
      </c>
      <c r="H38" s="197">
        <v>48</v>
      </c>
      <c r="I38" s="195">
        <v>37</v>
      </c>
      <c r="J38" s="198">
        <v>114</v>
      </c>
      <c r="K38" s="199">
        <v>114</v>
      </c>
      <c r="L38" s="194">
        <v>0</v>
      </c>
      <c r="M38" s="195">
        <v>0</v>
      </c>
      <c r="N38" s="198">
        <v>0</v>
      </c>
      <c r="O38" s="196">
        <v>2</v>
      </c>
      <c r="P38" s="197">
        <v>2</v>
      </c>
      <c r="Q38" s="197">
        <v>25</v>
      </c>
      <c r="R38" s="197">
        <v>48</v>
      </c>
      <c r="S38" s="195">
        <v>37</v>
      </c>
      <c r="T38" s="198">
        <v>114</v>
      </c>
      <c r="U38" s="200">
        <v>114</v>
      </c>
      <c r="V38" s="201">
        <v>0</v>
      </c>
      <c r="W38" s="195">
        <v>0</v>
      </c>
      <c r="X38" s="198">
        <v>0</v>
      </c>
      <c r="Y38" s="201">
        <v>0</v>
      </c>
      <c r="Z38" s="197">
        <v>0</v>
      </c>
      <c r="AA38" s="197">
        <v>0</v>
      </c>
      <c r="AB38" s="197">
        <v>0</v>
      </c>
      <c r="AC38" s="195">
        <v>0</v>
      </c>
      <c r="AD38" s="198">
        <v>0</v>
      </c>
      <c r="AE38" s="202">
        <v>0</v>
      </c>
      <c r="AF38" s="201">
        <v>0</v>
      </c>
      <c r="AG38" s="195">
        <v>0</v>
      </c>
      <c r="AH38" s="198">
        <v>0</v>
      </c>
      <c r="AI38" s="201">
        <v>26</v>
      </c>
      <c r="AJ38" s="197">
        <v>28</v>
      </c>
      <c r="AK38" s="197">
        <v>25</v>
      </c>
      <c r="AL38" s="197">
        <v>16</v>
      </c>
      <c r="AM38" s="195">
        <v>9</v>
      </c>
      <c r="AN38" s="198">
        <v>104</v>
      </c>
      <c r="AO38" s="202">
        <v>104</v>
      </c>
      <c r="AP38" s="201">
        <v>0</v>
      </c>
      <c r="AQ38" s="195">
        <v>0</v>
      </c>
      <c r="AR38" s="198">
        <v>0</v>
      </c>
      <c r="AS38" s="196">
        <v>26</v>
      </c>
      <c r="AT38" s="197">
        <v>28</v>
      </c>
      <c r="AU38" s="197">
        <v>23</v>
      </c>
      <c r="AV38" s="197">
        <v>15</v>
      </c>
      <c r="AW38" s="195">
        <v>9</v>
      </c>
      <c r="AX38" s="198">
        <v>101</v>
      </c>
      <c r="AY38" s="199">
        <v>101</v>
      </c>
      <c r="AZ38" s="194">
        <v>0</v>
      </c>
      <c r="BA38" s="195">
        <v>0</v>
      </c>
      <c r="BB38" s="195">
        <v>0</v>
      </c>
      <c r="BC38" s="196">
        <v>0</v>
      </c>
      <c r="BD38" s="197">
        <v>0</v>
      </c>
      <c r="BE38" s="197">
        <v>2</v>
      </c>
      <c r="BF38" s="197">
        <v>1</v>
      </c>
      <c r="BG38" s="195">
        <v>0</v>
      </c>
      <c r="BH38" s="198">
        <v>3</v>
      </c>
      <c r="BI38" s="200">
        <v>3</v>
      </c>
      <c r="BJ38" s="201">
        <v>0</v>
      </c>
      <c r="BK38" s="195">
        <v>0</v>
      </c>
      <c r="BL38" s="195">
        <v>0</v>
      </c>
      <c r="BM38" s="196">
        <v>0</v>
      </c>
      <c r="BN38" s="197">
        <v>0</v>
      </c>
      <c r="BO38" s="197">
        <v>0</v>
      </c>
      <c r="BP38" s="197">
        <v>0</v>
      </c>
      <c r="BQ38" s="195">
        <v>0</v>
      </c>
      <c r="BR38" s="198">
        <v>0</v>
      </c>
      <c r="BS38" s="199">
        <v>0</v>
      </c>
      <c r="BT38" s="194">
        <v>0</v>
      </c>
      <c r="BU38" s="195">
        <v>0</v>
      </c>
      <c r="BV38" s="195">
        <v>0</v>
      </c>
      <c r="BW38" s="196">
        <v>0</v>
      </c>
      <c r="BX38" s="197">
        <v>0</v>
      </c>
      <c r="BY38" s="197">
        <v>0</v>
      </c>
      <c r="BZ38" s="197">
        <v>0</v>
      </c>
      <c r="CA38" s="195">
        <v>0</v>
      </c>
      <c r="CB38" s="198">
        <v>0</v>
      </c>
      <c r="CC38" s="200">
        <v>0</v>
      </c>
      <c r="CD38" s="201">
        <v>0</v>
      </c>
      <c r="CE38" s="195">
        <v>0</v>
      </c>
      <c r="CF38" s="195">
        <v>0</v>
      </c>
      <c r="CG38" s="196">
        <v>0</v>
      </c>
      <c r="CH38" s="197">
        <v>0</v>
      </c>
      <c r="CI38" s="197">
        <v>0</v>
      </c>
      <c r="CJ38" s="197">
        <v>0</v>
      </c>
      <c r="CK38" s="195">
        <v>0</v>
      </c>
      <c r="CL38" s="198">
        <v>0</v>
      </c>
      <c r="CM38" s="200">
        <v>0</v>
      </c>
      <c r="CN38" s="201">
        <v>0</v>
      </c>
      <c r="CO38" s="195">
        <v>0</v>
      </c>
      <c r="CP38" s="195">
        <v>0</v>
      </c>
      <c r="CQ38" s="196">
        <v>4</v>
      </c>
      <c r="CR38" s="197">
        <v>2</v>
      </c>
      <c r="CS38" s="197">
        <v>4</v>
      </c>
      <c r="CT38" s="197">
        <v>10</v>
      </c>
      <c r="CU38" s="195">
        <v>11</v>
      </c>
      <c r="CV38" s="198">
        <v>31</v>
      </c>
      <c r="CW38" s="199">
        <v>31</v>
      </c>
      <c r="CX38" s="194">
        <v>0</v>
      </c>
      <c r="CY38" s="195">
        <v>0</v>
      </c>
      <c r="CZ38" s="195">
        <v>0</v>
      </c>
      <c r="DA38" s="196">
        <v>4</v>
      </c>
      <c r="DB38" s="197">
        <v>1</v>
      </c>
      <c r="DC38" s="197">
        <v>4</v>
      </c>
      <c r="DD38" s="197">
        <v>10</v>
      </c>
      <c r="DE38" s="195">
        <v>10</v>
      </c>
      <c r="DF38" s="198">
        <v>29</v>
      </c>
      <c r="DG38" s="200">
        <v>29</v>
      </c>
      <c r="DH38" s="201">
        <v>0</v>
      </c>
      <c r="DI38" s="195">
        <v>0</v>
      </c>
      <c r="DJ38" s="195">
        <v>0</v>
      </c>
      <c r="DK38" s="196">
        <v>0</v>
      </c>
      <c r="DL38" s="197">
        <v>1</v>
      </c>
      <c r="DM38" s="197">
        <v>0</v>
      </c>
      <c r="DN38" s="197">
        <v>0</v>
      </c>
      <c r="DO38" s="195">
        <v>1</v>
      </c>
      <c r="DP38" s="198">
        <v>2</v>
      </c>
      <c r="DQ38" s="200">
        <v>2</v>
      </c>
      <c r="DR38" s="201">
        <v>0</v>
      </c>
      <c r="DS38" s="195">
        <v>0</v>
      </c>
      <c r="DT38" s="195">
        <v>0</v>
      </c>
      <c r="DU38" s="196">
        <v>32</v>
      </c>
      <c r="DV38" s="197">
        <v>32</v>
      </c>
      <c r="DW38" s="197">
        <v>54</v>
      </c>
      <c r="DX38" s="197">
        <v>74</v>
      </c>
      <c r="DY38" s="195">
        <v>57</v>
      </c>
      <c r="DZ38" s="198">
        <v>249</v>
      </c>
      <c r="EA38" s="200">
        <v>249</v>
      </c>
      <c r="EB38" s="37"/>
    </row>
    <row r="39" spans="1:132" ht="20.25" customHeight="1" x14ac:dyDescent="0.2">
      <c r="A39" s="62" t="s">
        <v>36</v>
      </c>
      <c r="B39" s="194">
        <v>0</v>
      </c>
      <c r="C39" s="195">
        <v>0</v>
      </c>
      <c r="D39" s="195">
        <v>0</v>
      </c>
      <c r="E39" s="196">
        <v>0</v>
      </c>
      <c r="F39" s="197">
        <v>3</v>
      </c>
      <c r="G39" s="197">
        <v>48</v>
      </c>
      <c r="H39" s="197">
        <v>85</v>
      </c>
      <c r="I39" s="195">
        <v>74</v>
      </c>
      <c r="J39" s="198">
        <v>210</v>
      </c>
      <c r="K39" s="199">
        <v>210</v>
      </c>
      <c r="L39" s="194">
        <v>0</v>
      </c>
      <c r="M39" s="195">
        <v>0</v>
      </c>
      <c r="N39" s="198">
        <v>0</v>
      </c>
      <c r="O39" s="196">
        <v>0</v>
      </c>
      <c r="P39" s="197">
        <v>3</v>
      </c>
      <c r="Q39" s="197">
        <v>48</v>
      </c>
      <c r="R39" s="197">
        <v>81</v>
      </c>
      <c r="S39" s="195">
        <v>73</v>
      </c>
      <c r="T39" s="198">
        <v>205</v>
      </c>
      <c r="U39" s="200">
        <v>205</v>
      </c>
      <c r="V39" s="201">
        <v>0</v>
      </c>
      <c r="W39" s="195">
        <v>0</v>
      </c>
      <c r="X39" s="198">
        <v>0</v>
      </c>
      <c r="Y39" s="201">
        <v>0</v>
      </c>
      <c r="Z39" s="197">
        <v>0</v>
      </c>
      <c r="AA39" s="197">
        <v>0</v>
      </c>
      <c r="AB39" s="197">
        <v>4</v>
      </c>
      <c r="AC39" s="195">
        <v>1</v>
      </c>
      <c r="AD39" s="198">
        <v>5</v>
      </c>
      <c r="AE39" s="202">
        <v>5</v>
      </c>
      <c r="AF39" s="201">
        <v>0</v>
      </c>
      <c r="AG39" s="195">
        <v>0</v>
      </c>
      <c r="AH39" s="198">
        <v>0</v>
      </c>
      <c r="AI39" s="201">
        <v>26</v>
      </c>
      <c r="AJ39" s="197">
        <v>33</v>
      </c>
      <c r="AK39" s="197">
        <v>37</v>
      </c>
      <c r="AL39" s="197">
        <v>31</v>
      </c>
      <c r="AM39" s="195">
        <v>22</v>
      </c>
      <c r="AN39" s="198">
        <v>149</v>
      </c>
      <c r="AO39" s="202">
        <v>149</v>
      </c>
      <c r="AP39" s="201">
        <v>0</v>
      </c>
      <c r="AQ39" s="195">
        <v>0</v>
      </c>
      <c r="AR39" s="198">
        <v>0</v>
      </c>
      <c r="AS39" s="196">
        <v>26</v>
      </c>
      <c r="AT39" s="197">
        <v>33</v>
      </c>
      <c r="AU39" s="197">
        <v>37</v>
      </c>
      <c r="AV39" s="197">
        <v>30</v>
      </c>
      <c r="AW39" s="195">
        <v>22</v>
      </c>
      <c r="AX39" s="198">
        <v>148</v>
      </c>
      <c r="AY39" s="199">
        <v>148</v>
      </c>
      <c r="AZ39" s="194">
        <v>0</v>
      </c>
      <c r="BA39" s="195">
        <v>0</v>
      </c>
      <c r="BB39" s="195">
        <v>0</v>
      </c>
      <c r="BC39" s="196">
        <v>0</v>
      </c>
      <c r="BD39" s="197">
        <v>0</v>
      </c>
      <c r="BE39" s="197">
        <v>0</v>
      </c>
      <c r="BF39" s="197">
        <v>1</v>
      </c>
      <c r="BG39" s="195">
        <v>0</v>
      </c>
      <c r="BH39" s="198">
        <v>1</v>
      </c>
      <c r="BI39" s="200">
        <v>1</v>
      </c>
      <c r="BJ39" s="201">
        <v>0</v>
      </c>
      <c r="BK39" s="195">
        <v>0</v>
      </c>
      <c r="BL39" s="195">
        <v>0</v>
      </c>
      <c r="BM39" s="196">
        <v>0</v>
      </c>
      <c r="BN39" s="197">
        <v>0</v>
      </c>
      <c r="BO39" s="197">
        <v>0</v>
      </c>
      <c r="BP39" s="197">
        <v>1</v>
      </c>
      <c r="BQ39" s="195">
        <v>1</v>
      </c>
      <c r="BR39" s="198">
        <v>2</v>
      </c>
      <c r="BS39" s="199">
        <v>2</v>
      </c>
      <c r="BT39" s="194">
        <v>0</v>
      </c>
      <c r="BU39" s="195">
        <v>0</v>
      </c>
      <c r="BV39" s="195">
        <v>0</v>
      </c>
      <c r="BW39" s="196">
        <v>0</v>
      </c>
      <c r="BX39" s="197">
        <v>0</v>
      </c>
      <c r="BY39" s="197">
        <v>0</v>
      </c>
      <c r="BZ39" s="197">
        <v>1</v>
      </c>
      <c r="CA39" s="195">
        <v>1</v>
      </c>
      <c r="CB39" s="198">
        <v>2</v>
      </c>
      <c r="CC39" s="200">
        <v>2</v>
      </c>
      <c r="CD39" s="201">
        <v>0</v>
      </c>
      <c r="CE39" s="195">
        <v>0</v>
      </c>
      <c r="CF39" s="195">
        <v>0</v>
      </c>
      <c r="CG39" s="196">
        <v>0</v>
      </c>
      <c r="CH39" s="197">
        <v>0</v>
      </c>
      <c r="CI39" s="197">
        <v>0</v>
      </c>
      <c r="CJ39" s="197">
        <v>0</v>
      </c>
      <c r="CK39" s="195">
        <v>0</v>
      </c>
      <c r="CL39" s="198">
        <v>0</v>
      </c>
      <c r="CM39" s="200">
        <v>0</v>
      </c>
      <c r="CN39" s="201">
        <v>0</v>
      </c>
      <c r="CO39" s="195">
        <v>0</v>
      </c>
      <c r="CP39" s="195">
        <v>0</v>
      </c>
      <c r="CQ39" s="196">
        <v>0</v>
      </c>
      <c r="CR39" s="197">
        <v>0</v>
      </c>
      <c r="CS39" s="197">
        <v>0</v>
      </c>
      <c r="CT39" s="197">
        <v>5</v>
      </c>
      <c r="CU39" s="195">
        <v>1</v>
      </c>
      <c r="CV39" s="198">
        <v>6</v>
      </c>
      <c r="CW39" s="199">
        <v>6</v>
      </c>
      <c r="CX39" s="194">
        <v>0</v>
      </c>
      <c r="CY39" s="195">
        <v>0</v>
      </c>
      <c r="CZ39" s="195">
        <v>0</v>
      </c>
      <c r="DA39" s="196">
        <v>0</v>
      </c>
      <c r="DB39" s="197">
        <v>0</v>
      </c>
      <c r="DC39" s="197">
        <v>0</v>
      </c>
      <c r="DD39" s="197">
        <v>4</v>
      </c>
      <c r="DE39" s="195">
        <v>1</v>
      </c>
      <c r="DF39" s="198">
        <v>5</v>
      </c>
      <c r="DG39" s="200">
        <v>5</v>
      </c>
      <c r="DH39" s="201">
        <v>0</v>
      </c>
      <c r="DI39" s="195">
        <v>0</v>
      </c>
      <c r="DJ39" s="195">
        <v>0</v>
      </c>
      <c r="DK39" s="196">
        <v>0</v>
      </c>
      <c r="DL39" s="197">
        <v>0</v>
      </c>
      <c r="DM39" s="197">
        <v>0</v>
      </c>
      <c r="DN39" s="197">
        <v>1</v>
      </c>
      <c r="DO39" s="195">
        <v>0</v>
      </c>
      <c r="DP39" s="198">
        <v>1</v>
      </c>
      <c r="DQ39" s="200">
        <v>1</v>
      </c>
      <c r="DR39" s="201">
        <v>0</v>
      </c>
      <c r="DS39" s="195">
        <v>0</v>
      </c>
      <c r="DT39" s="195">
        <v>0</v>
      </c>
      <c r="DU39" s="196">
        <v>26</v>
      </c>
      <c r="DV39" s="197">
        <v>36</v>
      </c>
      <c r="DW39" s="197">
        <v>85</v>
      </c>
      <c r="DX39" s="197">
        <v>121</v>
      </c>
      <c r="DY39" s="195">
        <v>96</v>
      </c>
      <c r="DZ39" s="198">
        <v>364</v>
      </c>
      <c r="EA39" s="200">
        <v>364</v>
      </c>
      <c r="EB39" s="37"/>
    </row>
    <row r="40" spans="1:132" ht="20.25" customHeight="1" thickBot="1" x14ac:dyDescent="0.25">
      <c r="A40" s="63" t="s">
        <v>37</v>
      </c>
      <c r="B40" s="203">
        <v>0</v>
      </c>
      <c r="C40" s="204">
        <v>0</v>
      </c>
      <c r="D40" s="204">
        <v>0</v>
      </c>
      <c r="E40" s="205">
        <v>0</v>
      </c>
      <c r="F40" s="206">
        <v>0</v>
      </c>
      <c r="G40" s="206">
        <v>9</v>
      </c>
      <c r="H40" s="206">
        <v>6</v>
      </c>
      <c r="I40" s="204">
        <v>7</v>
      </c>
      <c r="J40" s="207">
        <v>22</v>
      </c>
      <c r="K40" s="208">
        <v>22</v>
      </c>
      <c r="L40" s="203">
        <v>0</v>
      </c>
      <c r="M40" s="204">
        <v>0</v>
      </c>
      <c r="N40" s="207">
        <v>0</v>
      </c>
      <c r="O40" s="205">
        <v>0</v>
      </c>
      <c r="P40" s="206">
        <v>0</v>
      </c>
      <c r="Q40" s="206">
        <v>9</v>
      </c>
      <c r="R40" s="206">
        <v>6</v>
      </c>
      <c r="S40" s="204">
        <v>7</v>
      </c>
      <c r="T40" s="207">
        <v>22</v>
      </c>
      <c r="U40" s="209">
        <v>22</v>
      </c>
      <c r="V40" s="210">
        <v>0</v>
      </c>
      <c r="W40" s="204">
        <v>0</v>
      </c>
      <c r="X40" s="207">
        <v>0</v>
      </c>
      <c r="Y40" s="210">
        <v>0</v>
      </c>
      <c r="Z40" s="206">
        <v>0</v>
      </c>
      <c r="AA40" s="206">
        <v>0</v>
      </c>
      <c r="AB40" s="206">
        <v>0</v>
      </c>
      <c r="AC40" s="204">
        <v>0</v>
      </c>
      <c r="AD40" s="207">
        <v>0</v>
      </c>
      <c r="AE40" s="211">
        <v>0</v>
      </c>
      <c r="AF40" s="210">
        <v>0</v>
      </c>
      <c r="AG40" s="204">
        <v>0</v>
      </c>
      <c r="AH40" s="207">
        <v>0</v>
      </c>
      <c r="AI40" s="210">
        <v>2</v>
      </c>
      <c r="AJ40" s="206">
        <v>1</v>
      </c>
      <c r="AK40" s="206">
        <v>4</v>
      </c>
      <c r="AL40" s="206">
        <v>3</v>
      </c>
      <c r="AM40" s="204">
        <v>0</v>
      </c>
      <c r="AN40" s="207">
        <v>10</v>
      </c>
      <c r="AO40" s="211">
        <v>10</v>
      </c>
      <c r="AP40" s="210">
        <v>0</v>
      </c>
      <c r="AQ40" s="204">
        <v>0</v>
      </c>
      <c r="AR40" s="207">
        <v>0</v>
      </c>
      <c r="AS40" s="205">
        <v>2</v>
      </c>
      <c r="AT40" s="206">
        <v>1</v>
      </c>
      <c r="AU40" s="206">
        <v>4</v>
      </c>
      <c r="AV40" s="206">
        <v>3</v>
      </c>
      <c r="AW40" s="204">
        <v>0</v>
      </c>
      <c r="AX40" s="207">
        <v>10</v>
      </c>
      <c r="AY40" s="208">
        <v>10</v>
      </c>
      <c r="AZ40" s="203">
        <v>0</v>
      </c>
      <c r="BA40" s="204">
        <v>0</v>
      </c>
      <c r="BB40" s="204">
        <v>0</v>
      </c>
      <c r="BC40" s="205">
        <v>0</v>
      </c>
      <c r="BD40" s="206">
        <v>0</v>
      </c>
      <c r="BE40" s="206">
        <v>0</v>
      </c>
      <c r="BF40" s="206">
        <v>0</v>
      </c>
      <c r="BG40" s="204">
        <v>0</v>
      </c>
      <c r="BH40" s="207">
        <v>0</v>
      </c>
      <c r="BI40" s="209">
        <v>0</v>
      </c>
      <c r="BJ40" s="210">
        <v>0</v>
      </c>
      <c r="BK40" s="204">
        <v>0</v>
      </c>
      <c r="BL40" s="204">
        <v>0</v>
      </c>
      <c r="BM40" s="205">
        <v>0</v>
      </c>
      <c r="BN40" s="206">
        <v>0</v>
      </c>
      <c r="BO40" s="206">
        <v>0</v>
      </c>
      <c r="BP40" s="206">
        <v>1</v>
      </c>
      <c r="BQ40" s="204">
        <v>0</v>
      </c>
      <c r="BR40" s="207">
        <v>1</v>
      </c>
      <c r="BS40" s="208">
        <v>1</v>
      </c>
      <c r="BT40" s="203">
        <v>0</v>
      </c>
      <c r="BU40" s="204">
        <v>0</v>
      </c>
      <c r="BV40" s="204">
        <v>0</v>
      </c>
      <c r="BW40" s="205">
        <v>0</v>
      </c>
      <c r="BX40" s="206">
        <v>0</v>
      </c>
      <c r="BY40" s="206">
        <v>0</v>
      </c>
      <c r="BZ40" s="206">
        <v>1</v>
      </c>
      <c r="CA40" s="204">
        <v>0</v>
      </c>
      <c r="CB40" s="207">
        <v>1</v>
      </c>
      <c r="CC40" s="209">
        <v>1</v>
      </c>
      <c r="CD40" s="210">
        <v>0</v>
      </c>
      <c r="CE40" s="204">
        <v>0</v>
      </c>
      <c r="CF40" s="204">
        <v>0</v>
      </c>
      <c r="CG40" s="205">
        <v>0</v>
      </c>
      <c r="CH40" s="206">
        <v>0</v>
      </c>
      <c r="CI40" s="206">
        <v>0</v>
      </c>
      <c r="CJ40" s="206">
        <v>0</v>
      </c>
      <c r="CK40" s="204">
        <v>0</v>
      </c>
      <c r="CL40" s="207">
        <v>0</v>
      </c>
      <c r="CM40" s="209">
        <v>0</v>
      </c>
      <c r="CN40" s="210">
        <v>0</v>
      </c>
      <c r="CO40" s="204">
        <v>0</v>
      </c>
      <c r="CP40" s="204">
        <v>0</v>
      </c>
      <c r="CQ40" s="205">
        <v>0</v>
      </c>
      <c r="CR40" s="206">
        <v>0</v>
      </c>
      <c r="CS40" s="206">
        <v>0</v>
      </c>
      <c r="CT40" s="206">
        <v>0</v>
      </c>
      <c r="CU40" s="204">
        <v>1</v>
      </c>
      <c r="CV40" s="207">
        <v>1</v>
      </c>
      <c r="CW40" s="208">
        <v>1</v>
      </c>
      <c r="CX40" s="203">
        <v>0</v>
      </c>
      <c r="CY40" s="204">
        <v>0</v>
      </c>
      <c r="CZ40" s="204">
        <v>0</v>
      </c>
      <c r="DA40" s="205">
        <v>0</v>
      </c>
      <c r="DB40" s="206">
        <v>0</v>
      </c>
      <c r="DC40" s="206">
        <v>0</v>
      </c>
      <c r="DD40" s="206">
        <v>0</v>
      </c>
      <c r="DE40" s="204">
        <v>1</v>
      </c>
      <c r="DF40" s="207">
        <v>1</v>
      </c>
      <c r="DG40" s="209">
        <v>1</v>
      </c>
      <c r="DH40" s="210">
        <v>0</v>
      </c>
      <c r="DI40" s="204">
        <v>0</v>
      </c>
      <c r="DJ40" s="204">
        <v>0</v>
      </c>
      <c r="DK40" s="205">
        <v>0</v>
      </c>
      <c r="DL40" s="206">
        <v>0</v>
      </c>
      <c r="DM40" s="206">
        <v>0</v>
      </c>
      <c r="DN40" s="206">
        <v>0</v>
      </c>
      <c r="DO40" s="204">
        <v>0</v>
      </c>
      <c r="DP40" s="207">
        <v>0</v>
      </c>
      <c r="DQ40" s="209">
        <v>0</v>
      </c>
      <c r="DR40" s="210">
        <v>0</v>
      </c>
      <c r="DS40" s="204">
        <v>0</v>
      </c>
      <c r="DT40" s="204">
        <v>0</v>
      </c>
      <c r="DU40" s="205">
        <v>2</v>
      </c>
      <c r="DV40" s="206">
        <v>1</v>
      </c>
      <c r="DW40" s="206">
        <v>13</v>
      </c>
      <c r="DX40" s="206">
        <v>10</v>
      </c>
      <c r="DY40" s="204">
        <v>8</v>
      </c>
      <c r="DZ40" s="207">
        <v>34</v>
      </c>
      <c r="EA40" s="209">
        <v>34</v>
      </c>
      <c r="EB40" s="37"/>
    </row>
    <row r="41" spans="1:132" x14ac:dyDescent="0.2">
      <c r="B41" s="38"/>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7"/>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row>
    <row r="42" spans="1:132" x14ac:dyDescent="0.2">
      <c r="B42" s="38"/>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7"/>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row>
    <row r="43" spans="1:132" x14ac:dyDescent="0.2">
      <c r="B43" s="38"/>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7"/>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row>
    <row r="44" spans="1:132" x14ac:dyDescent="0.2">
      <c r="B44" s="38"/>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7"/>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row>
    <row r="45" spans="1:132" x14ac:dyDescent="0.2">
      <c r="B45" s="38"/>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7"/>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row>
    <row r="46" spans="1:132" x14ac:dyDescent="0.2">
      <c r="B46" s="3"/>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row>
    <row r="47" spans="1:132" x14ac:dyDescent="0.2">
      <c r="B47" s="3"/>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row>
    <row r="48" spans="1:132" x14ac:dyDescent="0.2">
      <c r="B48" s="3"/>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row>
    <row r="49" spans="2:31" x14ac:dyDescent="0.2">
      <c r="B49" s="3"/>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row>
    <row r="50" spans="2:31" x14ac:dyDescent="0.2">
      <c r="B50" s="3"/>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row>
    <row r="51" spans="2:31" x14ac:dyDescent="0.2">
      <c r="B51" s="3"/>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row>
    <row r="52" spans="2:31" x14ac:dyDescent="0.2">
      <c r="B52" s="3"/>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row>
    <row r="53" spans="2:31" x14ac:dyDescent="0.2">
      <c r="B53" s="3"/>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row>
    <row r="54" spans="2:31" x14ac:dyDescent="0.2">
      <c r="B54" s="3"/>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row>
    <row r="55" spans="2:31" x14ac:dyDescent="0.2">
      <c r="B55" s="3"/>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row>
    <row r="56" spans="2:31" x14ac:dyDescent="0.2">
      <c r="B56" s="3"/>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row>
    <row r="57" spans="2:31" x14ac:dyDescent="0.2">
      <c r="B57" s="3"/>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row>
    <row r="58" spans="2:31" x14ac:dyDescent="0.2">
      <c r="B58" s="3"/>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row>
    <row r="59" spans="2:31" x14ac:dyDescent="0.2">
      <c r="B59" s="3"/>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row>
    <row r="60" spans="2:31" x14ac:dyDescent="0.2">
      <c r="B60" s="3"/>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row>
    <row r="61" spans="2:31" x14ac:dyDescent="0.2">
      <c r="B61" s="3"/>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row>
    <row r="62" spans="2:31" x14ac:dyDescent="0.2">
      <c r="B62" s="3"/>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row>
    <row r="63" spans="2:31" x14ac:dyDescent="0.2">
      <c r="B63" s="3"/>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row>
    <row r="64" spans="2:31" x14ac:dyDescent="0.2">
      <c r="B64" s="3"/>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row>
    <row r="65" spans="2:31" x14ac:dyDescent="0.2">
      <c r="B65" s="3"/>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row>
    <row r="66" spans="2:31" x14ac:dyDescent="0.2">
      <c r="B66" s="3"/>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row>
    <row r="67" spans="2:31" x14ac:dyDescent="0.2">
      <c r="B67" s="3"/>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row>
    <row r="68" spans="2:31" x14ac:dyDescent="0.2">
      <c r="B68" s="3"/>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row>
    <row r="69" spans="2:31" x14ac:dyDescent="0.2">
      <c r="B69" s="3"/>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row>
    <row r="70" spans="2:31" x14ac:dyDescent="0.2">
      <c r="B70" s="3"/>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row>
    <row r="71" spans="2:31" x14ac:dyDescent="0.2">
      <c r="B71" s="3"/>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row>
    <row r="72" spans="2:31" x14ac:dyDescent="0.2">
      <c r="B72" s="3"/>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row>
    <row r="73" spans="2:31" x14ac:dyDescent="0.2">
      <c r="B73" s="3"/>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row>
    <row r="74" spans="2:31" x14ac:dyDescent="0.2">
      <c r="B74" s="3"/>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row>
    <row r="75" spans="2:31" x14ac:dyDescent="0.2">
      <c r="B75" s="3"/>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row>
    <row r="76" spans="2:31" x14ac:dyDescent="0.2">
      <c r="B76" s="3"/>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row>
    <row r="77" spans="2:31" x14ac:dyDescent="0.2">
      <c r="B77" s="3"/>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row>
    <row r="78" spans="2:31" x14ac:dyDescent="0.2">
      <c r="B78" s="3"/>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row>
    <row r="79" spans="2:31" x14ac:dyDescent="0.2">
      <c r="B79" s="3"/>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row>
    <row r="80" spans="2:31" x14ac:dyDescent="0.2">
      <c r="B80" s="3"/>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row>
    <row r="81" spans="2:31" x14ac:dyDescent="0.2">
      <c r="B81" s="3"/>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row>
    <row r="82" spans="2:31" x14ac:dyDescent="0.2">
      <c r="B82" s="3"/>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row>
    <row r="83" spans="2:31" x14ac:dyDescent="0.2">
      <c r="B83" s="3"/>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row>
    <row r="84" spans="2:31" x14ac:dyDescent="0.2">
      <c r="B84" s="3"/>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row>
    <row r="85" spans="2:31" x14ac:dyDescent="0.2">
      <c r="B85" s="3"/>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row>
    <row r="86" spans="2:31" x14ac:dyDescent="0.2">
      <c r="B86" s="3"/>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row>
    <row r="87" spans="2:31" x14ac:dyDescent="0.2">
      <c r="B87" s="3"/>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row>
    <row r="88" spans="2:31" x14ac:dyDescent="0.2">
      <c r="B88" s="3"/>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row>
    <row r="89" spans="2:31" x14ac:dyDescent="0.2">
      <c r="B89" s="3"/>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row>
    <row r="90" spans="2:31" x14ac:dyDescent="0.2">
      <c r="B90" s="3"/>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row>
    <row r="91" spans="2:31" x14ac:dyDescent="0.2">
      <c r="B91" s="3"/>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row>
    <row r="92" spans="2:31" x14ac:dyDescent="0.2">
      <c r="B92" s="3"/>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row>
    <row r="93" spans="2:31" x14ac:dyDescent="0.2">
      <c r="B93" s="3"/>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row>
    <row r="94" spans="2:31" x14ac:dyDescent="0.2">
      <c r="B94" s="3"/>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row>
    <row r="95" spans="2:31" x14ac:dyDescent="0.2">
      <c r="B95" s="3"/>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row>
    <row r="96" spans="2:31" x14ac:dyDescent="0.2">
      <c r="B96" s="3"/>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row>
    <row r="97" spans="2:31" x14ac:dyDescent="0.2">
      <c r="B97" s="3"/>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row>
    <row r="98" spans="2:31" x14ac:dyDescent="0.2">
      <c r="B98" s="3"/>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row>
    <row r="99" spans="2:31" x14ac:dyDescent="0.2">
      <c r="B99" s="3"/>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row>
    <row r="100" spans="2:31" x14ac:dyDescent="0.2">
      <c r="B100" s="3"/>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row>
    <row r="101" spans="2:31" x14ac:dyDescent="0.2">
      <c r="B101" s="3"/>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row>
    <row r="102" spans="2:31" x14ac:dyDescent="0.2">
      <c r="B102" s="3"/>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row>
    <row r="103" spans="2:31" x14ac:dyDescent="0.2">
      <c r="B103" s="3"/>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row>
    <row r="104" spans="2:31" x14ac:dyDescent="0.2">
      <c r="B104" s="3"/>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row>
    <row r="105" spans="2:31" x14ac:dyDescent="0.2">
      <c r="B105" s="3"/>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row>
    <row r="106" spans="2:31" x14ac:dyDescent="0.2">
      <c r="B106" s="3"/>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row>
    <row r="107" spans="2:31" x14ac:dyDescent="0.2">
      <c r="B107" s="3"/>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row>
    <row r="108" spans="2:31" x14ac:dyDescent="0.2">
      <c r="B108" s="3"/>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row>
    <row r="109" spans="2:31" x14ac:dyDescent="0.2">
      <c r="B109" s="3"/>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row>
    <row r="110" spans="2:31" x14ac:dyDescent="0.2">
      <c r="B110" s="3"/>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row>
    <row r="111" spans="2:31" x14ac:dyDescent="0.2">
      <c r="B111" s="3"/>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row>
    <row r="112" spans="2:31" x14ac:dyDescent="0.2">
      <c r="B112" s="3"/>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row>
    <row r="113" spans="2:31" x14ac:dyDescent="0.2">
      <c r="B113" s="3"/>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row>
    <row r="114" spans="2:31" x14ac:dyDescent="0.2">
      <c r="B114" s="3"/>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row>
    <row r="115" spans="2:31" x14ac:dyDescent="0.2">
      <c r="B115" s="3"/>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row>
    <row r="116" spans="2:31" x14ac:dyDescent="0.2">
      <c r="B116" s="3"/>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row>
    <row r="117" spans="2:31" x14ac:dyDescent="0.2">
      <c r="B117" s="3"/>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row>
    <row r="118" spans="2:31" x14ac:dyDescent="0.2">
      <c r="B118" s="3"/>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row>
    <row r="119" spans="2:31" x14ac:dyDescent="0.2">
      <c r="B119" s="3"/>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row>
    <row r="120" spans="2:31" x14ac:dyDescent="0.2">
      <c r="B120" s="3"/>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row>
    <row r="121" spans="2:31" x14ac:dyDescent="0.2">
      <c r="B121" s="3"/>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row>
    <row r="122" spans="2:31" x14ac:dyDescent="0.2">
      <c r="B122" s="3"/>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row>
    <row r="123" spans="2:31" x14ac:dyDescent="0.2">
      <c r="B123" s="3"/>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row>
    <row r="124" spans="2:31" x14ac:dyDescent="0.2">
      <c r="B124" s="3"/>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row>
    <row r="125" spans="2:31" x14ac:dyDescent="0.2">
      <c r="B125" s="3"/>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row>
    <row r="126" spans="2:31" x14ac:dyDescent="0.2">
      <c r="B126" s="3"/>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row>
    <row r="127" spans="2:31" x14ac:dyDescent="0.2">
      <c r="B127" s="3"/>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row>
    <row r="128" spans="2:31" x14ac:dyDescent="0.2">
      <c r="B128" s="3"/>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row>
    <row r="129" spans="2:31" x14ac:dyDescent="0.2">
      <c r="B129" s="3"/>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row>
    <row r="130" spans="2:31" x14ac:dyDescent="0.2">
      <c r="B130" s="3"/>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row>
    <row r="131" spans="2:31" x14ac:dyDescent="0.2">
      <c r="B131" s="3"/>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row>
    <row r="132" spans="2:31" x14ac:dyDescent="0.2">
      <c r="B132" s="3"/>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row>
    <row r="133" spans="2:31" x14ac:dyDescent="0.2">
      <c r="B133" s="3"/>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row>
    <row r="134" spans="2:31" x14ac:dyDescent="0.2">
      <c r="B134" s="3"/>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row>
    <row r="135" spans="2:31" x14ac:dyDescent="0.2">
      <c r="B135" s="3"/>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row>
    <row r="136" spans="2:31" x14ac:dyDescent="0.2">
      <c r="B136" s="3"/>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row>
    <row r="137" spans="2:31" x14ac:dyDescent="0.2">
      <c r="B137" s="3"/>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row>
    <row r="138" spans="2:31" x14ac:dyDescent="0.2">
      <c r="B138" s="3"/>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row>
    <row r="139" spans="2:31" x14ac:dyDescent="0.2">
      <c r="B139" s="3"/>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row>
    <row r="140" spans="2:31" x14ac:dyDescent="0.2">
      <c r="B140" s="3"/>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row>
    <row r="141" spans="2:31" x14ac:dyDescent="0.2">
      <c r="B141" s="3"/>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row>
    <row r="142" spans="2:31" x14ac:dyDescent="0.2">
      <c r="B142" s="3"/>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row>
    <row r="143" spans="2:31" x14ac:dyDescent="0.2">
      <c r="B143" s="3"/>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row>
    <row r="144" spans="2:31" x14ac:dyDescent="0.2">
      <c r="B144" s="3"/>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row>
    <row r="145" spans="2:31" x14ac:dyDescent="0.2">
      <c r="B145" s="3"/>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row>
    <row r="146" spans="2:31" x14ac:dyDescent="0.2">
      <c r="B146" s="3"/>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row>
    <row r="147" spans="2:31" x14ac:dyDescent="0.2">
      <c r="B147" s="3"/>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row>
    <row r="148" spans="2:31" x14ac:dyDescent="0.2">
      <c r="B148" s="3"/>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row>
    <row r="149" spans="2:31" x14ac:dyDescent="0.2">
      <c r="B149" s="3"/>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row>
    <row r="150" spans="2:31" x14ac:dyDescent="0.2">
      <c r="B150" s="3"/>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row>
    <row r="151" spans="2:31" x14ac:dyDescent="0.2">
      <c r="B151" s="3"/>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row>
    <row r="152" spans="2:31" x14ac:dyDescent="0.2">
      <c r="B152" s="3"/>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row>
    <row r="153" spans="2:31" x14ac:dyDescent="0.2">
      <c r="B153" s="3"/>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row>
    <row r="154" spans="2:31" x14ac:dyDescent="0.2">
      <c r="B154" s="3"/>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row>
    <row r="155" spans="2:31" x14ac:dyDescent="0.2">
      <c r="B155" s="3"/>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row>
    <row r="156" spans="2:31" x14ac:dyDescent="0.2">
      <c r="B156" s="3"/>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row>
    <row r="157" spans="2:31" x14ac:dyDescent="0.2">
      <c r="B157" s="3"/>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row>
    <row r="158" spans="2:31" x14ac:dyDescent="0.2">
      <c r="B158" s="3"/>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row>
    <row r="159" spans="2:31" x14ac:dyDescent="0.2">
      <c r="B159" s="3"/>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row>
    <row r="160" spans="2:31" x14ac:dyDescent="0.2">
      <c r="B160" s="3"/>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row>
    <row r="161" spans="2:31" x14ac:dyDescent="0.2">
      <c r="B161" s="3"/>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row>
    <row r="162" spans="2:31" x14ac:dyDescent="0.2">
      <c r="B162" s="3"/>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row>
    <row r="163" spans="2:31" x14ac:dyDescent="0.2">
      <c r="B163" s="3"/>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row>
    <row r="164" spans="2:31" x14ac:dyDescent="0.2">
      <c r="B164" s="3"/>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row>
    <row r="165" spans="2:31" x14ac:dyDescent="0.2">
      <c r="B165" s="3"/>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row>
    <row r="166" spans="2:31" x14ac:dyDescent="0.2">
      <c r="B166" s="3"/>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row>
    <row r="167" spans="2:31" x14ac:dyDescent="0.2">
      <c r="B167" s="3"/>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row>
    <row r="168" spans="2:31" x14ac:dyDescent="0.2">
      <c r="B168" s="3"/>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row>
    <row r="169" spans="2:31" x14ac:dyDescent="0.2">
      <c r="B169" s="3"/>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row>
    <row r="170" spans="2:31" x14ac:dyDescent="0.2">
      <c r="B170" s="3"/>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row>
    <row r="171" spans="2:31" x14ac:dyDescent="0.2">
      <c r="B171" s="3"/>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row>
    <row r="172" spans="2:31" x14ac:dyDescent="0.2">
      <c r="B172" s="3"/>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row>
    <row r="173" spans="2:31" x14ac:dyDescent="0.2">
      <c r="B173" s="3"/>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row>
    <row r="174" spans="2:31" x14ac:dyDescent="0.2">
      <c r="B174" s="3"/>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row>
    <row r="175" spans="2:31" x14ac:dyDescent="0.2">
      <c r="B175" s="3"/>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row>
    <row r="176" spans="2:31" x14ac:dyDescent="0.2">
      <c r="B176" s="3"/>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row>
    <row r="177" spans="2:31" x14ac:dyDescent="0.2">
      <c r="B177" s="3"/>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row>
    <row r="178" spans="2:31" x14ac:dyDescent="0.2">
      <c r="B178" s="3"/>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row>
    <row r="179" spans="2:31" x14ac:dyDescent="0.2">
      <c r="B179" s="3"/>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row>
    <row r="180" spans="2:31" x14ac:dyDescent="0.2">
      <c r="B180" s="3"/>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row>
    <row r="181" spans="2:31" x14ac:dyDescent="0.2">
      <c r="B181" s="3"/>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row>
    <row r="182" spans="2:31" x14ac:dyDescent="0.2">
      <c r="B182" s="3"/>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row>
    <row r="183" spans="2:31" x14ac:dyDescent="0.2">
      <c r="B183" s="3"/>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row>
    <row r="184" spans="2:31" x14ac:dyDescent="0.2">
      <c r="B184" s="3"/>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row>
    <row r="185" spans="2:31" x14ac:dyDescent="0.2">
      <c r="B185" s="3"/>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row>
    <row r="186" spans="2:31" x14ac:dyDescent="0.2">
      <c r="B186" s="3"/>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row>
    <row r="187" spans="2:31" x14ac:dyDescent="0.2">
      <c r="B187" s="3"/>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row>
    <row r="188" spans="2:31" x14ac:dyDescent="0.2">
      <c r="B188" s="3"/>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row>
    <row r="189" spans="2:31" x14ac:dyDescent="0.2">
      <c r="B189" s="3"/>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row>
    <row r="190" spans="2:31" x14ac:dyDescent="0.2">
      <c r="B190" s="3"/>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row>
    <row r="191" spans="2:31" x14ac:dyDescent="0.2">
      <c r="B191" s="3"/>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row>
    <row r="192" spans="2:31" x14ac:dyDescent="0.2">
      <c r="B192" s="3"/>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row>
    <row r="193" spans="2:31" x14ac:dyDescent="0.2">
      <c r="B193" s="3"/>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row>
    <row r="194" spans="2:31" x14ac:dyDescent="0.2">
      <c r="B194" s="3"/>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row>
    <row r="195" spans="2:31" x14ac:dyDescent="0.2">
      <c r="B195" s="3"/>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row>
    <row r="196" spans="2:31" x14ac:dyDescent="0.2">
      <c r="B196" s="3"/>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row>
    <row r="197" spans="2:31" x14ac:dyDescent="0.2">
      <c r="B197" s="3"/>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row>
    <row r="198" spans="2:31" x14ac:dyDescent="0.2">
      <c r="B198" s="3"/>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row>
    <row r="199" spans="2:31" x14ac:dyDescent="0.2">
      <c r="B199" s="3"/>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row>
    <row r="200" spans="2:31" x14ac:dyDescent="0.2">
      <c r="B200" s="3"/>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row>
    <row r="201" spans="2:31" x14ac:dyDescent="0.2">
      <c r="B201" s="3"/>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row>
    <row r="202" spans="2:31" x14ac:dyDescent="0.2">
      <c r="B202" s="3"/>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row>
    <row r="203" spans="2:31" x14ac:dyDescent="0.2">
      <c r="B203" s="3"/>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row>
    <row r="204" spans="2:31" x14ac:dyDescent="0.2">
      <c r="B204" s="3"/>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row>
    <row r="205" spans="2:31" x14ac:dyDescent="0.2">
      <c r="B205" s="3"/>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row>
    <row r="206" spans="2:31" x14ac:dyDescent="0.2">
      <c r="B206" s="3"/>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row>
    <row r="207" spans="2:31" x14ac:dyDescent="0.2">
      <c r="B207" s="3"/>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row>
    <row r="208" spans="2:31" x14ac:dyDescent="0.2">
      <c r="B208" s="3"/>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row>
    <row r="209" spans="2:31" x14ac:dyDescent="0.2">
      <c r="B209" s="3"/>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row>
    <row r="210" spans="2:31" x14ac:dyDescent="0.2">
      <c r="B210" s="3"/>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row>
    <row r="211" spans="2:31" x14ac:dyDescent="0.2">
      <c r="B211" s="3"/>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row>
    <row r="212" spans="2:31" x14ac:dyDescent="0.2">
      <c r="B212" s="3"/>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row>
    <row r="213" spans="2:31" x14ac:dyDescent="0.2">
      <c r="B213" s="3"/>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row>
    <row r="214" spans="2:31" x14ac:dyDescent="0.2">
      <c r="B214" s="3"/>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row>
    <row r="215" spans="2:31" x14ac:dyDescent="0.2">
      <c r="B215" s="3"/>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row>
    <row r="216" spans="2:31" x14ac:dyDescent="0.2">
      <c r="B216" s="3"/>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row>
    <row r="217" spans="2:31" x14ac:dyDescent="0.2">
      <c r="B217" s="3"/>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row>
    <row r="218" spans="2:31" x14ac:dyDescent="0.2">
      <c r="B218" s="3"/>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row>
    <row r="219" spans="2:31" x14ac:dyDescent="0.2">
      <c r="B219" s="3"/>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row>
  </sheetData>
  <mergeCells count="58">
    <mergeCell ref="DR5:DT5"/>
    <mergeCell ref="DU5:DZ5"/>
    <mergeCell ref="EA5:EA6"/>
    <mergeCell ref="CC5:CC6"/>
    <mergeCell ref="CD5:CF5"/>
    <mergeCell ref="CG5:CL5"/>
    <mergeCell ref="CM5:CM6"/>
    <mergeCell ref="CN5:CP5"/>
    <mergeCell ref="CQ5:CV5"/>
    <mergeCell ref="CW5:CW6"/>
    <mergeCell ref="CX5:CZ5"/>
    <mergeCell ref="DA5:DF5"/>
    <mergeCell ref="DG5:DG6"/>
    <mergeCell ref="DH5:DJ5"/>
    <mergeCell ref="DK5:DP5"/>
    <mergeCell ref="DQ5:DQ6"/>
    <mergeCell ref="BT5:BV5"/>
    <mergeCell ref="BW5:CB5"/>
    <mergeCell ref="AZ5:BB5"/>
    <mergeCell ref="BC5:BH5"/>
    <mergeCell ref="BI5:BI6"/>
    <mergeCell ref="BJ5:BL5"/>
    <mergeCell ref="V5:X5"/>
    <mergeCell ref="Y5:AD5"/>
    <mergeCell ref="AE5:AE6"/>
    <mergeCell ref="BM5:BR5"/>
    <mergeCell ref="BS5:BS6"/>
    <mergeCell ref="BJ3:CM3"/>
    <mergeCell ref="DR3:EA4"/>
    <mergeCell ref="B4:K4"/>
    <mergeCell ref="L4:U4"/>
    <mergeCell ref="V4:AE4"/>
    <mergeCell ref="AF4:AO4"/>
    <mergeCell ref="AP4:AY4"/>
    <mergeCell ref="AZ4:BI4"/>
    <mergeCell ref="BJ4:BS4"/>
    <mergeCell ref="BT4:CC4"/>
    <mergeCell ref="CD4:CM4"/>
    <mergeCell ref="CN3:DQ3"/>
    <mergeCell ref="CN4:CW4"/>
    <mergeCell ref="CX4:DG4"/>
    <mergeCell ref="DH4:DQ4"/>
    <mergeCell ref="F1:G1"/>
    <mergeCell ref="A3:A5"/>
    <mergeCell ref="B3:AE3"/>
    <mergeCell ref="AF3:BI3"/>
    <mergeCell ref="AF5:AH5"/>
    <mergeCell ref="AI5:AN5"/>
    <mergeCell ref="AO5:AO6"/>
    <mergeCell ref="AP5:AR5"/>
    <mergeCell ref="AS5:AX5"/>
    <mergeCell ref="AY5:AY6"/>
    <mergeCell ref="B5:D5"/>
    <mergeCell ref="E5:J5"/>
    <mergeCell ref="K5:K6"/>
    <mergeCell ref="L5:N5"/>
    <mergeCell ref="O5:T5"/>
    <mergeCell ref="U5:U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1" max="1048575" man="1"/>
    <brk id="61" max="1048575" man="1"/>
    <brk id="121"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4" width="7.88671875" style="43" customWidth="1"/>
    <col min="5" max="5" width="8.109375" style="43" customWidth="1"/>
    <col min="6"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101" width="9" style="43"/>
    <col min="102" max="147" width="9" style="44"/>
    <col min="148" max="148" width="7.77734375" style="44" customWidth="1"/>
    <col min="149" max="158" width="9" style="44"/>
    <col min="159" max="159" width="8.109375" style="44" customWidth="1"/>
    <col min="160" max="16384" width="9" style="44"/>
  </cols>
  <sheetData>
    <row r="1" spans="1:298" ht="17.25" customHeight="1" x14ac:dyDescent="0.2">
      <c r="A1" s="12" t="s">
        <v>121</v>
      </c>
      <c r="E1" s="523">
        <f>第１表!F2</f>
        <v>4</v>
      </c>
      <c r="F1" s="523"/>
      <c r="G1" s="248">
        <f>第１表!G2</f>
        <v>6</v>
      </c>
      <c r="H1" s="505">
        <f>G1</f>
        <v>6</v>
      </c>
      <c r="I1" s="505"/>
    </row>
    <row r="2" spans="1:298" ht="16.5" customHeight="1" thickBot="1" x14ac:dyDescent="0.25">
      <c r="A2" s="20" t="s">
        <v>130</v>
      </c>
    </row>
    <row r="3" spans="1:298" ht="22.5" customHeight="1" thickBot="1" x14ac:dyDescent="0.25">
      <c r="A3" s="506" t="s">
        <v>38</v>
      </c>
      <c r="B3" s="518" t="s">
        <v>96</v>
      </c>
      <c r="C3" s="518"/>
      <c r="D3" s="518"/>
      <c r="E3" s="518"/>
      <c r="F3" s="518"/>
      <c r="G3" s="518"/>
      <c r="H3" s="518"/>
      <c r="I3" s="518"/>
      <c r="J3" s="518"/>
      <c r="K3" s="518"/>
      <c r="L3" s="518"/>
      <c r="M3" s="518"/>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9"/>
      <c r="CW3" s="518" t="s">
        <v>103</v>
      </c>
      <c r="CX3" s="518"/>
      <c r="CY3" s="518"/>
      <c r="CZ3" s="518"/>
      <c r="DA3" s="518"/>
      <c r="DB3" s="518"/>
      <c r="DC3" s="518"/>
      <c r="DD3" s="518"/>
      <c r="DE3" s="518"/>
      <c r="DF3" s="518"/>
      <c r="DG3" s="518"/>
      <c r="DH3" s="518"/>
      <c r="DI3" s="518"/>
      <c r="DJ3" s="518"/>
      <c r="DK3" s="518"/>
      <c r="DL3" s="518"/>
      <c r="DM3" s="518"/>
      <c r="DN3" s="518"/>
      <c r="DO3" s="518"/>
      <c r="DP3" s="518"/>
      <c r="DQ3" s="518"/>
      <c r="DR3" s="518"/>
      <c r="DS3" s="518"/>
      <c r="DT3" s="518"/>
      <c r="DU3" s="518"/>
      <c r="DV3" s="518"/>
      <c r="DW3" s="518"/>
      <c r="DX3" s="518"/>
      <c r="DY3" s="518"/>
      <c r="DZ3" s="518"/>
      <c r="EA3" s="518"/>
      <c r="EB3" s="518"/>
      <c r="EC3" s="518"/>
      <c r="ED3" s="518"/>
      <c r="EE3" s="518"/>
      <c r="EF3" s="518"/>
      <c r="EG3" s="518"/>
      <c r="EH3" s="518"/>
      <c r="EI3" s="518"/>
      <c r="EJ3" s="518"/>
      <c r="EK3" s="518"/>
      <c r="EL3" s="518"/>
      <c r="EM3" s="518"/>
      <c r="EN3" s="518"/>
      <c r="EO3" s="518"/>
      <c r="EP3" s="518"/>
      <c r="EQ3" s="518"/>
      <c r="ER3" s="518"/>
      <c r="ES3" s="518"/>
      <c r="ET3" s="518"/>
      <c r="EU3" s="518"/>
      <c r="EV3" s="518"/>
      <c r="EW3" s="518"/>
      <c r="EX3" s="518"/>
      <c r="EY3" s="518"/>
      <c r="EZ3" s="518"/>
      <c r="FA3" s="518"/>
      <c r="FB3" s="518"/>
      <c r="FC3" s="518"/>
      <c r="FD3" s="518"/>
      <c r="FE3" s="518"/>
      <c r="FF3" s="518"/>
      <c r="FG3" s="518"/>
      <c r="FH3" s="518"/>
      <c r="FI3" s="518"/>
      <c r="FJ3" s="518"/>
      <c r="FK3" s="518"/>
      <c r="FL3" s="518"/>
      <c r="FM3" s="518"/>
      <c r="FN3" s="518"/>
      <c r="FO3" s="518"/>
      <c r="FP3" s="518"/>
      <c r="FQ3" s="518"/>
      <c r="FR3" s="518"/>
      <c r="FS3" s="518"/>
      <c r="FT3" s="518"/>
      <c r="FU3" s="518"/>
      <c r="FV3" s="518"/>
      <c r="FW3" s="518"/>
      <c r="FX3" s="518"/>
      <c r="FY3" s="518"/>
      <c r="FZ3" s="518"/>
      <c r="GA3" s="518"/>
      <c r="GB3" s="518"/>
      <c r="GC3" s="518"/>
      <c r="GD3" s="518"/>
      <c r="GE3" s="518"/>
      <c r="GF3" s="518"/>
      <c r="GG3" s="518"/>
      <c r="GH3" s="518"/>
      <c r="GI3" s="518"/>
      <c r="GJ3" s="518"/>
      <c r="GK3" s="518"/>
      <c r="GL3" s="518"/>
      <c r="GM3" s="518"/>
      <c r="GN3" s="518"/>
      <c r="GO3" s="518"/>
      <c r="GP3" s="518"/>
      <c r="GQ3" s="519"/>
      <c r="GR3" s="518" t="s">
        <v>104</v>
      </c>
      <c r="GS3" s="518"/>
      <c r="GT3" s="518"/>
      <c r="GU3" s="518"/>
      <c r="GV3" s="518"/>
      <c r="GW3" s="518"/>
      <c r="GX3" s="518"/>
      <c r="GY3" s="518"/>
      <c r="GZ3" s="518"/>
      <c r="HA3" s="518"/>
      <c r="HB3" s="518"/>
      <c r="HC3" s="518"/>
      <c r="HD3" s="518"/>
      <c r="HE3" s="518"/>
      <c r="HF3" s="518"/>
      <c r="HG3" s="518"/>
      <c r="HH3" s="518"/>
      <c r="HI3" s="518"/>
      <c r="HJ3" s="518"/>
      <c r="HK3" s="518"/>
      <c r="HL3" s="518"/>
      <c r="HM3" s="518"/>
      <c r="HN3" s="518"/>
      <c r="HO3" s="518"/>
      <c r="HP3" s="518"/>
      <c r="HQ3" s="518"/>
      <c r="HR3" s="518"/>
      <c r="HS3" s="518"/>
      <c r="HT3" s="518"/>
      <c r="HU3" s="518"/>
      <c r="HV3" s="518"/>
      <c r="HW3" s="518"/>
      <c r="HX3" s="518"/>
      <c r="HY3" s="518"/>
      <c r="HZ3" s="518"/>
      <c r="IA3" s="518"/>
      <c r="IB3" s="518"/>
      <c r="IC3" s="518"/>
      <c r="ID3" s="518"/>
      <c r="IE3" s="518"/>
      <c r="IF3" s="518"/>
      <c r="IG3" s="518"/>
      <c r="IH3" s="518"/>
      <c r="II3" s="518"/>
      <c r="IJ3" s="518"/>
      <c r="IK3" s="518"/>
      <c r="IL3" s="518"/>
      <c r="IM3" s="518"/>
      <c r="IN3" s="518"/>
      <c r="IO3" s="518"/>
      <c r="IP3" s="518"/>
      <c r="IQ3" s="518"/>
      <c r="IR3" s="518"/>
      <c r="IS3" s="518"/>
      <c r="IT3" s="518"/>
      <c r="IU3" s="518"/>
      <c r="IV3" s="518"/>
      <c r="IW3" s="518"/>
      <c r="IX3" s="518"/>
      <c r="IY3" s="518"/>
      <c r="IZ3" s="518"/>
      <c r="JA3" s="518"/>
      <c r="JB3" s="518"/>
      <c r="JC3" s="518"/>
      <c r="JD3" s="518"/>
      <c r="JE3" s="518"/>
      <c r="JF3" s="518"/>
      <c r="JG3" s="518"/>
      <c r="JH3" s="518"/>
      <c r="JI3" s="518"/>
      <c r="JJ3" s="518"/>
      <c r="JK3" s="518"/>
      <c r="JL3" s="518"/>
      <c r="JM3" s="518"/>
      <c r="JN3" s="518"/>
      <c r="JO3" s="518"/>
      <c r="JP3" s="518"/>
      <c r="JQ3" s="518"/>
      <c r="JR3" s="518"/>
      <c r="JS3" s="518"/>
      <c r="JT3" s="518"/>
      <c r="JU3" s="518"/>
      <c r="JV3" s="518"/>
      <c r="JW3" s="518"/>
      <c r="JX3" s="518"/>
      <c r="JY3" s="518"/>
      <c r="JZ3" s="518"/>
      <c r="KA3" s="518"/>
      <c r="KB3" s="518"/>
      <c r="KC3" s="518"/>
      <c r="KD3" s="518"/>
      <c r="KE3" s="518"/>
      <c r="KF3" s="518"/>
      <c r="KG3" s="518"/>
      <c r="KH3" s="518"/>
      <c r="KI3" s="518"/>
      <c r="KJ3" s="518"/>
      <c r="KK3" s="518"/>
      <c r="KL3" s="519"/>
    </row>
    <row r="4" spans="1:298" ht="27.75" customHeight="1" thickBot="1" x14ac:dyDescent="0.25">
      <c r="A4" s="524"/>
      <c r="B4" s="520" t="s">
        <v>39</v>
      </c>
      <c r="C4" s="521"/>
      <c r="D4" s="521"/>
      <c r="E4" s="521"/>
      <c r="F4" s="521"/>
      <c r="G4" s="521"/>
      <c r="H4" s="521"/>
      <c r="I4" s="521"/>
      <c r="J4" s="521"/>
      <c r="K4" s="521"/>
      <c r="L4" s="521"/>
      <c r="M4" s="521"/>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2"/>
      <c r="CA4" s="506" t="s">
        <v>40</v>
      </c>
      <c r="CB4" s="507"/>
      <c r="CC4" s="507"/>
      <c r="CD4" s="507"/>
      <c r="CE4" s="507"/>
      <c r="CF4" s="507"/>
      <c r="CG4" s="507"/>
      <c r="CH4" s="507"/>
      <c r="CI4" s="507"/>
      <c r="CJ4" s="507"/>
      <c r="CK4" s="508"/>
      <c r="CL4" s="506" t="s">
        <v>41</v>
      </c>
      <c r="CM4" s="507"/>
      <c r="CN4" s="507"/>
      <c r="CO4" s="507"/>
      <c r="CP4" s="507"/>
      <c r="CQ4" s="507"/>
      <c r="CR4" s="507"/>
      <c r="CS4" s="507"/>
      <c r="CT4" s="507"/>
      <c r="CU4" s="507"/>
      <c r="CV4" s="508"/>
      <c r="CW4" s="520" t="s">
        <v>39</v>
      </c>
      <c r="CX4" s="521"/>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2"/>
      <c r="FV4" s="506" t="s">
        <v>40</v>
      </c>
      <c r="FW4" s="507"/>
      <c r="FX4" s="507"/>
      <c r="FY4" s="507"/>
      <c r="FZ4" s="507"/>
      <c r="GA4" s="507"/>
      <c r="GB4" s="507"/>
      <c r="GC4" s="507"/>
      <c r="GD4" s="507"/>
      <c r="GE4" s="507"/>
      <c r="GF4" s="508"/>
      <c r="GG4" s="506" t="s">
        <v>41</v>
      </c>
      <c r="GH4" s="507"/>
      <c r="GI4" s="507"/>
      <c r="GJ4" s="507"/>
      <c r="GK4" s="507"/>
      <c r="GL4" s="507"/>
      <c r="GM4" s="507"/>
      <c r="GN4" s="507"/>
      <c r="GO4" s="507"/>
      <c r="GP4" s="507"/>
      <c r="GQ4" s="508"/>
      <c r="GR4" s="520" t="s">
        <v>39</v>
      </c>
      <c r="GS4" s="521"/>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1"/>
      <c r="HZ4" s="521"/>
      <c r="IA4" s="521"/>
      <c r="IB4" s="521"/>
      <c r="IC4" s="521"/>
      <c r="ID4" s="521"/>
      <c r="IE4" s="521"/>
      <c r="IF4" s="521"/>
      <c r="IG4" s="521"/>
      <c r="IH4" s="521"/>
      <c r="II4" s="521"/>
      <c r="IJ4" s="521"/>
      <c r="IK4" s="521"/>
      <c r="IL4" s="521"/>
      <c r="IM4" s="521"/>
      <c r="IN4" s="521"/>
      <c r="IO4" s="521"/>
      <c r="IP4" s="521"/>
      <c r="IQ4" s="521"/>
      <c r="IR4" s="521"/>
      <c r="IS4" s="521"/>
      <c r="IT4" s="521"/>
      <c r="IU4" s="521"/>
      <c r="IV4" s="521"/>
      <c r="IW4" s="521"/>
      <c r="IX4" s="521"/>
      <c r="IY4" s="521"/>
      <c r="IZ4" s="521"/>
      <c r="JA4" s="521"/>
      <c r="JB4" s="521"/>
      <c r="JC4" s="521"/>
      <c r="JD4" s="521"/>
      <c r="JE4" s="521"/>
      <c r="JF4" s="521"/>
      <c r="JG4" s="521"/>
      <c r="JH4" s="521"/>
      <c r="JI4" s="521"/>
      <c r="JJ4" s="521"/>
      <c r="JK4" s="521"/>
      <c r="JL4" s="521"/>
      <c r="JM4" s="521"/>
      <c r="JN4" s="521"/>
      <c r="JO4" s="521"/>
      <c r="JP4" s="522"/>
      <c r="JQ4" s="506" t="s">
        <v>40</v>
      </c>
      <c r="JR4" s="507"/>
      <c r="JS4" s="507"/>
      <c r="JT4" s="507"/>
      <c r="JU4" s="507"/>
      <c r="JV4" s="507"/>
      <c r="JW4" s="507"/>
      <c r="JX4" s="507"/>
      <c r="JY4" s="507"/>
      <c r="JZ4" s="507"/>
      <c r="KA4" s="508"/>
      <c r="KB4" s="506" t="s">
        <v>41</v>
      </c>
      <c r="KC4" s="507"/>
      <c r="KD4" s="507"/>
      <c r="KE4" s="507"/>
      <c r="KF4" s="507"/>
      <c r="KG4" s="507"/>
      <c r="KH4" s="507"/>
      <c r="KI4" s="507"/>
      <c r="KJ4" s="507"/>
      <c r="KK4" s="507"/>
      <c r="KL4" s="508"/>
    </row>
    <row r="5" spans="1:298" ht="27.75" customHeight="1" thickBot="1" x14ac:dyDescent="0.25">
      <c r="A5" s="512"/>
      <c r="B5" s="512"/>
      <c r="C5" s="513"/>
      <c r="D5" s="513"/>
      <c r="E5" s="513"/>
      <c r="F5" s="513"/>
      <c r="G5" s="513"/>
      <c r="H5" s="513"/>
      <c r="I5" s="513"/>
      <c r="J5" s="513"/>
      <c r="K5" s="513"/>
      <c r="L5" s="514"/>
      <c r="M5" s="515" t="s">
        <v>97</v>
      </c>
      <c r="N5" s="516"/>
      <c r="O5" s="516"/>
      <c r="P5" s="516"/>
      <c r="Q5" s="516"/>
      <c r="R5" s="516"/>
      <c r="S5" s="516"/>
      <c r="T5" s="516"/>
      <c r="U5" s="516"/>
      <c r="V5" s="516"/>
      <c r="W5" s="517"/>
      <c r="X5" s="515" t="s">
        <v>98</v>
      </c>
      <c r="Y5" s="516"/>
      <c r="Z5" s="516"/>
      <c r="AA5" s="516"/>
      <c r="AB5" s="516"/>
      <c r="AC5" s="516"/>
      <c r="AD5" s="516"/>
      <c r="AE5" s="516"/>
      <c r="AF5" s="516"/>
      <c r="AG5" s="516"/>
      <c r="AH5" s="517"/>
      <c r="AI5" s="515" t="s">
        <v>99</v>
      </c>
      <c r="AJ5" s="516"/>
      <c r="AK5" s="516"/>
      <c r="AL5" s="516"/>
      <c r="AM5" s="516"/>
      <c r="AN5" s="516"/>
      <c r="AO5" s="516"/>
      <c r="AP5" s="516"/>
      <c r="AQ5" s="516"/>
      <c r="AR5" s="516"/>
      <c r="AS5" s="517"/>
      <c r="AT5" s="515" t="s">
        <v>100</v>
      </c>
      <c r="AU5" s="516"/>
      <c r="AV5" s="516"/>
      <c r="AW5" s="516"/>
      <c r="AX5" s="516"/>
      <c r="AY5" s="516"/>
      <c r="AZ5" s="516"/>
      <c r="BA5" s="516"/>
      <c r="BB5" s="516"/>
      <c r="BC5" s="516"/>
      <c r="BD5" s="517"/>
      <c r="BE5" s="515" t="s">
        <v>101</v>
      </c>
      <c r="BF5" s="516"/>
      <c r="BG5" s="516"/>
      <c r="BH5" s="516"/>
      <c r="BI5" s="516"/>
      <c r="BJ5" s="516"/>
      <c r="BK5" s="516"/>
      <c r="BL5" s="516"/>
      <c r="BM5" s="516"/>
      <c r="BN5" s="516"/>
      <c r="BO5" s="517"/>
      <c r="BP5" s="515" t="s">
        <v>102</v>
      </c>
      <c r="BQ5" s="516"/>
      <c r="BR5" s="516"/>
      <c r="BS5" s="516"/>
      <c r="BT5" s="516"/>
      <c r="BU5" s="516"/>
      <c r="BV5" s="516"/>
      <c r="BW5" s="516"/>
      <c r="BX5" s="516"/>
      <c r="BY5" s="516"/>
      <c r="BZ5" s="517"/>
      <c r="CA5" s="509"/>
      <c r="CB5" s="510"/>
      <c r="CC5" s="510"/>
      <c r="CD5" s="510"/>
      <c r="CE5" s="510"/>
      <c r="CF5" s="510"/>
      <c r="CG5" s="510"/>
      <c r="CH5" s="510"/>
      <c r="CI5" s="510"/>
      <c r="CJ5" s="510"/>
      <c r="CK5" s="511"/>
      <c r="CL5" s="509"/>
      <c r="CM5" s="510"/>
      <c r="CN5" s="510"/>
      <c r="CO5" s="510"/>
      <c r="CP5" s="510"/>
      <c r="CQ5" s="510"/>
      <c r="CR5" s="510"/>
      <c r="CS5" s="510"/>
      <c r="CT5" s="510"/>
      <c r="CU5" s="510"/>
      <c r="CV5" s="511"/>
      <c r="CW5" s="512"/>
      <c r="CX5" s="513"/>
      <c r="CY5" s="513"/>
      <c r="CZ5" s="513"/>
      <c r="DA5" s="513"/>
      <c r="DB5" s="513"/>
      <c r="DC5" s="513"/>
      <c r="DD5" s="513"/>
      <c r="DE5" s="513"/>
      <c r="DF5" s="513"/>
      <c r="DG5" s="514"/>
      <c r="DH5" s="515" t="s">
        <v>97</v>
      </c>
      <c r="DI5" s="516"/>
      <c r="DJ5" s="516"/>
      <c r="DK5" s="516"/>
      <c r="DL5" s="516"/>
      <c r="DM5" s="516"/>
      <c r="DN5" s="516"/>
      <c r="DO5" s="516"/>
      <c r="DP5" s="516"/>
      <c r="DQ5" s="516"/>
      <c r="DR5" s="517"/>
      <c r="DS5" s="515" t="s">
        <v>98</v>
      </c>
      <c r="DT5" s="516"/>
      <c r="DU5" s="516"/>
      <c r="DV5" s="516"/>
      <c r="DW5" s="516"/>
      <c r="DX5" s="516"/>
      <c r="DY5" s="516"/>
      <c r="DZ5" s="516"/>
      <c r="EA5" s="516"/>
      <c r="EB5" s="516"/>
      <c r="EC5" s="517"/>
      <c r="ED5" s="515" t="s">
        <v>99</v>
      </c>
      <c r="EE5" s="516"/>
      <c r="EF5" s="516"/>
      <c r="EG5" s="516"/>
      <c r="EH5" s="516"/>
      <c r="EI5" s="516"/>
      <c r="EJ5" s="516"/>
      <c r="EK5" s="516"/>
      <c r="EL5" s="516"/>
      <c r="EM5" s="516"/>
      <c r="EN5" s="517"/>
      <c r="EO5" s="515" t="s">
        <v>100</v>
      </c>
      <c r="EP5" s="516"/>
      <c r="EQ5" s="516"/>
      <c r="ER5" s="516"/>
      <c r="ES5" s="516"/>
      <c r="ET5" s="516"/>
      <c r="EU5" s="516"/>
      <c r="EV5" s="516"/>
      <c r="EW5" s="516"/>
      <c r="EX5" s="516"/>
      <c r="EY5" s="517"/>
      <c r="EZ5" s="515" t="s">
        <v>101</v>
      </c>
      <c r="FA5" s="516"/>
      <c r="FB5" s="516"/>
      <c r="FC5" s="516"/>
      <c r="FD5" s="516"/>
      <c r="FE5" s="516"/>
      <c r="FF5" s="516"/>
      <c r="FG5" s="516"/>
      <c r="FH5" s="516"/>
      <c r="FI5" s="516"/>
      <c r="FJ5" s="517"/>
      <c r="FK5" s="515" t="s">
        <v>102</v>
      </c>
      <c r="FL5" s="516"/>
      <c r="FM5" s="516"/>
      <c r="FN5" s="516"/>
      <c r="FO5" s="516"/>
      <c r="FP5" s="516"/>
      <c r="FQ5" s="516"/>
      <c r="FR5" s="516"/>
      <c r="FS5" s="516"/>
      <c r="FT5" s="516"/>
      <c r="FU5" s="517"/>
      <c r="FV5" s="509"/>
      <c r="FW5" s="510"/>
      <c r="FX5" s="510"/>
      <c r="FY5" s="510"/>
      <c r="FZ5" s="510"/>
      <c r="GA5" s="510"/>
      <c r="GB5" s="510"/>
      <c r="GC5" s="510"/>
      <c r="GD5" s="510"/>
      <c r="GE5" s="510"/>
      <c r="GF5" s="511"/>
      <c r="GG5" s="509"/>
      <c r="GH5" s="510"/>
      <c r="GI5" s="510"/>
      <c r="GJ5" s="510"/>
      <c r="GK5" s="510"/>
      <c r="GL5" s="510"/>
      <c r="GM5" s="510"/>
      <c r="GN5" s="510"/>
      <c r="GO5" s="510"/>
      <c r="GP5" s="510"/>
      <c r="GQ5" s="511"/>
      <c r="GR5" s="512"/>
      <c r="GS5" s="513"/>
      <c r="GT5" s="513"/>
      <c r="GU5" s="513"/>
      <c r="GV5" s="513"/>
      <c r="GW5" s="513"/>
      <c r="GX5" s="513"/>
      <c r="GY5" s="513"/>
      <c r="GZ5" s="513"/>
      <c r="HA5" s="513"/>
      <c r="HB5" s="514"/>
      <c r="HC5" s="515" t="s">
        <v>97</v>
      </c>
      <c r="HD5" s="516"/>
      <c r="HE5" s="516"/>
      <c r="HF5" s="516"/>
      <c r="HG5" s="516"/>
      <c r="HH5" s="516"/>
      <c r="HI5" s="516"/>
      <c r="HJ5" s="516"/>
      <c r="HK5" s="516"/>
      <c r="HL5" s="516"/>
      <c r="HM5" s="517"/>
      <c r="HN5" s="515" t="s">
        <v>98</v>
      </c>
      <c r="HO5" s="516"/>
      <c r="HP5" s="516"/>
      <c r="HQ5" s="516"/>
      <c r="HR5" s="516"/>
      <c r="HS5" s="516"/>
      <c r="HT5" s="516"/>
      <c r="HU5" s="516"/>
      <c r="HV5" s="516"/>
      <c r="HW5" s="516"/>
      <c r="HX5" s="517"/>
      <c r="HY5" s="515" t="s">
        <v>99</v>
      </c>
      <c r="HZ5" s="516"/>
      <c r="IA5" s="516"/>
      <c r="IB5" s="516"/>
      <c r="IC5" s="516"/>
      <c r="ID5" s="516"/>
      <c r="IE5" s="516"/>
      <c r="IF5" s="516"/>
      <c r="IG5" s="516"/>
      <c r="IH5" s="516"/>
      <c r="II5" s="517"/>
      <c r="IJ5" s="515" t="s">
        <v>100</v>
      </c>
      <c r="IK5" s="516"/>
      <c r="IL5" s="516"/>
      <c r="IM5" s="516"/>
      <c r="IN5" s="516"/>
      <c r="IO5" s="516"/>
      <c r="IP5" s="516"/>
      <c r="IQ5" s="516"/>
      <c r="IR5" s="516"/>
      <c r="IS5" s="516"/>
      <c r="IT5" s="517"/>
      <c r="IU5" s="515" t="s">
        <v>101</v>
      </c>
      <c r="IV5" s="516"/>
      <c r="IW5" s="516"/>
      <c r="IX5" s="516"/>
      <c r="IY5" s="516"/>
      <c r="IZ5" s="516"/>
      <c r="JA5" s="516"/>
      <c r="JB5" s="516"/>
      <c r="JC5" s="516"/>
      <c r="JD5" s="516"/>
      <c r="JE5" s="517"/>
      <c r="JF5" s="515" t="s">
        <v>102</v>
      </c>
      <c r="JG5" s="516"/>
      <c r="JH5" s="516"/>
      <c r="JI5" s="516"/>
      <c r="JJ5" s="516"/>
      <c r="JK5" s="516"/>
      <c r="JL5" s="516"/>
      <c r="JM5" s="516"/>
      <c r="JN5" s="516"/>
      <c r="JO5" s="516"/>
      <c r="JP5" s="517"/>
      <c r="JQ5" s="509"/>
      <c r="JR5" s="510"/>
      <c r="JS5" s="510"/>
      <c r="JT5" s="510"/>
      <c r="JU5" s="510"/>
      <c r="JV5" s="510"/>
      <c r="JW5" s="510"/>
      <c r="JX5" s="510"/>
      <c r="JY5" s="510"/>
      <c r="JZ5" s="510"/>
      <c r="KA5" s="511"/>
      <c r="KB5" s="509"/>
      <c r="KC5" s="510"/>
      <c r="KD5" s="510"/>
      <c r="KE5" s="510"/>
      <c r="KF5" s="510"/>
      <c r="KG5" s="510"/>
      <c r="KH5" s="510"/>
      <c r="KI5" s="510"/>
      <c r="KJ5" s="510"/>
      <c r="KK5" s="510"/>
      <c r="KL5" s="511"/>
    </row>
    <row r="6" spans="1:298" ht="44.25" customHeight="1" thickBot="1" x14ac:dyDescent="0.25">
      <c r="A6" s="318" t="s">
        <v>42</v>
      </c>
      <c r="B6" s="51" t="s">
        <v>43</v>
      </c>
      <c r="C6" s="47" t="s">
        <v>44</v>
      </c>
      <c r="D6" s="48" t="s">
        <v>45</v>
      </c>
      <c r="E6" s="52" t="s">
        <v>46</v>
      </c>
      <c r="F6" s="47" t="s">
        <v>47</v>
      </c>
      <c r="G6" s="47" t="s">
        <v>48</v>
      </c>
      <c r="H6" s="47" t="s">
        <v>49</v>
      </c>
      <c r="I6" s="47" t="s">
        <v>50</v>
      </c>
      <c r="J6" s="47" t="s">
        <v>51</v>
      </c>
      <c r="K6" s="48" t="s">
        <v>45</v>
      </c>
      <c r="L6" s="53" t="s">
        <v>52</v>
      </c>
      <c r="M6" s="357" t="s">
        <v>43</v>
      </c>
      <c r="N6" s="358" t="s">
        <v>44</v>
      </c>
      <c r="O6" s="359" t="s">
        <v>45</v>
      </c>
      <c r="P6" s="360" t="s">
        <v>46</v>
      </c>
      <c r="Q6" s="358" t="s">
        <v>47</v>
      </c>
      <c r="R6" s="358" t="s">
        <v>48</v>
      </c>
      <c r="S6" s="358" t="s">
        <v>49</v>
      </c>
      <c r="T6" s="358" t="s">
        <v>50</v>
      </c>
      <c r="U6" s="358" t="s">
        <v>51</v>
      </c>
      <c r="V6" s="359" t="s">
        <v>45</v>
      </c>
      <c r="W6" s="356" t="s">
        <v>52</v>
      </c>
      <c r="X6" s="357" t="s">
        <v>43</v>
      </c>
      <c r="Y6" s="358" t="s">
        <v>44</v>
      </c>
      <c r="Z6" s="359" t="s">
        <v>45</v>
      </c>
      <c r="AA6" s="360" t="s">
        <v>46</v>
      </c>
      <c r="AB6" s="358" t="s">
        <v>47</v>
      </c>
      <c r="AC6" s="358" t="s">
        <v>48</v>
      </c>
      <c r="AD6" s="358" t="s">
        <v>49</v>
      </c>
      <c r="AE6" s="358" t="s">
        <v>50</v>
      </c>
      <c r="AF6" s="358" t="s">
        <v>51</v>
      </c>
      <c r="AG6" s="359" t="s">
        <v>45</v>
      </c>
      <c r="AH6" s="361" t="s">
        <v>52</v>
      </c>
      <c r="AI6" s="357" t="s">
        <v>43</v>
      </c>
      <c r="AJ6" s="358" t="s">
        <v>44</v>
      </c>
      <c r="AK6" s="359" t="s">
        <v>45</v>
      </c>
      <c r="AL6" s="360" t="s">
        <v>46</v>
      </c>
      <c r="AM6" s="358" t="s">
        <v>47</v>
      </c>
      <c r="AN6" s="358" t="s">
        <v>48</v>
      </c>
      <c r="AO6" s="358" t="s">
        <v>49</v>
      </c>
      <c r="AP6" s="358" t="s">
        <v>50</v>
      </c>
      <c r="AQ6" s="358" t="s">
        <v>51</v>
      </c>
      <c r="AR6" s="359" t="s">
        <v>45</v>
      </c>
      <c r="AS6" s="361" t="s">
        <v>52</v>
      </c>
      <c r="AT6" s="357" t="s">
        <v>43</v>
      </c>
      <c r="AU6" s="358" t="s">
        <v>44</v>
      </c>
      <c r="AV6" s="359" t="s">
        <v>45</v>
      </c>
      <c r="AW6" s="360" t="s">
        <v>46</v>
      </c>
      <c r="AX6" s="358" t="s">
        <v>47</v>
      </c>
      <c r="AY6" s="358" t="s">
        <v>48</v>
      </c>
      <c r="AZ6" s="358" t="s">
        <v>49</v>
      </c>
      <c r="BA6" s="358" t="s">
        <v>50</v>
      </c>
      <c r="BB6" s="358" t="s">
        <v>51</v>
      </c>
      <c r="BC6" s="359" t="s">
        <v>45</v>
      </c>
      <c r="BD6" s="361" t="s">
        <v>52</v>
      </c>
      <c r="BE6" s="357" t="s">
        <v>43</v>
      </c>
      <c r="BF6" s="358" t="s">
        <v>44</v>
      </c>
      <c r="BG6" s="359" t="s">
        <v>45</v>
      </c>
      <c r="BH6" s="360" t="s">
        <v>46</v>
      </c>
      <c r="BI6" s="358" t="s">
        <v>47</v>
      </c>
      <c r="BJ6" s="358" t="s">
        <v>48</v>
      </c>
      <c r="BK6" s="358" t="s">
        <v>49</v>
      </c>
      <c r="BL6" s="358" t="s">
        <v>50</v>
      </c>
      <c r="BM6" s="358" t="s">
        <v>51</v>
      </c>
      <c r="BN6" s="359" t="s">
        <v>45</v>
      </c>
      <c r="BO6" s="361" t="s">
        <v>52</v>
      </c>
      <c r="BP6" s="357" t="s">
        <v>43</v>
      </c>
      <c r="BQ6" s="358" t="s">
        <v>44</v>
      </c>
      <c r="BR6" s="359" t="s">
        <v>45</v>
      </c>
      <c r="BS6" s="360" t="s">
        <v>46</v>
      </c>
      <c r="BT6" s="358" t="s">
        <v>47</v>
      </c>
      <c r="BU6" s="358" t="s">
        <v>48</v>
      </c>
      <c r="BV6" s="358" t="s">
        <v>49</v>
      </c>
      <c r="BW6" s="358" t="s">
        <v>50</v>
      </c>
      <c r="BX6" s="358" t="s">
        <v>51</v>
      </c>
      <c r="BY6" s="359" t="s">
        <v>45</v>
      </c>
      <c r="BZ6" s="361" t="s">
        <v>52</v>
      </c>
      <c r="CA6" s="357" t="s">
        <v>43</v>
      </c>
      <c r="CB6" s="358" t="s">
        <v>44</v>
      </c>
      <c r="CC6" s="359" t="s">
        <v>45</v>
      </c>
      <c r="CD6" s="360" t="s">
        <v>46</v>
      </c>
      <c r="CE6" s="358" t="s">
        <v>47</v>
      </c>
      <c r="CF6" s="358" t="s">
        <v>48</v>
      </c>
      <c r="CG6" s="358" t="s">
        <v>49</v>
      </c>
      <c r="CH6" s="358" t="s">
        <v>50</v>
      </c>
      <c r="CI6" s="358" t="s">
        <v>51</v>
      </c>
      <c r="CJ6" s="359" t="s">
        <v>45</v>
      </c>
      <c r="CK6" s="361" t="s">
        <v>52</v>
      </c>
      <c r="CL6" s="357" t="s">
        <v>43</v>
      </c>
      <c r="CM6" s="358" t="s">
        <v>44</v>
      </c>
      <c r="CN6" s="359" t="s">
        <v>45</v>
      </c>
      <c r="CO6" s="360" t="s">
        <v>46</v>
      </c>
      <c r="CP6" s="358" t="s">
        <v>47</v>
      </c>
      <c r="CQ6" s="358" t="s">
        <v>48</v>
      </c>
      <c r="CR6" s="358" t="s">
        <v>49</v>
      </c>
      <c r="CS6" s="358" t="s">
        <v>50</v>
      </c>
      <c r="CT6" s="358" t="s">
        <v>51</v>
      </c>
      <c r="CU6" s="359" t="s">
        <v>45</v>
      </c>
      <c r="CV6" s="361" t="s">
        <v>52</v>
      </c>
      <c r="CW6" s="51" t="s">
        <v>43</v>
      </c>
      <c r="CX6" s="47" t="s">
        <v>44</v>
      </c>
      <c r="CY6" s="48" t="s">
        <v>45</v>
      </c>
      <c r="CZ6" s="52" t="s">
        <v>46</v>
      </c>
      <c r="DA6" s="47" t="s">
        <v>47</v>
      </c>
      <c r="DB6" s="47" t="s">
        <v>48</v>
      </c>
      <c r="DC6" s="47" t="s">
        <v>49</v>
      </c>
      <c r="DD6" s="47" t="s">
        <v>50</v>
      </c>
      <c r="DE6" s="47" t="s">
        <v>51</v>
      </c>
      <c r="DF6" s="48" t="s">
        <v>45</v>
      </c>
      <c r="DG6" s="53" t="s">
        <v>52</v>
      </c>
      <c r="DH6" s="357" t="s">
        <v>43</v>
      </c>
      <c r="DI6" s="358" t="s">
        <v>44</v>
      </c>
      <c r="DJ6" s="359" t="s">
        <v>45</v>
      </c>
      <c r="DK6" s="360" t="s">
        <v>46</v>
      </c>
      <c r="DL6" s="358" t="s">
        <v>47</v>
      </c>
      <c r="DM6" s="358" t="s">
        <v>48</v>
      </c>
      <c r="DN6" s="358" t="s">
        <v>49</v>
      </c>
      <c r="DO6" s="358" t="s">
        <v>50</v>
      </c>
      <c r="DP6" s="358" t="s">
        <v>51</v>
      </c>
      <c r="DQ6" s="359" t="s">
        <v>45</v>
      </c>
      <c r="DR6" s="361" t="s">
        <v>52</v>
      </c>
      <c r="DS6" s="357" t="s">
        <v>43</v>
      </c>
      <c r="DT6" s="358" t="s">
        <v>44</v>
      </c>
      <c r="DU6" s="359" t="s">
        <v>45</v>
      </c>
      <c r="DV6" s="360" t="s">
        <v>46</v>
      </c>
      <c r="DW6" s="358" t="s">
        <v>47</v>
      </c>
      <c r="DX6" s="358" t="s">
        <v>48</v>
      </c>
      <c r="DY6" s="358" t="s">
        <v>49</v>
      </c>
      <c r="DZ6" s="358" t="s">
        <v>50</v>
      </c>
      <c r="EA6" s="358" t="s">
        <v>51</v>
      </c>
      <c r="EB6" s="359" t="s">
        <v>45</v>
      </c>
      <c r="EC6" s="361" t="s">
        <v>52</v>
      </c>
      <c r="ED6" s="357" t="s">
        <v>43</v>
      </c>
      <c r="EE6" s="358" t="s">
        <v>44</v>
      </c>
      <c r="EF6" s="359" t="s">
        <v>45</v>
      </c>
      <c r="EG6" s="360" t="s">
        <v>46</v>
      </c>
      <c r="EH6" s="358" t="s">
        <v>47</v>
      </c>
      <c r="EI6" s="358" t="s">
        <v>48</v>
      </c>
      <c r="EJ6" s="358" t="s">
        <v>49</v>
      </c>
      <c r="EK6" s="358" t="s">
        <v>50</v>
      </c>
      <c r="EL6" s="358" t="s">
        <v>51</v>
      </c>
      <c r="EM6" s="359" t="s">
        <v>45</v>
      </c>
      <c r="EN6" s="361" t="s">
        <v>52</v>
      </c>
      <c r="EO6" s="357" t="s">
        <v>43</v>
      </c>
      <c r="EP6" s="358" t="s">
        <v>44</v>
      </c>
      <c r="EQ6" s="359" t="s">
        <v>45</v>
      </c>
      <c r="ER6" s="360" t="s">
        <v>46</v>
      </c>
      <c r="ES6" s="358" t="s">
        <v>47</v>
      </c>
      <c r="ET6" s="358" t="s">
        <v>48</v>
      </c>
      <c r="EU6" s="358" t="s">
        <v>49</v>
      </c>
      <c r="EV6" s="358" t="s">
        <v>50</v>
      </c>
      <c r="EW6" s="358" t="s">
        <v>51</v>
      </c>
      <c r="EX6" s="359" t="s">
        <v>45</v>
      </c>
      <c r="EY6" s="361" t="s">
        <v>52</v>
      </c>
      <c r="EZ6" s="357" t="s">
        <v>43</v>
      </c>
      <c r="FA6" s="358" t="s">
        <v>44</v>
      </c>
      <c r="FB6" s="359" t="s">
        <v>45</v>
      </c>
      <c r="FC6" s="360" t="s">
        <v>46</v>
      </c>
      <c r="FD6" s="358" t="s">
        <v>47</v>
      </c>
      <c r="FE6" s="358" t="s">
        <v>48</v>
      </c>
      <c r="FF6" s="358" t="s">
        <v>49</v>
      </c>
      <c r="FG6" s="358" t="s">
        <v>50</v>
      </c>
      <c r="FH6" s="358" t="s">
        <v>51</v>
      </c>
      <c r="FI6" s="359" t="s">
        <v>45</v>
      </c>
      <c r="FJ6" s="361" t="s">
        <v>52</v>
      </c>
      <c r="FK6" s="357" t="s">
        <v>43</v>
      </c>
      <c r="FL6" s="358" t="s">
        <v>44</v>
      </c>
      <c r="FM6" s="359" t="s">
        <v>45</v>
      </c>
      <c r="FN6" s="360" t="s">
        <v>46</v>
      </c>
      <c r="FO6" s="358" t="s">
        <v>47</v>
      </c>
      <c r="FP6" s="358" t="s">
        <v>48</v>
      </c>
      <c r="FQ6" s="358" t="s">
        <v>49</v>
      </c>
      <c r="FR6" s="358" t="s">
        <v>50</v>
      </c>
      <c r="FS6" s="358" t="s">
        <v>51</v>
      </c>
      <c r="FT6" s="359" t="s">
        <v>45</v>
      </c>
      <c r="FU6" s="361" t="s">
        <v>52</v>
      </c>
      <c r="FV6" s="357" t="s">
        <v>43</v>
      </c>
      <c r="FW6" s="358" t="s">
        <v>44</v>
      </c>
      <c r="FX6" s="359" t="s">
        <v>45</v>
      </c>
      <c r="FY6" s="360" t="s">
        <v>46</v>
      </c>
      <c r="FZ6" s="358" t="s">
        <v>47</v>
      </c>
      <c r="GA6" s="358" t="s">
        <v>48</v>
      </c>
      <c r="GB6" s="358" t="s">
        <v>49</v>
      </c>
      <c r="GC6" s="358" t="s">
        <v>50</v>
      </c>
      <c r="GD6" s="358" t="s">
        <v>51</v>
      </c>
      <c r="GE6" s="359" t="s">
        <v>45</v>
      </c>
      <c r="GF6" s="361" t="s">
        <v>52</v>
      </c>
      <c r="GG6" s="357" t="s">
        <v>43</v>
      </c>
      <c r="GH6" s="358" t="s">
        <v>44</v>
      </c>
      <c r="GI6" s="359" t="s">
        <v>45</v>
      </c>
      <c r="GJ6" s="360" t="s">
        <v>46</v>
      </c>
      <c r="GK6" s="358" t="s">
        <v>47</v>
      </c>
      <c r="GL6" s="358" t="s">
        <v>48</v>
      </c>
      <c r="GM6" s="358" t="s">
        <v>49</v>
      </c>
      <c r="GN6" s="358" t="s">
        <v>50</v>
      </c>
      <c r="GO6" s="358" t="s">
        <v>51</v>
      </c>
      <c r="GP6" s="359" t="s">
        <v>45</v>
      </c>
      <c r="GQ6" s="361" t="s">
        <v>52</v>
      </c>
      <c r="GR6" s="51" t="s">
        <v>43</v>
      </c>
      <c r="GS6" s="47" t="s">
        <v>44</v>
      </c>
      <c r="GT6" s="48" t="s">
        <v>45</v>
      </c>
      <c r="GU6" s="52" t="s">
        <v>46</v>
      </c>
      <c r="GV6" s="47" t="s">
        <v>47</v>
      </c>
      <c r="GW6" s="47" t="s">
        <v>48</v>
      </c>
      <c r="GX6" s="47" t="s">
        <v>49</v>
      </c>
      <c r="GY6" s="47" t="s">
        <v>50</v>
      </c>
      <c r="GZ6" s="47" t="s">
        <v>51</v>
      </c>
      <c r="HA6" s="48" t="s">
        <v>45</v>
      </c>
      <c r="HB6" s="53" t="s">
        <v>52</v>
      </c>
      <c r="HC6" s="357" t="s">
        <v>43</v>
      </c>
      <c r="HD6" s="358" t="s">
        <v>44</v>
      </c>
      <c r="HE6" s="359" t="s">
        <v>45</v>
      </c>
      <c r="HF6" s="360" t="s">
        <v>46</v>
      </c>
      <c r="HG6" s="358" t="s">
        <v>47</v>
      </c>
      <c r="HH6" s="358" t="s">
        <v>48</v>
      </c>
      <c r="HI6" s="358" t="s">
        <v>49</v>
      </c>
      <c r="HJ6" s="358" t="s">
        <v>50</v>
      </c>
      <c r="HK6" s="358" t="s">
        <v>51</v>
      </c>
      <c r="HL6" s="359" t="s">
        <v>45</v>
      </c>
      <c r="HM6" s="361" t="s">
        <v>52</v>
      </c>
      <c r="HN6" s="357" t="s">
        <v>43</v>
      </c>
      <c r="HO6" s="358" t="s">
        <v>44</v>
      </c>
      <c r="HP6" s="359" t="s">
        <v>45</v>
      </c>
      <c r="HQ6" s="360" t="s">
        <v>46</v>
      </c>
      <c r="HR6" s="358" t="s">
        <v>47</v>
      </c>
      <c r="HS6" s="358" t="s">
        <v>48</v>
      </c>
      <c r="HT6" s="358" t="s">
        <v>49</v>
      </c>
      <c r="HU6" s="358" t="s">
        <v>50</v>
      </c>
      <c r="HV6" s="358" t="s">
        <v>51</v>
      </c>
      <c r="HW6" s="359" t="s">
        <v>45</v>
      </c>
      <c r="HX6" s="361" t="s">
        <v>52</v>
      </c>
      <c r="HY6" s="357" t="s">
        <v>43</v>
      </c>
      <c r="HZ6" s="358" t="s">
        <v>44</v>
      </c>
      <c r="IA6" s="359" t="s">
        <v>45</v>
      </c>
      <c r="IB6" s="360" t="s">
        <v>46</v>
      </c>
      <c r="IC6" s="358" t="s">
        <v>47</v>
      </c>
      <c r="ID6" s="358" t="s">
        <v>48</v>
      </c>
      <c r="IE6" s="358" t="s">
        <v>49</v>
      </c>
      <c r="IF6" s="358" t="s">
        <v>50</v>
      </c>
      <c r="IG6" s="358" t="s">
        <v>51</v>
      </c>
      <c r="IH6" s="359" t="s">
        <v>45</v>
      </c>
      <c r="II6" s="361" t="s">
        <v>52</v>
      </c>
      <c r="IJ6" s="357" t="s">
        <v>43</v>
      </c>
      <c r="IK6" s="358" t="s">
        <v>44</v>
      </c>
      <c r="IL6" s="359" t="s">
        <v>45</v>
      </c>
      <c r="IM6" s="360" t="s">
        <v>46</v>
      </c>
      <c r="IN6" s="358" t="s">
        <v>47</v>
      </c>
      <c r="IO6" s="358" t="s">
        <v>48</v>
      </c>
      <c r="IP6" s="358" t="s">
        <v>49</v>
      </c>
      <c r="IQ6" s="358" t="s">
        <v>50</v>
      </c>
      <c r="IR6" s="358" t="s">
        <v>51</v>
      </c>
      <c r="IS6" s="359" t="s">
        <v>45</v>
      </c>
      <c r="IT6" s="361" t="s">
        <v>52</v>
      </c>
      <c r="IU6" s="357" t="s">
        <v>43</v>
      </c>
      <c r="IV6" s="358" t="s">
        <v>44</v>
      </c>
      <c r="IW6" s="359" t="s">
        <v>45</v>
      </c>
      <c r="IX6" s="360" t="s">
        <v>46</v>
      </c>
      <c r="IY6" s="358" t="s">
        <v>47</v>
      </c>
      <c r="IZ6" s="358" t="s">
        <v>48</v>
      </c>
      <c r="JA6" s="358" t="s">
        <v>49</v>
      </c>
      <c r="JB6" s="358" t="s">
        <v>50</v>
      </c>
      <c r="JC6" s="358" t="s">
        <v>51</v>
      </c>
      <c r="JD6" s="359" t="s">
        <v>45</v>
      </c>
      <c r="JE6" s="361" t="s">
        <v>52</v>
      </c>
      <c r="JF6" s="357" t="s">
        <v>43</v>
      </c>
      <c r="JG6" s="358" t="s">
        <v>44</v>
      </c>
      <c r="JH6" s="359" t="s">
        <v>45</v>
      </c>
      <c r="JI6" s="360" t="s">
        <v>46</v>
      </c>
      <c r="JJ6" s="358" t="s">
        <v>47</v>
      </c>
      <c r="JK6" s="358" t="s">
        <v>48</v>
      </c>
      <c r="JL6" s="358" t="s">
        <v>49</v>
      </c>
      <c r="JM6" s="358" t="s">
        <v>50</v>
      </c>
      <c r="JN6" s="358" t="s">
        <v>51</v>
      </c>
      <c r="JO6" s="359" t="s">
        <v>45</v>
      </c>
      <c r="JP6" s="361" t="s">
        <v>52</v>
      </c>
      <c r="JQ6" s="357" t="s">
        <v>43</v>
      </c>
      <c r="JR6" s="358" t="s">
        <v>44</v>
      </c>
      <c r="JS6" s="359" t="s">
        <v>45</v>
      </c>
      <c r="JT6" s="360" t="s">
        <v>46</v>
      </c>
      <c r="JU6" s="358" t="s">
        <v>47</v>
      </c>
      <c r="JV6" s="358" t="s">
        <v>48</v>
      </c>
      <c r="JW6" s="358" t="s">
        <v>49</v>
      </c>
      <c r="JX6" s="358" t="s">
        <v>50</v>
      </c>
      <c r="JY6" s="358" t="s">
        <v>51</v>
      </c>
      <c r="JZ6" s="359" t="s">
        <v>45</v>
      </c>
      <c r="KA6" s="361" t="s">
        <v>52</v>
      </c>
      <c r="KB6" s="357" t="s">
        <v>43</v>
      </c>
      <c r="KC6" s="358" t="s">
        <v>44</v>
      </c>
      <c r="KD6" s="359" t="s">
        <v>45</v>
      </c>
      <c r="KE6" s="360" t="s">
        <v>46</v>
      </c>
      <c r="KF6" s="358" t="s">
        <v>47</v>
      </c>
      <c r="KG6" s="358" t="s">
        <v>48</v>
      </c>
      <c r="KH6" s="358" t="s">
        <v>49</v>
      </c>
      <c r="KI6" s="358" t="s">
        <v>50</v>
      </c>
      <c r="KJ6" s="358" t="s">
        <v>51</v>
      </c>
      <c r="KK6" s="359" t="s">
        <v>45</v>
      </c>
      <c r="KL6" s="361" t="s">
        <v>52</v>
      </c>
    </row>
    <row r="7" spans="1:298" ht="19.5" customHeight="1" x14ac:dyDescent="0.2">
      <c r="A7" s="125" t="s">
        <v>4</v>
      </c>
      <c r="B7" s="315">
        <v>19655</v>
      </c>
      <c r="C7" s="78">
        <v>19583</v>
      </c>
      <c r="D7" s="79">
        <v>39238</v>
      </c>
      <c r="E7" s="240"/>
      <c r="F7" s="78">
        <v>29824</v>
      </c>
      <c r="G7" s="78">
        <v>28971</v>
      </c>
      <c r="H7" s="78">
        <v>20369</v>
      </c>
      <c r="I7" s="78">
        <v>16891</v>
      </c>
      <c r="J7" s="78">
        <v>10466</v>
      </c>
      <c r="K7" s="80">
        <v>106521</v>
      </c>
      <c r="L7" s="81">
        <v>145759</v>
      </c>
      <c r="M7" s="66">
        <v>807</v>
      </c>
      <c r="N7" s="67">
        <v>1053</v>
      </c>
      <c r="O7" s="68">
        <v>1860</v>
      </c>
      <c r="P7" s="240"/>
      <c r="Q7" s="67">
        <v>1358</v>
      </c>
      <c r="R7" s="67">
        <v>1652</v>
      </c>
      <c r="S7" s="67">
        <v>1014</v>
      </c>
      <c r="T7" s="67">
        <v>957</v>
      </c>
      <c r="U7" s="67">
        <v>777</v>
      </c>
      <c r="V7" s="68">
        <v>5758</v>
      </c>
      <c r="W7" s="69">
        <v>7618</v>
      </c>
      <c r="X7" s="66">
        <v>2098</v>
      </c>
      <c r="Y7" s="67">
        <v>2364</v>
      </c>
      <c r="Z7" s="68">
        <v>4462</v>
      </c>
      <c r="AA7" s="240"/>
      <c r="AB7" s="67">
        <v>3115</v>
      </c>
      <c r="AC7" s="67">
        <v>3522</v>
      </c>
      <c r="AD7" s="67">
        <v>2571</v>
      </c>
      <c r="AE7" s="67">
        <v>2123</v>
      </c>
      <c r="AF7" s="67">
        <v>1557</v>
      </c>
      <c r="AG7" s="68">
        <v>12888</v>
      </c>
      <c r="AH7" s="69">
        <v>17350</v>
      </c>
      <c r="AI7" s="66">
        <v>2982</v>
      </c>
      <c r="AJ7" s="67">
        <v>3254</v>
      </c>
      <c r="AK7" s="68">
        <v>6236</v>
      </c>
      <c r="AL7" s="240"/>
      <c r="AM7" s="67">
        <v>4758</v>
      </c>
      <c r="AN7" s="67">
        <v>4720</v>
      </c>
      <c r="AO7" s="67">
        <v>3220</v>
      </c>
      <c r="AP7" s="67">
        <v>2763</v>
      </c>
      <c r="AQ7" s="67">
        <v>1867</v>
      </c>
      <c r="AR7" s="68">
        <v>17328</v>
      </c>
      <c r="AS7" s="69">
        <v>23564</v>
      </c>
      <c r="AT7" s="66">
        <v>5084</v>
      </c>
      <c r="AU7" s="67">
        <v>4783</v>
      </c>
      <c r="AV7" s="68">
        <v>9867</v>
      </c>
      <c r="AW7" s="240"/>
      <c r="AX7" s="67">
        <v>7468</v>
      </c>
      <c r="AY7" s="67">
        <v>6695</v>
      </c>
      <c r="AZ7" s="67">
        <v>4731</v>
      </c>
      <c r="BA7" s="67">
        <v>3795</v>
      </c>
      <c r="BB7" s="67">
        <v>2421</v>
      </c>
      <c r="BC7" s="68">
        <v>25110</v>
      </c>
      <c r="BD7" s="69">
        <v>34977</v>
      </c>
      <c r="BE7" s="66">
        <v>5512</v>
      </c>
      <c r="BF7" s="67">
        <v>4971</v>
      </c>
      <c r="BG7" s="68">
        <v>10483</v>
      </c>
      <c r="BH7" s="240"/>
      <c r="BI7" s="67">
        <v>7906</v>
      </c>
      <c r="BJ7" s="67">
        <v>7033</v>
      </c>
      <c r="BK7" s="67">
        <v>4916</v>
      </c>
      <c r="BL7" s="67">
        <v>4008</v>
      </c>
      <c r="BM7" s="67">
        <v>2216</v>
      </c>
      <c r="BN7" s="68">
        <v>26079</v>
      </c>
      <c r="BO7" s="69">
        <v>36562</v>
      </c>
      <c r="BP7" s="66">
        <v>3172</v>
      </c>
      <c r="BQ7" s="67">
        <v>3158</v>
      </c>
      <c r="BR7" s="68">
        <v>6330</v>
      </c>
      <c r="BS7" s="240"/>
      <c r="BT7" s="67">
        <v>5219</v>
      </c>
      <c r="BU7" s="67">
        <v>5349</v>
      </c>
      <c r="BV7" s="67">
        <v>3917</v>
      </c>
      <c r="BW7" s="67">
        <v>3245</v>
      </c>
      <c r="BX7" s="67">
        <v>1628</v>
      </c>
      <c r="BY7" s="68">
        <v>19358</v>
      </c>
      <c r="BZ7" s="69">
        <v>25688</v>
      </c>
      <c r="CA7" s="66">
        <v>472</v>
      </c>
      <c r="CB7" s="67">
        <v>753</v>
      </c>
      <c r="CC7" s="68">
        <v>1225</v>
      </c>
      <c r="CD7" s="240"/>
      <c r="CE7" s="67">
        <v>890</v>
      </c>
      <c r="CF7" s="67">
        <v>1290</v>
      </c>
      <c r="CG7" s="67">
        <v>863</v>
      </c>
      <c r="CH7" s="67">
        <v>745</v>
      </c>
      <c r="CI7" s="67">
        <v>710</v>
      </c>
      <c r="CJ7" s="68">
        <v>4498</v>
      </c>
      <c r="CK7" s="69">
        <v>5723</v>
      </c>
      <c r="CL7" s="66">
        <v>20127</v>
      </c>
      <c r="CM7" s="67">
        <v>20336</v>
      </c>
      <c r="CN7" s="68">
        <v>40463</v>
      </c>
      <c r="CO7" s="240"/>
      <c r="CP7" s="67">
        <v>30714</v>
      </c>
      <c r="CQ7" s="67">
        <v>30261</v>
      </c>
      <c r="CR7" s="67">
        <v>21232</v>
      </c>
      <c r="CS7" s="67">
        <v>17636</v>
      </c>
      <c r="CT7" s="67">
        <v>11176</v>
      </c>
      <c r="CU7" s="68">
        <v>111019</v>
      </c>
      <c r="CV7" s="69">
        <v>151482</v>
      </c>
      <c r="CW7" s="122">
        <v>37443</v>
      </c>
      <c r="CX7" s="78">
        <v>43117</v>
      </c>
      <c r="CY7" s="79">
        <v>80560</v>
      </c>
      <c r="CZ7" s="240"/>
      <c r="DA7" s="78">
        <v>54912</v>
      </c>
      <c r="DB7" s="78">
        <v>51316</v>
      </c>
      <c r="DC7" s="78">
        <v>38049</v>
      </c>
      <c r="DD7" s="78">
        <v>37862</v>
      </c>
      <c r="DE7" s="78">
        <v>25353</v>
      </c>
      <c r="DF7" s="80">
        <v>207492</v>
      </c>
      <c r="DG7" s="81">
        <v>288052</v>
      </c>
      <c r="DH7" s="66">
        <v>880</v>
      </c>
      <c r="DI7" s="67">
        <v>1031</v>
      </c>
      <c r="DJ7" s="68">
        <v>1911</v>
      </c>
      <c r="DK7" s="240"/>
      <c r="DL7" s="67">
        <v>1046</v>
      </c>
      <c r="DM7" s="67">
        <v>1140</v>
      </c>
      <c r="DN7" s="67">
        <v>756</v>
      </c>
      <c r="DO7" s="67">
        <v>705</v>
      </c>
      <c r="DP7" s="67">
        <v>600</v>
      </c>
      <c r="DQ7" s="68">
        <v>4247</v>
      </c>
      <c r="DR7" s="69">
        <v>6158</v>
      </c>
      <c r="DS7" s="66">
        <v>2783</v>
      </c>
      <c r="DT7" s="67">
        <v>3308</v>
      </c>
      <c r="DU7" s="68">
        <v>6091</v>
      </c>
      <c r="DV7" s="240"/>
      <c r="DW7" s="67">
        <v>3199</v>
      </c>
      <c r="DX7" s="67">
        <v>3135</v>
      </c>
      <c r="DY7" s="67">
        <v>1940</v>
      </c>
      <c r="DZ7" s="67">
        <v>1885</v>
      </c>
      <c r="EA7" s="67">
        <v>1567</v>
      </c>
      <c r="EB7" s="68">
        <v>11726</v>
      </c>
      <c r="EC7" s="69">
        <v>17817</v>
      </c>
      <c r="ED7" s="66">
        <v>6084</v>
      </c>
      <c r="EE7" s="67">
        <v>6333</v>
      </c>
      <c r="EF7" s="68">
        <v>12417</v>
      </c>
      <c r="EG7" s="240"/>
      <c r="EH7" s="67">
        <v>6742</v>
      </c>
      <c r="EI7" s="67">
        <v>5579</v>
      </c>
      <c r="EJ7" s="67">
        <v>3581</v>
      </c>
      <c r="EK7" s="67">
        <v>3351</v>
      </c>
      <c r="EL7" s="67">
        <v>2662</v>
      </c>
      <c r="EM7" s="68">
        <v>21915</v>
      </c>
      <c r="EN7" s="69">
        <v>34332</v>
      </c>
      <c r="EO7" s="66">
        <v>11038</v>
      </c>
      <c r="EP7" s="67">
        <v>11467</v>
      </c>
      <c r="EQ7" s="68">
        <v>22505</v>
      </c>
      <c r="ER7" s="240"/>
      <c r="ES7" s="67">
        <v>13270</v>
      </c>
      <c r="ET7" s="67">
        <v>10766</v>
      </c>
      <c r="EU7" s="67">
        <v>6939</v>
      </c>
      <c r="EV7" s="67">
        <v>6437</v>
      </c>
      <c r="EW7" s="67">
        <v>4435</v>
      </c>
      <c r="EX7" s="68">
        <v>41847</v>
      </c>
      <c r="EY7" s="69">
        <v>64352</v>
      </c>
      <c r="EZ7" s="66">
        <v>11072</v>
      </c>
      <c r="FA7" s="67">
        <v>12825</v>
      </c>
      <c r="FB7" s="68">
        <v>23897</v>
      </c>
      <c r="FC7" s="240"/>
      <c r="FD7" s="67">
        <v>16859</v>
      </c>
      <c r="FE7" s="67">
        <v>14659</v>
      </c>
      <c r="FF7" s="67">
        <v>10451</v>
      </c>
      <c r="FG7" s="67">
        <v>9914</v>
      </c>
      <c r="FH7" s="67">
        <v>6550</v>
      </c>
      <c r="FI7" s="68">
        <v>58433</v>
      </c>
      <c r="FJ7" s="69">
        <v>82330</v>
      </c>
      <c r="FK7" s="66">
        <v>5586</v>
      </c>
      <c r="FL7" s="67">
        <v>8153</v>
      </c>
      <c r="FM7" s="68">
        <v>13739</v>
      </c>
      <c r="FN7" s="240"/>
      <c r="FO7" s="67">
        <v>13796</v>
      </c>
      <c r="FP7" s="67">
        <v>16037</v>
      </c>
      <c r="FQ7" s="67">
        <v>14382</v>
      </c>
      <c r="FR7" s="67">
        <v>15570</v>
      </c>
      <c r="FS7" s="67">
        <v>9539</v>
      </c>
      <c r="FT7" s="68">
        <v>69324</v>
      </c>
      <c r="FU7" s="69">
        <v>83063</v>
      </c>
      <c r="FV7" s="66">
        <v>385</v>
      </c>
      <c r="FW7" s="67">
        <v>694</v>
      </c>
      <c r="FX7" s="68">
        <v>1079</v>
      </c>
      <c r="FY7" s="240"/>
      <c r="FZ7" s="67">
        <v>651</v>
      </c>
      <c r="GA7" s="67">
        <v>1003</v>
      </c>
      <c r="GB7" s="67">
        <v>616</v>
      </c>
      <c r="GC7" s="67">
        <v>604</v>
      </c>
      <c r="GD7" s="67">
        <v>602</v>
      </c>
      <c r="GE7" s="68">
        <v>3476</v>
      </c>
      <c r="GF7" s="69">
        <v>4555</v>
      </c>
      <c r="GG7" s="66">
        <v>37828</v>
      </c>
      <c r="GH7" s="67">
        <v>43811</v>
      </c>
      <c r="GI7" s="68">
        <v>81639</v>
      </c>
      <c r="GJ7" s="240"/>
      <c r="GK7" s="67">
        <v>55563</v>
      </c>
      <c r="GL7" s="67">
        <v>52319</v>
      </c>
      <c r="GM7" s="67">
        <v>38665</v>
      </c>
      <c r="GN7" s="67">
        <v>38466</v>
      </c>
      <c r="GO7" s="67">
        <v>25955</v>
      </c>
      <c r="GP7" s="68">
        <v>210968</v>
      </c>
      <c r="GQ7" s="69">
        <v>292607</v>
      </c>
      <c r="GR7" s="122">
        <v>57098</v>
      </c>
      <c r="GS7" s="78">
        <v>62700</v>
      </c>
      <c r="GT7" s="79">
        <v>119798</v>
      </c>
      <c r="GU7" s="240"/>
      <c r="GV7" s="78">
        <v>84736</v>
      </c>
      <c r="GW7" s="78">
        <v>80287</v>
      </c>
      <c r="GX7" s="78">
        <v>58418</v>
      </c>
      <c r="GY7" s="78">
        <v>54753</v>
      </c>
      <c r="GZ7" s="78">
        <v>35819</v>
      </c>
      <c r="HA7" s="80">
        <v>314013</v>
      </c>
      <c r="HB7" s="81">
        <v>433811</v>
      </c>
      <c r="HC7" s="66">
        <v>1687</v>
      </c>
      <c r="HD7" s="67">
        <v>2084</v>
      </c>
      <c r="HE7" s="68">
        <v>3771</v>
      </c>
      <c r="HF7" s="240"/>
      <c r="HG7" s="67">
        <v>2404</v>
      </c>
      <c r="HH7" s="67">
        <v>2792</v>
      </c>
      <c r="HI7" s="67">
        <v>1770</v>
      </c>
      <c r="HJ7" s="67">
        <v>1662</v>
      </c>
      <c r="HK7" s="67">
        <v>1377</v>
      </c>
      <c r="HL7" s="68">
        <v>10005</v>
      </c>
      <c r="HM7" s="69">
        <v>13776</v>
      </c>
      <c r="HN7" s="66">
        <v>4881</v>
      </c>
      <c r="HO7" s="67">
        <v>5672</v>
      </c>
      <c r="HP7" s="68">
        <v>10553</v>
      </c>
      <c r="HQ7" s="240"/>
      <c r="HR7" s="67">
        <v>6314</v>
      </c>
      <c r="HS7" s="67">
        <v>6657</v>
      </c>
      <c r="HT7" s="67">
        <v>4511</v>
      </c>
      <c r="HU7" s="67">
        <v>4008</v>
      </c>
      <c r="HV7" s="67">
        <v>3124</v>
      </c>
      <c r="HW7" s="68">
        <v>24614</v>
      </c>
      <c r="HX7" s="69">
        <v>35167</v>
      </c>
      <c r="HY7" s="66">
        <v>9066</v>
      </c>
      <c r="HZ7" s="67">
        <v>9587</v>
      </c>
      <c r="IA7" s="68">
        <v>18653</v>
      </c>
      <c r="IB7" s="240"/>
      <c r="IC7" s="67">
        <v>11500</v>
      </c>
      <c r="ID7" s="67">
        <v>10299</v>
      </c>
      <c r="IE7" s="67">
        <v>6801</v>
      </c>
      <c r="IF7" s="67">
        <v>6114</v>
      </c>
      <c r="IG7" s="67">
        <v>4529</v>
      </c>
      <c r="IH7" s="68">
        <v>39243</v>
      </c>
      <c r="II7" s="69">
        <v>57896</v>
      </c>
      <c r="IJ7" s="66">
        <v>16122</v>
      </c>
      <c r="IK7" s="67">
        <v>16250</v>
      </c>
      <c r="IL7" s="68">
        <v>32372</v>
      </c>
      <c r="IM7" s="240"/>
      <c r="IN7" s="67">
        <v>20738</v>
      </c>
      <c r="IO7" s="67">
        <v>17461</v>
      </c>
      <c r="IP7" s="67">
        <v>11670</v>
      </c>
      <c r="IQ7" s="67">
        <v>10232</v>
      </c>
      <c r="IR7" s="67">
        <v>6856</v>
      </c>
      <c r="IS7" s="68">
        <v>66957</v>
      </c>
      <c r="IT7" s="69">
        <v>99329</v>
      </c>
      <c r="IU7" s="66">
        <v>16584</v>
      </c>
      <c r="IV7" s="67">
        <v>17796</v>
      </c>
      <c r="IW7" s="68">
        <v>34380</v>
      </c>
      <c r="IX7" s="240"/>
      <c r="IY7" s="67">
        <v>24765</v>
      </c>
      <c r="IZ7" s="67">
        <v>21692</v>
      </c>
      <c r="JA7" s="67">
        <v>15367</v>
      </c>
      <c r="JB7" s="67">
        <v>13922</v>
      </c>
      <c r="JC7" s="67">
        <v>8766</v>
      </c>
      <c r="JD7" s="68">
        <v>84512</v>
      </c>
      <c r="JE7" s="69">
        <v>118892</v>
      </c>
      <c r="JF7" s="66">
        <v>8758</v>
      </c>
      <c r="JG7" s="67">
        <v>11311</v>
      </c>
      <c r="JH7" s="68">
        <v>20069</v>
      </c>
      <c r="JI7" s="240"/>
      <c r="JJ7" s="67">
        <v>19015</v>
      </c>
      <c r="JK7" s="67">
        <v>21386</v>
      </c>
      <c r="JL7" s="67">
        <v>18299</v>
      </c>
      <c r="JM7" s="67">
        <v>18815</v>
      </c>
      <c r="JN7" s="67">
        <v>11167</v>
      </c>
      <c r="JO7" s="68">
        <v>88682</v>
      </c>
      <c r="JP7" s="69">
        <v>108751</v>
      </c>
      <c r="JQ7" s="66">
        <v>857</v>
      </c>
      <c r="JR7" s="67">
        <v>1447</v>
      </c>
      <c r="JS7" s="68">
        <v>2304</v>
      </c>
      <c r="JT7" s="240"/>
      <c r="JU7" s="67">
        <v>1541</v>
      </c>
      <c r="JV7" s="67">
        <v>2293</v>
      </c>
      <c r="JW7" s="67">
        <v>1479</v>
      </c>
      <c r="JX7" s="67">
        <v>1349</v>
      </c>
      <c r="JY7" s="67">
        <v>1312</v>
      </c>
      <c r="JZ7" s="68">
        <v>7974</v>
      </c>
      <c r="KA7" s="69">
        <v>10278</v>
      </c>
      <c r="KB7" s="66">
        <v>57955</v>
      </c>
      <c r="KC7" s="67">
        <v>64147</v>
      </c>
      <c r="KD7" s="68">
        <v>122102</v>
      </c>
      <c r="KE7" s="240"/>
      <c r="KF7" s="67">
        <v>86277</v>
      </c>
      <c r="KG7" s="67">
        <v>82580</v>
      </c>
      <c r="KH7" s="67">
        <v>59897</v>
      </c>
      <c r="KI7" s="67">
        <v>56102</v>
      </c>
      <c r="KJ7" s="67">
        <v>37131</v>
      </c>
      <c r="KK7" s="68">
        <v>321987</v>
      </c>
      <c r="KL7" s="69">
        <v>444089</v>
      </c>
    </row>
    <row r="8" spans="1:298" ht="19.5" customHeight="1" x14ac:dyDescent="0.2">
      <c r="A8" s="126" t="s">
        <v>5</v>
      </c>
      <c r="B8" s="316">
        <v>7975</v>
      </c>
      <c r="C8" s="82">
        <v>9229</v>
      </c>
      <c r="D8" s="83">
        <v>17204</v>
      </c>
      <c r="E8" s="241"/>
      <c r="F8" s="82">
        <v>9902</v>
      </c>
      <c r="G8" s="82">
        <v>12840</v>
      </c>
      <c r="H8" s="82">
        <v>8471</v>
      </c>
      <c r="I8" s="82">
        <v>6968</v>
      </c>
      <c r="J8" s="82">
        <v>4356</v>
      </c>
      <c r="K8" s="84">
        <v>42537</v>
      </c>
      <c r="L8" s="85">
        <v>59741</v>
      </c>
      <c r="M8" s="70">
        <v>298</v>
      </c>
      <c r="N8" s="71">
        <v>499</v>
      </c>
      <c r="O8" s="72">
        <v>797</v>
      </c>
      <c r="P8" s="241"/>
      <c r="Q8" s="71">
        <v>415</v>
      </c>
      <c r="R8" s="71">
        <v>746</v>
      </c>
      <c r="S8" s="71">
        <v>385</v>
      </c>
      <c r="T8" s="71">
        <v>389</v>
      </c>
      <c r="U8" s="71">
        <v>325</v>
      </c>
      <c r="V8" s="72">
        <v>2260</v>
      </c>
      <c r="W8" s="73">
        <v>3057</v>
      </c>
      <c r="X8" s="70">
        <v>798</v>
      </c>
      <c r="Y8" s="71">
        <v>1075</v>
      </c>
      <c r="Z8" s="72">
        <v>1873</v>
      </c>
      <c r="AA8" s="241"/>
      <c r="AB8" s="71">
        <v>968</v>
      </c>
      <c r="AC8" s="71">
        <v>1532</v>
      </c>
      <c r="AD8" s="71">
        <v>1095</v>
      </c>
      <c r="AE8" s="71">
        <v>872</v>
      </c>
      <c r="AF8" s="71">
        <v>679</v>
      </c>
      <c r="AG8" s="72">
        <v>5146</v>
      </c>
      <c r="AH8" s="73">
        <v>7019</v>
      </c>
      <c r="AI8" s="70">
        <v>1155</v>
      </c>
      <c r="AJ8" s="71">
        <v>1488</v>
      </c>
      <c r="AK8" s="72">
        <v>2643</v>
      </c>
      <c r="AL8" s="241"/>
      <c r="AM8" s="71">
        <v>1492</v>
      </c>
      <c r="AN8" s="71">
        <v>2087</v>
      </c>
      <c r="AO8" s="71">
        <v>1298</v>
      </c>
      <c r="AP8" s="71">
        <v>1149</v>
      </c>
      <c r="AQ8" s="71">
        <v>734</v>
      </c>
      <c r="AR8" s="72">
        <v>6760</v>
      </c>
      <c r="AS8" s="73">
        <v>9403</v>
      </c>
      <c r="AT8" s="70">
        <v>2071</v>
      </c>
      <c r="AU8" s="71">
        <v>2263</v>
      </c>
      <c r="AV8" s="72">
        <v>4334</v>
      </c>
      <c r="AW8" s="241"/>
      <c r="AX8" s="71">
        <v>2469</v>
      </c>
      <c r="AY8" s="71">
        <v>2834</v>
      </c>
      <c r="AZ8" s="71">
        <v>1902</v>
      </c>
      <c r="BA8" s="71">
        <v>1521</v>
      </c>
      <c r="BB8" s="71">
        <v>1013</v>
      </c>
      <c r="BC8" s="72">
        <v>9739</v>
      </c>
      <c r="BD8" s="73">
        <v>14073</v>
      </c>
      <c r="BE8" s="70">
        <v>2329</v>
      </c>
      <c r="BF8" s="71">
        <v>2358</v>
      </c>
      <c r="BG8" s="72">
        <v>4687</v>
      </c>
      <c r="BH8" s="241"/>
      <c r="BI8" s="71">
        <v>2752</v>
      </c>
      <c r="BJ8" s="71">
        <v>3123</v>
      </c>
      <c r="BK8" s="71">
        <v>2040</v>
      </c>
      <c r="BL8" s="71">
        <v>1656</v>
      </c>
      <c r="BM8" s="71">
        <v>909</v>
      </c>
      <c r="BN8" s="72">
        <v>10480</v>
      </c>
      <c r="BO8" s="73">
        <v>15167</v>
      </c>
      <c r="BP8" s="70">
        <v>1324</v>
      </c>
      <c r="BQ8" s="71">
        <v>1546</v>
      </c>
      <c r="BR8" s="72">
        <v>2870</v>
      </c>
      <c r="BS8" s="241"/>
      <c r="BT8" s="71">
        <v>1806</v>
      </c>
      <c r="BU8" s="71">
        <v>2518</v>
      </c>
      <c r="BV8" s="71">
        <v>1751</v>
      </c>
      <c r="BW8" s="71">
        <v>1381</v>
      </c>
      <c r="BX8" s="71">
        <v>696</v>
      </c>
      <c r="BY8" s="72">
        <v>8152</v>
      </c>
      <c r="BZ8" s="73">
        <v>11022</v>
      </c>
      <c r="CA8" s="70">
        <v>181</v>
      </c>
      <c r="CB8" s="71">
        <v>318</v>
      </c>
      <c r="CC8" s="72">
        <v>499</v>
      </c>
      <c r="CD8" s="241"/>
      <c r="CE8" s="71">
        <v>254</v>
      </c>
      <c r="CF8" s="71">
        <v>582</v>
      </c>
      <c r="CG8" s="71">
        <v>380</v>
      </c>
      <c r="CH8" s="71">
        <v>328</v>
      </c>
      <c r="CI8" s="71">
        <v>325</v>
      </c>
      <c r="CJ8" s="72">
        <v>1869</v>
      </c>
      <c r="CK8" s="73">
        <v>2368</v>
      </c>
      <c r="CL8" s="70">
        <v>8156</v>
      </c>
      <c r="CM8" s="71">
        <v>9547</v>
      </c>
      <c r="CN8" s="72">
        <v>17703</v>
      </c>
      <c r="CO8" s="241"/>
      <c r="CP8" s="71">
        <v>10156</v>
      </c>
      <c r="CQ8" s="71">
        <v>13422</v>
      </c>
      <c r="CR8" s="71">
        <v>8851</v>
      </c>
      <c r="CS8" s="71">
        <v>7296</v>
      </c>
      <c r="CT8" s="71">
        <v>4681</v>
      </c>
      <c r="CU8" s="72">
        <v>44406</v>
      </c>
      <c r="CV8" s="73">
        <v>62109</v>
      </c>
      <c r="CW8" s="123">
        <v>14716</v>
      </c>
      <c r="CX8" s="82">
        <v>19257</v>
      </c>
      <c r="CY8" s="83">
        <v>33973</v>
      </c>
      <c r="CZ8" s="241"/>
      <c r="DA8" s="82">
        <v>18953</v>
      </c>
      <c r="DB8" s="82">
        <v>23392</v>
      </c>
      <c r="DC8" s="82">
        <v>15792</v>
      </c>
      <c r="DD8" s="82">
        <v>15499</v>
      </c>
      <c r="DE8" s="82">
        <v>10546</v>
      </c>
      <c r="DF8" s="84">
        <v>84182</v>
      </c>
      <c r="DG8" s="85">
        <v>118155</v>
      </c>
      <c r="DH8" s="70">
        <v>331</v>
      </c>
      <c r="DI8" s="71">
        <v>451</v>
      </c>
      <c r="DJ8" s="72">
        <v>782</v>
      </c>
      <c r="DK8" s="241"/>
      <c r="DL8" s="71">
        <v>313</v>
      </c>
      <c r="DM8" s="71">
        <v>516</v>
      </c>
      <c r="DN8" s="71">
        <v>303</v>
      </c>
      <c r="DO8" s="71">
        <v>269</v>
      </c>
      <c r="DP8" s="71">
        <v>248</v>
      </c>
      <c r="DQ8" s="72">
        <v>1649</v>
      </c>
      <c r="DR8" s="73">
        <v>2431</v>
      </c>
      <c r="DS8" s="70">
        <v>1044</v>
      </c>
      <c r="DT8" s="71">
        <v>1440</v>
      </c>
      <c r="DU8" s="72">
        <v>2484</v>
      </c>
      <c r="DV8" s="241"/>
      <c r="DW8" s="71">
        <v>983</v>
      </c>
      <c r="DX8" s="71">
        <v>1377</v>
      </c>
      <c r="DY8" s="71">
        <v>791</v>
      </c>
      <c r="DZ8" s="71">
        <v>757</v>
      </c>
      <c r="EA8" s="71">
        <v>649</v>
      </c>
      <c r="EB8" s="72">
        <v>4557</v>
      </c>
      <c r="EC8" s="73">
        <v>7041</v>
      </c>
      <c r="ED8" s="70">
        <v>2386</v>
      </c>
      <c r="EE8" s="71">
        <v>2745</v>
      </c>
      <c r="EF8" s="72">
        <v>5131</v>
      </c>
      <c r="EG8" s="241"/>
      <c r="EH8" s="71">
        <v>2207</v>
      </c>
      <c r="EI8" s="71">
        <v>2448</v>
      </c>
      <c r="EJ8" s="71">
        <v>1434</v>
      </c>
      <c r="EK8" s="71">
        <v>1294</v>
      </c>
      <c r="EL8" s="71">
        <v>1079</v>
      </c>
      <c r="EM8" s="72">
        <v>8462</v>
      </c>
      <c r="EN8" s="73">
        <v>13593</v>
      </c>
      <c r="EO8" s="70">
        <v>4307</v>
      </c>
      <c r="EP8" s="71">
        <v>5049</v>
      </c>
      <c r="EQ8" s="72">
        <v>9356</v>
      </c>
      <c r="ER8" s="241"/>
      <c r="ES8" s="71">
        <v>4573</v>
      </c>
      <c r="ET8" s="71">
        <v>4880</v>
      </c>
      <c r="EU8" s="71">
        <v>2874</v>
      </c>
      <c r="EV8" s="71">
        <v>2607</v>
      </c>
      <c r="EW8" s="71">
        <v>1777</v>
      </c>
      <c r="EX8" s="72">
        <v>16711</v>
      </c>
      <c r="EY8" s="73">
        <v>26067</v>
      </c>
      <c r="EZ8" s="70">
        <v>4476</v>
      </c>
      <c r="FA8" s="71">
        <v>5859</v>
      </c>
      <c r="FB8" s="72">
        <v>10335</v>
      </c>
      <c r="FC8" s="241"/>
      <c r="FD8" s="71">
        <v>6069</v>
      </c>
      <c r="FE8" s="71">
        <v>6921</v>
      </c>
      <c r="FF8" s="71">
        <v>4386</v>
      </c>
      <c r="FG8" s="71">
        <v>4177</v>
      </c>
      <c r="FH8" s="71">
        <v>2717</v>
      </c>
      <c r="FI8" s="72">
        <v>24270</v>
      </c>
      <c r="FJ8" s="73">
        <v>34605</v>
      </c>
      <c r="FK8" s="70">
        <v>2172</v>
      </c>
      <c r="FL8" s="71">
        <v>3713</v>
      </c>
      <c r="FM8" s="72">
        <v>5885</v>
      </c>
      <c r="FN8" s="241"/>
      <c r="FO8" s="71">
        <v>4808</v>
      </c>
      <c r="FP8" s="71">
        <v>7250</v>
      </c>
      <c r="FQ8" s="71">
        <v>6004</v>
      </c>
      <c r="FR8" s="71">
        <v>6395</v>
      </c>
      <c r="FS8" s="71">
        <v>4076</v>
      </c>
      <c r="FT8" s="72">
        <v>28533</v>
      </c>
      <c r="FU8" s="73">
        <v>34418</v>
      </c>
      <c r="FV8" s="70">
        <v>166</v>
      </c>
      <c r="FW8" s="71">
        <v>294</v>
      </c>
      <c r="FX8" s="72">
        <v>460</v>
      </c>
      <c r="FY8" s="241"/>
      <c r="FZ8" s="71">
        <v>176</v>
      </c>
      <c r="GA8" s="71">
        <v>457</v>
      </c>
      <c r="GB8" s="71">
        <v>267</v>
      </c>
      <c r="GC8" s="71">
        <v>258</v>
      </c>
      <c r="GD8" s="71">
        <v>246</v>
      </c>
      <c r="GE8" s="72">
        <v>1404</v>
      </c>
      <c r="GF8" s="73">
        <v>1864</v>
      </c>
      <c r="GG8" s="70">
        <v>14882</v>
      </c>
      <c r="GH8" s="71">
        <v>19551</v>
      </c>
      <c r="GI8" s="72">
        <v>34433</v>
      </c>
      <c r="GJ8" s="241"/>
      <c r="GK8" s="71">
        <v>19129</v>
      </c>
      <c r="GL8" s="71">
        <v>23849</v>
      </c>
      <c r="GM8" s="71">
        <v>16059</v>
      </c>
      <c r="GN8" s="71">
        <v>15757</v>
      </c>
      <c r="GO8" s="71">
        <v>10792</v>
      </c>
      <c r="GP8" s="72">
        <v>85586</v>
      </c>
      <c r="GQ8" s="73">
        <v>120019</v>
      </c>
      <c r="GR8" s="123">
        <v>22691</v>
      </c>
      <c r="GS8" s="82">
        <v>28486</v>
      </c>
      <c r="GT8" s="83">
        <v>51177</v>
      </c>
      <c r="GU8" s="241"/>
      <c r="GV8" s="82">
        <v>28855</v>
      </c>
      <c r="GW8" s="82">
        <v>36232</v>
      </c>
      <c r="GX8" s="82">
        <v>24263</v>
      </c>
      <c r="GY8" s="82">
        <v>22467</v>
      </c>
      <c r="GZ8" s="82">
        <v>14902</v>
      </c>
      <c r="HA8" s="84">
        <v>126719</v>
      </c>
      <c r="HB8" s="85">
        <v>177896</v>
      </c>
      <c r="HC8" s="70">
        <v>629</v>
      </c>
      <c r="HD8" s="71">
        <v>950</v>
      </c>
      <c r="HE8" s="72">
        <v>1579</v>
      </c>
      <c r="HF8" s="241"/>
      <c r="HG8" s="71">
        <v>728</v>
      </c>
      <c r="HH8" s="71">
        <v>1262</v>
      </c>
      <c r="HI8" s="71">
        <v>688</v>
      </c>
      <c r="HJ8" s="71">
        <v>658</v>
      </c>
      <c r="HK8" s="71">
        <v>573</v>
      </c>
      <c r="HL8" s="72">
        <v>3909</v>
      </c>
      <c r="HM8" s="73">
        <v>5488</v>
      </c>
      <c r="HN8" s="70">
        <v>1842</v>
      </c>
      <c r="HO8" s="71">
        <v>2515</v>
      </c>
      <c r="HP8" s="72">
        <v>4357</v>
      </c>
      <c r="HQ8" s="241"/>
      <c r="HR8" s="71">
        <v>1951</v>
      </c>
      <c r="HS8" s="71">
        <v>2909</v>
      </c>
      <c r="HT8" s="71">
        <v>1886</v>
      </c>
      <c r="HU8" s="71">
        <v>1629</v>
      </c>
      <c r="HV8" s="71">
        <v>1328</v>
      </c>
      <c r="HW8" s="72">
        <v>9703</v>
      </c>
      <c r="HX8" s="73">
        <v>14060</v>
      </c>
      <c r="HY8" s="70">
        <v>3541</v>
      </c>
      <c r="HZ8" s="71">
        <v>4233</v>
      </c>
      <c r="IA8" s="72">
        <v>7774</v>
      </c>
      <c r="IB8" s="241"/>
      <c r="IC8" s="71">
        <v>3699</v>
      </c>
      <c r="ID8" s="71">
        <v>4535</v>
      </c>
      <c r="IE8" s="71">
        <v>2732</v>
      </c>
      <c r="IF8" s="71">
        <v>2443</v>
      </c>
      <c r="IG8" s="71">
        <v>1813</v>
      </c>
      <c r="IH8" s="72">
        <v>15222</v>
      </c>
      <c r="II8" s="73">
        <v>22996</v>
      </c>
      <c r="IJ8" s="70">
        <v>6378</v>
      </c>
      <c r="IK8" s="71">
        <v>7312</v>
      </c>
      <c r="IL8" s="72">
        <v>13690</v>
      </c>
      <c r="IM8" s="241"/>
      <c r="IN8" s="71">
        <v>7042</v>
      </c>
      <c r="IO8" s="71">
        <v>7714</v>
      </c>
      <c r="IP8" s="71">
        <v>4776</v>
      </c>
      <c r="IQ8" s="71">
        <v>4128</v>
      </c>
      <c r="IR8" s="71">
        <v>2790</v>
      </c>
      <c r="IS8" s="72">
        <v>26450</v>
      </c>
      <c r="IT8" s="73">
        <v>40140</v>
      </c>
      <c r="IU8" s="70">
        <v>6805</v>
      </c>
      <c r="IV8" s="71">
        <v>8217</v>
      </c>
      <c r="IW8" s="72">
        <v>15022</v>
      </c>
      <c r="IX8" s="241"/>
      <c r="IY8" s="71">
        <v>8821</v>
      </c>
      <c r="IZ8" s="71">
        <v>10044</v>
      </c>
      <c r="JA8" s="71">
        <v>6426</v>
      </c>
      <c r="JB8" s="71">
        <v>5833</v>
      </c>
      <c r="JC8" s="71">
        <v>3626</v>
      </c>
      <c r="JD8" s="72">
        <v>34750</v>
      </c>
      <c r="JE8" s="73">
        <v>49772</v>
      </c>
      <c r="JF8" s="70">
        <v>3496</v>
      </c>
      <c r="JG8" s="71">
        <v>5259</v>
      </c>
      <c r="JH8" s="72">
        <v>8755</v>
      </c>
      <c r="JI8" s="241"/>
      <c r="JJ8" s="71">
        <v>6614</v>
      </c>
      <c r="JK8" s="71">
        <v>9768</v>
      </c>
      <c r="JL8" s="71">
        <v>7755</v>
      </c>
      <c r="JM8" s="71">
        <v>7776</v>
      </c>
      <c r="JN8" s="71">
        <v>4772</v>
      </c>
      <c r="JO8" s="72">
        <v>36685</v>
      </c>
      <c r="JP8" s="73">
        <v>45440</v>
      </c>
      <c r="JQ8" s="70">
        <v>347</v>
      </c>
      <c r="JR8" s="71">
        <v>612</v>
      </c>
      <c r="JS8" s="72">
        <v>959</v>
      </c>
      <c r="JT8" s="241"/>
      <c r="JU8" s="71">
        <v>430</v>
      </c>
      <c r="JV8" s="71">
        <v>1039</v>
      </c>
      <c r="JW8" s="71">
        <v>647</v>
      </c>
      <c r="JX8" s="71">
        <v>586</v>
      </c>
      <c r="JY8" s="71">
        <v>571</v>
      </c>
      <c r="JZ8" s="72">
        <v>3273</v>
      </c>
      <c r="KA8" s="73">
        <v>4232</v>
      </c>
      <c r="KB8" s="70">
        <v>23038</v>
      </c>
      <c r="KC8" s="71">
        <v>29098</v>
      </c>
      <c r="KD8" s="72">
        <v>52136</v>
      </c>
      <c r="KE8" s="241"/>
      <c r="KF8" s="71">
        <v>29285</v>
      </c>
      <c r="KG8" s="71">
        <v>37271</v>
      </c>
      <c r="KH8" s="71">
        <v>24910</v>
      </c>
      <c r="KI8" s="71">
        <v>23053</v>
      </c>
      <c r="KJ8" s="71">
        <v>15473</v>
      </c>
      <c r="KK8" s="72">
        <v>129992</v>
      </c>
      <c r="KL8" s="73">
        <v>182128</v>
      </c>
    </row>
    <row r="9" spans="1:298" ht="19.5" customHeight="1" x14ac:dyDescent="0.2">
      <c r="A9" s="126" t="s">
        <v>6</v>
      </c>
      <c r="B9" s="316">
        <v>2662</v>
      </c>
      <c r="C9" s="82">
        <v>2310</v>
      </c>
      <c r="D9" s="83">
        <v>4972</v>
      </c>
      <c r="E9" s="241"/>
      <c r="F9" s="82">
        <v>4870</v>
      </c>
      <c r="G9" s="82">
        <v>3683</v>
      </c>
      <c r="H9" s="82">
        <v>2855</v>
      </c>
      <c r="I9" s="82">
        <v>2475</v>
      </c>
      <c r="J9" s="82">
        <v>1679</v>
      </c>
      <c r="K9" s="84">
        <v>15562</v>
      </c>
      <c r="L9" s="85">
        <v>20534</v>
      </c>
      <c r="M9" s="70">
        <v>126</v>
      </c>
      <c r="N9" s="71">
        <v>139</v>
      </c>
      <c r="O9" s="72">
        <v>265</v>
      </c>
      <c r="P9" s="241"/>
      <c r="Q9" s="71">
        <v>289</v>
      </c>
      <c r="R9" s="71">
        <v>238</v>
      </c>
      <c r="S9" s="71">
        <v>156</v>
      </c>
      <c r="T9" s="71">
        <v>152</v>
      </c>
      <c r="U9" s="71">
        <v>138</v>
      </c>
      <c r="V9" s="72">
        <v>973</v>
      </c>
      <c r="W9" s="73">
        <v>1238</v>
      </c>
      <c r="X9" s="70">
        <v>325</v>
      </c>
      <c r="Y9" s="71">
        <v>302</v>
      </c>
      <c r="Z9" s="72">
        <v>627</v>
      </c>
      <c r="AA9" s="241"/>
      <c r="AB9" s="71">
        <v>568</v>
      </c>
      <c r="AC9" s="71">
        <v>520</v>
      </c>
      <c r="AD9" s="71">
        <v>386</v>
      </c>
      <c r="AE9" s="71">
        <v>346</v>
      </c>
      <c r="AF9" s="71">
        <v>252</v>
      </c>
      <c r="AG9" s="72">
        <v>2072</v>
      </c>
      <c r="AH9" s="73">
        <v>2699</v>
      </c>
      <c r="AI9" s="70">
        <v>395</v>
      </c>
      <c r="AJ9" s="71">
        <v>422</v>
      </c>
      <c r="AK9" s="72">
        <v>817</v>
      </c>
      <c r="AL9" s="241"/>
      <c r="AM9" s="71">
        <v>789</v>
      </c>
      <c r="AN9" s="71">
        <v>620</v>
      </c>
      <c r="AO9" s="71">
        <v>464</v>
      </c>
      <c r="AP9" s="71">
        <v>409</v>
      </c>
      <c r="AQ9" s="71">
        <v>312</v>
      </c>
      <c r="AR9" s="72">
        <v>2594</v>
      </c>
      <c r="AS9" s="73">
        <v>3411</v>
      </c>
      <c r="AT9" s="70">
        <v>654</v>
      </c>
      <c r="AU9" s="71">
        <v>481</v>
      </c>
      <c r="AV9" s="72">
        <v>1135</v>
      </c>
      <c r="AW9" s="241"/>
      <c r="AX9" s="71">
        <v>1201</v>
      </c>
      <c r="AY9" s="71">
        <v>850</v>
      </c>
      <c r="AZ9" s="71">
        <v>696</v>
      </c>
      <c r="BA9" s="71">
        <v>552</v>
      </c>
      <c r="BB9" s="71">
        <v>339</v>
      </c>
      <c r="BC9" s="72">
        <v>3638</v>
      </c>
      <c r="BD9" s="73">
        <v>4773</v>
      </c>
      <c r="BE9" s="70">
        <v>716</v>
      </c>
      <c r="BF9" s="71">
        <v>618</v>
      </c>
      <c r="BG9" s="72">
        <v>1334</v>
      </c>
      <c r="BH9" s="241"/>
      <c r="BI9" s="71">
        <v>1202</v>
      </c>
      <c r="BJ9" s="71">
        <v>831</v>
      </c>
      <c r="BK9" s="71">
        <v>667</v>
      </c>
      <c r="BL9" s="71">
        <v>566</v>
      </c>
      <c r="BM9" s="71">
        <v>378</v>
      </c>
      <c r="BN9" s="72">
        <v>3644</v>
      </c>
      <c r="BO9" s="73">
        <v>4978</v>
      </c>
      <c r="BP9" s="70">
        <v>446</v>
      </c>
      <c r="BQ9" s="71">
        <v>348</v>
      </c>
      <c r="BR9" s="72">
        <v>794</v>
      </c>
      <c r="BS9" s="241"/>
      <c r="BT9" s="71">
        <v>821</v>
      </c>
      <c r="BU9" s="71">
        <v>624</v>
      </c>
      <c r="BV9" s="71">
        <v>486</v>
      </c>
      <c r="BW9" s="71">
        <v>450</v>
      </c>
      <c r="BX9" s="71">
        <v>260</v>
      </c>
      <c r="BY9" s="72">
        <v>2641</v>
      </c>
      <c r="BZ9" s="73">
        <v>3435</v>
      </c>
      <c r="CA9" s="70">
        <v>80</v>
      </c>
      <c r="CB9" s="71">
        <v>97</v>
      </c>
      <c r="CC9" s="72">
        <v>177</v>
      </c>
      <c r="CD9" s="241"/>
      <c r="CE9" s="71">
        <v>185</v>
      </c>
      <c r="CF9" s="71">
        <v>185</v>
      </c>
      <c r="CG9" s="71">
        <v>127</v>
      </c>
      <c r="CH9" s="71">
        <v>132</v>
      </c>
      <c r="CI9" s="71">
        <v>117</v>
      </c>
      <c r="CJ9" s="72">
        <v>746</v>
      </c>
      <c r="CK9" s="73">
        <v>923</v>
      </c>
      <c r="CL9" s="70">
        <v>2742</v>
      </c>
      <c r="CM9" s="71">
        <v>2407</v>
      </c>
      <c r="CN9" s="72">
        <v>5149</v>
      </c>
      <c r="CO9" s="241"/>
      <c r="CP9" s="71">
        <v>5055</v>
      </c>
      <c r="CQ9" s="71">
        <v>3868</v>
      </c>
      <c r="CR9" s="71">
        <v>2982</v>
      </c>
      <c r="CS9" s="71">
        <v>2607</v>
      </c>
      <c r="CT9" s="71">
        <v>1796</v>
      </c>
      <c r="CU9" s="72">
        <v>16308</v>
      </c>
      <c r="CV9" s="73">
        <v>21457</v>
      </c>
      <c r="CW9" s="123">
        <v>5130</v>
      </c>
      <c r="CX9" s="82">
        <v>5232</v>
      </c>
      <c r="CY9" s="83">
        <v>10362</v>
      </c>
      <c r="CZ9" s="241"/>
      <c r="DA9" s="82">
        <v>8777</v>
      </c>
      <c r="DB9" s="82">
        <v>6484</v>
      </c>
      <c r="DC9" s="82">
        <v>5219</v>
      </c>
      <c r="DD9" s="82">
        <v>5491</v>
      </c>
      <c r="DE9" s="82">
        <v>3592</v>
      </c>
      <c r="DF9" s="84">
        <v>29563</v>
      </c>
      <c r="DG9" s="85">
        <v>39925</v>
      </c>
      <c r="DH9" s="70">
        <v>133</v>
      </c>
      <c r="DI9" s="71">
        <v>105</v>
      </c>
      <c r="DJ9" s="72">
        <v>238</v>
      </c>
      <c r="DK9" s="241"/>
      <c r="DL9" s="71">
        <v>195</v>
      </c>
      <c r="DM9" s="71">
        <v>144</v>
      </c>
      <c r="DN9" s="71">
        <v>110</v>
      </c>
      <c r="DO9" s="71">
        <v>110</v>
      </c>
      <c r="DP9" s="71">
        <v>80</v>
      </c>
      <c r="DQ9" s="72">
        <v>639</v>
      </c>
      <c r="DR9" s="73">
        <v>877</v>
      </c>
      <c r="DS9" s="70">
        <v>360</v>
      </c>
      <c r="DT9" s="71">
        <v>389</v>
      </c>
      <c r="DU9" s="72">
        <v>749</v>
      </c>
      <c r="DV9" s="241"/>
      <c r="DW9" s="71">
        <v>530</v>
      </c>
      <c r="DX9" s="71">
        <v>386</v>
      </c>
      <c r="DY9" s="71">
        <v>261</v>
      </c>
      <c r="DZ9" s="71">
        <v>283</v>
      </c>
      <c r="EA9" s="71">
        <v>217</v>
      </c>
      <c r="EB9" s="72">
        <v>1677</v>
      </c>
      <c r="EC9" s="73">
        <v>2426</v>
      </c>
      <c r="ED9" s="70">
        <v>821</v>
      </c>
      <c r="EE9" s="71">
        <v>784</v>
      </c>
      <c r="EF9" s="72">
        <v>1605</v>
      </c>
      <c r="EG9" s="241"/>
      <c r="EH9" s="71">
        <v>1097</v>
      </c>
      <c r="EI9" s="71">
        <v>687</v>
      </c>
      <c r="EJ9" s="71">
        <v>490</v>
      </c>
      <c r="EK9" s="71">
        <v>514</v>
      </c>
      <c r="EL9" s="71">
        <v>338</v>
      </c>
      <c r="EM9" s="72">
        <v>3126</v>
      </c>
      <c r="EN9" s="73">
        <v>4731</v>
      </c>
      <c r="EO9" s="70">
        <v>1525</v>
      </c>
      <c r="EP9" s="71">
        <v>1398</v>
      </c>
      <c r="EQ9" s="72">
        <v>2923</v>
      </c>
      <c r="ER9" s="241"/>
      <c r="ES9" s="71">
        <v>2193</v>
      </c>
      <c r="ET9" s="71">
        <v>1366</v>
      </c>
      <c r="EU9" s="71">
        <v>966</v>
      </c>
      <c r="EV9" s="71">
        <v>902</v>
      </c>
      <c r="EW9" s="71">
        <v>612</v>
      </c>
      <c r="EX9" s="72">
        <v>6039</v>
      </c>
      <c r="EY9" s="73">
        <v>8962</v>
      </c>
      <c r="EZ9" s="70">
        <v>1523</v>
      </c>
      <c r="FA9" s="71">
        <v>1584</v>
      </c>
      <c r="FB9" s="72">
        <v>3107</v>
      </c>
      <c r="FC9" s="241"/>
      <c r="FD9" s="71">
        <v>2631</v>
      </c>
      <c r="FE9" s="71">
        <v>1853</v>
      </c>
      <c r="FF9" s="71">
        <v>1449</v>
      </c>
      <c r="FG9" s="71">
        <v>1449</v>
      </c>
      <c r="FH9" s="71">
        <v>1006</v>
      </c>
      <c r="FI9" s="72">
        <v>8388</v>
      </c>
      <c r="FJ9" s="73">
        <v>11495</v>
      </c>
      <c r="FK9" s="70">
        <v>768</v>
      </c>
      <c r="FL9" s="71">
        <v>972</v>
      </c>
      <c r="FM9" s="72">
        <v>1740</v>
      </c>
      <c r="FN9" s="241"/>
      <c r="FO9" s="71">
        <v>2131</v>
      </c>
      <c r="FP9" s="71">
        <v>2048</v>
      </c>
      <c r="FQ9" s="71">
        <v>1943</v>
      </c>
      <c r="FR9" s="71">
        <v>2233</v>
      </c>
      <c r="FS9" s="71">
        <v>1339</v>
      </c>
      <c r="FT9" s="72">
        <v>9694</v>
      </c>
      <c r="FU9" s="73">
        <v>11434</v>
      </c>
      <c r="FV9" s="70">
        <v>53</v>
      </c>
      <c r="FW9" s="71">
        <v>89</v>
      </c>
      <c r="FX9" s="72">
        <v>142</v>
      </c>
      <c r="FY9" s="241"/>
      <c r="FZ9" s="71">
        <v>133</v>
      </c>
      <c r="GA9" s="71">
        <v>118</v>
      </c>
      <c r="GB9" s="71">
        <v>103</v>
      </c>
      <c r="GC9" s="71">
        <v>105</v>
      </c>
      <c r="GD9" s="71">
        <v>89</v>
      </c>
      <c r="GE9" s="72">
        <v>548</v>
      </c>
      <c r="GF9" s="73">
        <v>690</v>
      </c>
      <c r="GG9" s="70">
        <v>5183</v>
      </c>
      <c r="GH9" s="71">
        <v>5321</v>
      </c>
      <c r="GI9" s="72">
        <v>10504</v>
      </c>
      <c r="GJ9" s="241"/>
      <c r="GK9" s="71">
        <v>8910</v>
      </c>
      <c r="GL9" s="71">
        <v>6602</v>
      </c>
      <c r="GM9" s="71">
        <v>5322</v>
      </c>
      <c r="GN9" s="71">
        <v>5596</v>
      </c>
      <c r="GO9" s="71">
        <v>3681</v>
      </c>
      <c r="GP9" s="72">
        <v>30111</v>
      </c>
      <c r="GQ9" s="73">
        <v>40615</v>
      </c>
      <c r="GR9" s="123">
        <v>7792</v>
      </c>
      <c r="GS9" s="82">
        <v>7542</v>
      </c>
      <c r="GT9" s="83">
        <v>15334</v>
      </c>
      <c r="GU9" s="241"/>
      <c r="GV9" s="82">
        <v>13647</v>
      </c>
      <c r="GW9" s="82">
        <v>10167</v>
      </c>
      <c r="GX9" s="82">
        <v>8074</v>
      </c>
      <c r="GY9" s="82">
        <v>7966</v>
      </c>
      <c r="GZ9" s="82">
        <v>5271</v>
      </c>
      <c r="HA9" s="84">
        <v>45125</v>
      </c>
      <c r="HB9" s="85">
        <v>60459</v>
      </c>
      <c r="HC9" s="70">
        <v>259</v>
      </c>
      <c r="HD9" s="71">
        <v>244</v>
      </c>
      <c r="HE9" s="72">
        <v>503</v>
      </c>
      <c r="HF9" s="241"/>
      <c r="HG9" s="71">
        <v>484</v>
      </c>
      <c r="HH9" s="71">
        <v>382</v>
      </c>
      <c r="HI9" s="71">
        <v>266</v>
      </c>
      <c r="HJ9" s="71">
        <v>262</v>
      </c>
      <c r="HK9" s="71">
        <v>218</v>
      </c>
      <c r="HL9" s="72">
        <v>1612</v>
      </c>
      <c r="HM9" s="73">
        <v>2115</v>
      </c>
      <c r="HN9" s="70">
        <v>685</v>
      </c>
      <c r="HO9" s="71">
        <v>691</v>
      </c>
      <c r="HP9" s="72">
        <v>1376</v>
      </c>
      <c r="HQ9" s="241"/>
      <c r="HR9" s="71">
        <v>1098</v>
      </c>
      <c r="HS9" s="71">
        <v>906</v>
      </c>
      <c r="HT9" s="71">
        <v>647</v>
      </c>
      <c r="HU9" s="71">
        <v>629</v>
      </c>
      <c r="HV9" s="71">
        <v>469</v>
      </c>
      <c r="HW9" s="72">
        <v>3749</v>
      </c>
      <c r="HX9" s="73">
        <v>5125</v>
      </c>
      <c r="HY9" s="70">
        <v>1216</v>
      </c>
      <c r="HZ9" s="71">
        <v>1206</v>
      </c>
      <c r="IA9" s="72">
        <v>2422</v>
      </c>
      <c r="IB9" s="241"/>
      <c r="IC9" s="71">
        <v>1886</v>
      </c>
      <c r="ID9" s="71">
        <v>1307</v>
      </c>
      <c r="IE9" s="71">
        <v>954</v>
      </c>
      <c r="IF9" s="71">
        <v>923</v>
      </c>
      <c r="IG9" s="71">
        <v>650</v>
      </c>
      <c r="IH9" s="72">
        <v>5720</v>
      </c>
      <c r="II9" s="73">
        <v>8142</v>
      </c>
      <c r="IJ9" s="70">
        <v>2179</v>
      </c>
      <c r="IK9" s="71">
        <v>1879</v>
      </c>
      <c r="IL9" s="72">
        <v>4058</v>
      </c>
      <c r="IM9" s="241"/>
      <c r="IN9" s="71">
        <v>3394</v>
      </c>
      <c r="IO9" s="71">
        <v>2216</v>
      </c>
      <c r="IP9" s="71">
        <v>1662</v>
      </c>
      <c r="IQ9" s="71">
        <v>1454</v>
      </c>
      <c r="IR9" s="71">
        <v>951</v>
      </c>
      <c r="IS9" s="72">
        <v>9677</v>
      </c>
      <c r="IT9" s="73">
        <v>13735</v>
      </c>
      <c r="IU9" s="70">
        <v>2239</v>
      </c>
      <c r="IV9" s="71">
        <v>2202</v>
      </c>
      <c r="IW9" s="72">
        <v>4441</v>
      </c>
      <c r="IX9" s="241"/>
      <c r="IY9" s="71">
        <v>3833</v>
      </c>
      <c r="IZ9" s="71">
        <v>2684</v>
      </c>
      <c r="JA9" s="71">
        <v>2116</v>
      </c>
      <c r="JB9" s="71">
        <v>2015</v>
      </c>
      <c r="JC9" s="71">
        <v>1384</v>
      </c>
      <c r="JD9" s="72">
        <v>12032</v>
      </c>
      <c r="JE9" s="73">
        <v>16473</v>
      </c>
      <c r="JF9" s="70">
        <v>1214</v>
      </c>
      <c r="JG9" s="71">
        <v>1320</v>
      </c>
      <c r="JH9" s="72">
        <v>2534</v>
      </c>
      <c r="JI9" s="241"/>
      <c r="JJ9" s="71">
        <v>2952</v>
      </c>
      <c r="JK9" s="71">
        <v>2672</v>
      </c>
      <c r="JL9" s="71">
        <v>2429</v>
      </c>
      <c r="JM9" s="71">
        <v>2683</v>
      </c>
      <c r="JN9" s="71">
        <v>1599</v>
      </c>
      <c r="JO9" s="72">
        <v>12335</v>
      </c>
      <c r="JP9" s="73">
        <v>14869</v>
      </c>
      <c r="JQ9" s="70">
        <v>133</v>
      </c>
      <c r="JR9" s="71">
        <v>186</v>
      </c>
      <c r="JS9" s="72">
        <v>319</v>
      </c>
      <c r="JT9" s="241"/>
      <c r="JU9" s="71">
        <v>318</v>
      </c>
      <c r="JV9" s="71">
        <v>303</v>
      </c>
      <c r="JW9" s="71">
        <v>230</v>
      </c>
      <c r="JX9" s="71">
        <v>237</v>
      </c>
      <c r="JY9" s="71">
        <v>206</v>
      </c>
      <c r="JZ9" s="72">
        <v>1294</v>
      </c>
      <c r="KA9" s="73">
        <v>1613</v>
      </c>
      <c r="KB9" s="70">
        <v>7925</v>
      </c>
      <c r="KC9" s="71">
        <v>7728</v>
      </c>
      <c r="KD9" s="72">
        <v>15653</v>
      </c>
      <c r="KE9" s="241"/>
      <c r="KF9" s="71">
        <v>13965</v>
      </c>
      <c r="KG9" s="71">
        <v>10470</v>
      </c>
      <c r="KH9" s="71">
        <v>8304</v>
      </c>
      <c r="KI9" s="71">
        <v>8203</v>
      </c>
      <c r="KJ9" s="71">
        <v>5477</v>
      </c>
      <c r="KK9" s="72">
        <v>46419</v>
      </c>
      <c r="KL9" s="73">
        <v>62072</v>
      </c>
    </row>
    <row r="10" spans="1:298" ht="19.5" customHeight="1" x14ac:dyDescent="0.2">
      <c r="A10" s="126" t="s">
        <v>14</v>
      </c>
      <c r="B10" s="316">
        <v>1495</v>
      </c>
      <c r="C10" s="82">
        <v>1824</v>
      </c>
      <c r="D10" s="83">
        <v>3319</v>
      </c>
      <c r="E10" s="241"/>
      <c r="F10" s="82">
        <v>2239</v>
      </c>
      <c r="G10" s="82">
        <v>2372</v>
      </c>
      <c r="H10" s="82">
        <v>1864</v>
      </c>
      <c r="I10" s="82">
        <v>1419</v>
      </c>
      <c r="J10" s="82">
        <v>926</v>
      </c>
      <c r="K10" s="84">
        <v>8820</v>
      </c>
      <c r="L10" s="85">
        <v>12139</v>
      </c>
      <c r="M10" s="70">
        <v>79</v>
      </c>
      <c r="N10" s="71">
        <v>92</v>
      </c>
      <c r="O10" s="72">
        <v>171</v>
      </c>
      <c r="P10" s="241"/>
      <c r="Q10" s="71">
        <v>107</v>
      </c>
      <c r="R10" s="71">
        <v>124</v>
      </c>
      <c r="S10" s="71">
        <v>106</v>
      </c>
      <c r="T10" s="71">
        <v>87</v>
      </c>
      <c r="U10" s="71">
        <v>74</v>
      </c>
      <c r="V10" s="72">
        <v>498</v>
      </c>
      <c r="W10" s="73">
        <v>669</v>
      </c>
      <c r="X10" s="70">
        <v>180</v>
      </c>
      <c r="Y10" s="71">
        <v>258</v>
      </c>
      <c r="Z10" s="72">
        <v>438</v>
      </c>
      <c r="AA10" s="241"/>
      <c r="AB10" s="71">
        <v>219</v>
      </c>
      <c r="AC10" s="71">
        <v>279</v>
      </c>
      <c r="AD10" s="71">
        <v>241</v>
      </c>
      <c r="AE10" s="71">
        <v>182</v>
      </c>
      <c r="AF10" s="71">
        <v>121</v>
      </c>
      <c r="AG10" s="72">
        <v>1042</v>
      </c>
      <c r="AH10" s="73">
        <v>1480</v>
      </c>
      <c r="AI10" s="70">
        <v>249</v>
      </c>
      <c r="AJ10" s="71">
        <v>343</v>
      </c>
      <c r="AK10" s="72">
        <v>592</v>
      </c>
      <c r="AL10" s="241"/>
      <c r="AM10" s="71">
        <v>382</v>
      </c>
      <c r="AN10" s="71">
        <v>383</v>
      </c>
      <c r="AO10" s="71">
        <v>310</v>
      </c>
      <c r="AP10" s="71">
        <v>231</v>
      </c>
      <c r="AQ10" s="71">
        <v>191</v>
      </c>
      <c r="AR10" s="72">
        <v>1497</v>
      </c>
      <c r="AS10" s="73">
        <v>2089</v>
      </c>
      <c r="AT10" s="70">
        <v>410</v>
      </c>
      <c r="AU10" s="71">
        <v>489</v>
      </c>
      <c r="AV10" s="72">
        <v>899</v>
      </c>
      <c r="AW10" s="241"/>
      <c r="AX10" s="71">
        <v>620</v>
      </c>
      <c r="AY10" s="71">
        <v>578</v>
      </c>
      <c r="AZ10" s="71">
        <v>487</v>
      </c>
      <c r="BA10" s="71">
        <v>366</v>
      </c>
      <c r="BB10" s="71">
        <v>233</v>
      </c>
      <c r="BC10" s="72">
        <v>2284</v>
      </c>
      <c r="BD10" s="73">
        <v>3183</v>
      </c>
      <c r="BE10" s="70">
        <v>374</v>
      </c>
      <c r="BF10" s="71">
        <v>395</v>
      </c>
      <c r="BG10" s="72">
        <v>769</v>
      </c>
      <c r="BH10" s="241"/>
      <c r="BI10" s="71">
        <v>546</v>
      </c>
      <c r="BJ10" s="71">
        <v>647</v>
      </c>
      <c r="BK10" s="71">
        <v>435</v>
      </c>
      <c r="BL10" s="71">
        <v>318</v>
      </c>
      <c r="BM10" s="71">
        <v>180</v>
      </c>
      <c r="BN10" s="72">
        <v>2126</v>
      </c>
      <c r="BO10" s="73">
        <v>2895</v>
      </c>
      <c r="BP10" s="70">
        <v>203</v>
      </c>
      <c r="BQ10" s="71">
        <v>247</v>
      </c>
      <c r="BR10" s="72">
        <v>450</v>
      </c>
      <c r="BS10" s="241"/>
      <c r="BT10" s="71">
        <v>365</v>
      </c>
      <c r="BU10" s="71">
        <v>361</v>
      </c>
      <c r="BV10" s="71">
        <v>285</v>
      </c>
      <c r="BW10" s="71">
        <v>235</v>
      </c>
      <c r="BX10" s="71">
        <v>127</v>
      </c>
      <c r="BY10" s="72">
        <v>1373</v>
      </c>
      <c r="BZ10" s="73">
        <v>1823</v>
      </c>
      <c r="CA10" s="70">
        <v>42</v>
      </c>
      <c r="CB10" s="71">
        <v>80</v>
      </c>
      <c r="CC10" s="72">
        <v>122</v>
      </c>
      <c r="CD10" s="241"/>
      <c r="CE10" s="71">
        <v>44</v>
      </c>
      <c r="CF10" s="71">
        <v>98</v>
      </c>
      <c r="CG10" s="71">
        <v>56</v>
      </c>
      <c r="CH10" s="71">
        <v>65</v>
      </c>
      <c r="CI10" s="71">
        <v>51</v>
      </c>
      <c r="CJ10" s="72">
        <v>314</v>
      </c>
      <c r="CK10" s="73">
        <v>436</v>
      </c>
      <c r="CL10" s="70">
        <v>1537</v>
      </c>
      <c r="CM10" s="71">
        <v>1904</v>
      </c>
      <c r="CN10" s="72">
        <v>3441</v>
      </c>
      <c r="CO10" s="241"/>
      <c r="CP10" s="71">
        <v>2283</v>
      </c>
      <c r="CQ10" s="71">
        <v>2470</v>
      </c>
      <c r="CR10" s="71">
        <v>1920</v>
      </c>
      <c r="CS10" s="71">
        <v>1484</v>
      </c>
      <c r="CT10" s="71">
        <v>977</v>
      </c>
      <c r="CU10" s="72">
        <v>9134</v>
      </c>
      <c r="CV10" s="73">
        <v>12575</v>
      </c>
      <c r="CW10" s="123">
        <v>2837</v>
      </c>
      <c r="CX10" s="82">
        <v>3982</v>
      </c>
      <c r="CY10" s="83">
        <v>6819</v>
      </c>
      <c r="CZ10" s="241"/>
      <c r="DA10" s="82">
        <v>3675</v>
      </c>
      <c r="DB10" s="82">
        <v>3846</v>
      </c>
      <c r="DC10" s="82">
        <v>2964</v>
      </c>
      <c r="DD10" s="82">
        <v>3070</v>
      </c>
      <c r="DE10" s="82">
        <v>1875</v>
      </c>
      <c r="DF10" s="84">
        <v>15430</v>
      </c>
      <c r="DG10" s="85">
        <v>22249</v>
      </c>
      <c r="DH10" s="70">
        <v>74</v>
      </c>
      <c r="DI10" s="71">
        <v>100</v>
      </c>
      <c r="DJ10" s="72">
        <v>174</v>
      </c>
      <c r="DK10" s="241"/>
      <c r="DL10" s="71">
        <v>64</v>
      </c>
      <c r="DM10" s="71">
        <v>90</v>
      </c>
      <c r="DN10" s="71">
        <v>73</v>
      </c>
      <c r="DO10" s="71">
        <v>68</v>
      </c>
      <c r="DP10" s="71">
        <v>44</v>
      </c>
      <c r="DQ10" s="72">
        <v>339</v>
      </c>
      <c r="DR10" s="73">
        <v>513</v>
      </c>
      <c r="DS10" s="70">
        <v>286</v>
      </c>
      <c r="DT10" s="71">
        <v>356</v>
      </c>
      <c r="DU10" s="72">
        <v>642</v>
      </c>
      <c r="DV10" s="241"/>
      <c r="DW10" s="71">
        <v>233</v>
      </c>
      <c r="DX10" s="71">
        <v>303</v>
      </c>
      <c r="DY10" s="71">
        <v>166</v>
      </c>
      <c r="DZ10" s="71">
        <v>160</v>
      </c>
      <c r="EA10" s="71">
        <v>144</v>
      </c>
      <c r="EB10" s="72">
        <v>1006</v>
      </c>
      <c r="EC10" s="73">
        <v>1648</v>
      </c>
      <c r="ED10" s="70">
        <v>533</v>
      </c>
      <c r="EE10" s="71">
        <v>666</v>
      </c>
      <c r="EF10" s="72">
        <v>1199</v>
      </c>
      <c r="EG10" s="241"/>
      <c r="EH10" s="71">
        <v>537</v>
      </c>
      <c r="EI10" s="71">
        <v>526</v>
      </c>
      <c r="EJ10" s="71">
        <v>329</v>
      </c>
      <c r="EK10" s="71">
        <v>342</v>
      </c>
      <c r="EL10" s="71">
        <v>248</v>
      </c>
      <c r="EM10" s="72">
        <v>1982</v>
      </c>
      <c r="EN10" s="73">
        <v>3181</v>
      </c>
      <c r="EO10" s="70">
        <v>840</v>
      </c>
      <c r="EP10" s="71">
        <v>1165</v>
      </c>
      <c r="EQ10" s="72">
        <v>2005</v>
      </c>
      <c r="ER10" s="241"/>
      <c r="ES10" s="71">
        <v>971</v>
      </c>
      <c r="ET10" s="71">
        <v>870</v>
      </c>
      <c r="EU10" s="71">
        <v>601</v>
      </c>
      <c r="EV10" s="71">
        <v>542</v>
      </c>
      <c r="EW10" s="71">
        <v>365</v>
      </c>
      <c r="EX10" s="72">
        <v>3349</v>
      </c>
      <c r="EY10" s="73">
        <v>5354</v>
      </c>
      <c r="EZ10" s="70">
        <v>734</v>
      </c>
      <c r="FA10" s="71">
        <v>1081</v>
      </c>
      <c r="FB10" s="72">
        <v>1815</v>
      </c>
      <c r="FC10" s="241"/>
      <c r="FD10" s="71">
        <v>1085</v>
      </c>
      <c r="FE10" s="71">
        <v>1007</v>
      </c>
      <c r="FF10" s="71">
        <v>761</v>
      </c>
      <c r="FG10" s="71">
        <v>808</v>
      </c>
      <c r="FH10" s="71">
        <v>454</v>
      </c>
      <c r="FI10" s="72">
        <v>4115</v>
      </c>
      <c r="FJ10" s="73">
        <v>5930</v>
      </c>
      <c r="FK10" s="70">
        <v>370</v>
      </c>
      <c r="FL10" s="71">
        <v>614</v>
      </c>
      <c r="FM10" s="72">
        <v>984</v>
      </c>
      <c r="FN10" s="241"/>
      <c r="FO10" s="71">
        <v>785</v>
      </c>
      <c r="FP10" s="71">
        <v>1050</v>
      </c>
      <c r="FQ10" s="71">
        <v>1034</v>
      </c>
      <c r="FR10" s="71">
        <v>1150</v>
      </c>
      <c r="FS10" s="71">
        <v>620</v>
      </c>
      <c r="FT10" s="72">
        <v>4639</v>
      </c>
      <c r="FU10" s="73">
        <v>5623</v>
      </c>
      <c r="FV10" s="70">
        <v>22</v>
      </c>
      <c r="FW10" s="71">
        <v>75</v>
      </c>
      <c r="FX10" s="72">
        <v>97</v>
      </c>
      <c r="FY10" s="241"/>
      <c r="FZ10" s="71">
        <v>41</v>
      </c>
      <c r="GA10" s="71">
        <v>76</v>
      </c>
      <c r="GB10" s="71">
        <v>42</v>
      </c>
      <c r="GC10" s="71">
        <v>50</v>
      </c>
      <c r="GD10" s="71">
        <v>50</v>
      </c>
      <c r="GE10" s="72">
        <v>259</v>
      </c>
      <c r="GF10" s="73">
        <v>356</v>
      </c>
      <c r="GG10" s="70">
        <v>2859</v>
      </c>
      <c r="GH10" s="71">
        <v>4057</v>
      </c>
      <c r="GI10" s="72">
        <v>6916</v>
      </c>
      <c r="GJ10" s="241"/>
      <c r="GK10" s="71">
        <v>3716</v>
      </c>
      <c r="GL10" s="71">
        <v>3922</v>
      </c>
      <c r="GM10" s="71">
        <v>3006</v>
      </c>
      <c r="GN10" s="71">
        <v>3120</v>
      </c>
      <c r="GO10" s="71">
        <v>1925</v>
      </c>
      <c r="GP10" s="72">
        <v>15689</v>
      </c>
      <c r="GQ10" s="73">
        <v>22605</v>
      </c>
      <c r="GR10" s="123">
        <v>4332</v>
      </c>
      <c r="GS10" s="82">
        <v>5806</v>
      </c>
      <c r="GT10" s="83">
        <v>10138</v>
      </c>
      <c r="GU10" s="241"/>
      <c r="GV10" s="82">
        <v>5914</v>
      </c>
      <c r="GW10" s="82">
        <v>6218</v>
      </c>
      <c r="GX10" s="82">
        <v>4828</v>
      </c>
      <c r="GY10" s="82">
        <v>4489</v>
      </c>
      <c r="GZ10" s="82">
        <v>2801</v>
      </c>
      <c r="HA10" s="84">
        <v>24250</v>
      </c>
      <c r="HB10" s="85">
        <v>34388</v>
      </c>
      <c r="HC10" s="70">
        <v>153</v>
      </c>
      <c r="HD10" s="71">
        <v>192</v>
      </c>
      <c r="HE10" s="72">
        <v>345</v>
      </c>
      <c r="HF10" s="241"/>
      <c r="HG10" s="71">
        <v>171</v>
      </c>
      <c r="HH10" s="71">
        <v>214</v>
      </c>
      <c r="HI10" s="71">
        <v>179</v>
      </c>
      <c r="HJ10" s="71">
        <v>155</v>
      </c>
      <c r="HK10" s="71">
        <v>118</v>
      </c>
      <c r="HL10" s="72">
        <v>837</v>
      </c>
      <c r="HM10" s="73">
        <v>1182</v>
      </c>
      <c r="HN10" s="70">
        <v>466</v>
      </c>
      <c r="HO10" s="71">
        <v>614</v>
      </c>
      <c r="HP10" s="72">
        <v>1080</v>
      </c>
      <c r="HQ10" s="241"/>
      <c r="HR10" s="71">
        <v>452</v>
      </c>
      <c r="HS10" s="71">
        <v>582</v>
      </c>
      <c r="HT10" s="71">
        <v>407</v>
      </c>
      <c r="HU10" s="71">
        <v>342</v>
      </c>
      <c r="HV10" s="71">
        <v>265</v>
      </c>
      <c r="HW10" s="72">
        <v>2048</v>
      </c>
      <c r="HX10" s="73">
        <v>3128</v>
      </c>
      <c r="HY10" s="70">
        <v>782</v>
      </c>
      <c r="HZ10" s="71">
        <v>1009</v>
      </c>
      <c r="IA10" s="72">
        <v>1791</v>
      </c>
      <c r="IB10" s="241"/>
      <c r="IC10" s="71">
        <v>919</v>
      </c>
      <c r="ID10" s="71">
        <v>909</v>
      </c>
      <c r="IE10" s="71">
        <v>639</v>
      </c>
      <c r="IF10" s="71">
        <v>573</v>
      </c>
      <c r="IG10" s="71">
        <v>439</v>
      </c>
      <c r="IH10" s="72">
        <v>3479</v>
      </c>
      <c r="II10" s="73">
        <v>5270</v>
      </c>
      <c r="IJ10" s="70">
        <v>1250</v>
      </c>
      <c r="IK10" s="71">
        <v>1654</v>
      </c>
      <c r="IL10" s="72">
        <v>2904</v>
      </c>
      <c r="IM10" s="241"/>
      <c r="IN10" s="71">
        <v>1591</v>
      </c>
      <c r="IO10" s="71">
        <v>1448</v>
      </c>
      <c r="IP10" s="71">
        <v>1088</v>
      </c>
      <c r="IQ10" s="71">
        <v>908</v>
      </c>
      <c r="IR10" s="71">
        <v>598</v>
      </c>
      <c r="IS10" s="72">
        <v>5633</v>
      </c>
      <c r="IT10" s="73">
        <v>8537</v>
      </c>
      <c r="IU10" s="70">
        <v>1108</v>
      </c>
      <c r="IV10" s="71">
        <v>1476</v>
      </c>
      <c r="IW10" s="72">
        <v>2584</v>
      </c>
      <c r="IX10" s="241"/>
      <c r="IY10" s="71">
        <v>1631</v>
      </c>
      <c r="IZ10" s="71">
        <v>1654</v>
      </c>
      <c r="JA10" s="71">
        <v>1196</v>
      </c>
      <c r="JB10" s="71">
        <v>1126</v>
      </c>
      <c r="JC10" s="71">
        <v>634</v>
      </c>
      <c r="JD10" s="72">
        <v>6241</v>
      </c>
      <c r="JE10" s="73">
        <v>8825</v>
      </c>
      <c r="JF10" s="70">
        <v>573</v>
      </c>
      <c r="JG10" s="71">
        <v>861</v>
      </c>
      <c r="JH10" s="72">
        <v>1434</v>
      </c>
      <c r="JI10" s="241"/>
      <c r="JJ10" s="71">
        <v>1150</v>
      </c>
      <c r="JK10" s="71">
        <v>1411</v>
      </c>
      <c r="JL10" s="71">
        <v>1319</v>
      </c>
      <c r="JM10" s="71">
        <v>1385</v>
      </c>
      <c r="JN10" s="71">
        <v>747</v>
      </c>
      <c r="JO10" s="72">
        <v>6012</v>
      </c>
      <c r="JP10" s="73">
        <v>7446</v>
      </c>
      <c r="JQ10" s="70">
        <v>64</v>
      </c>
      <c r="JR10" s="71">
        <v>155</v>
      </c>
      <c r="JS10" s="72">
        <v>219</v>
      </c>
      <c r="JT10" s="241"/>
      <c r="JU10" s="71">
        <v>85</v>
      </c>
      <c r="JV10" s="71">
        <v>174</v>
      </c>
      <c r="JW10" s="71">
        <v>98</v>
      </c>
      <c r="JX10" s="71">
        <v>115</v>
      </c>
      <c r="JY10" s="71">
        <v>101</v>
      </c>
      <c r="JZ10" s="72">
        <v>573</v>
      </c>
      <c r="KA10" s="73">
        <v>792</v>
      </c>
      <c r="KB10" s="70">
        <v>4396</v>
      </c>
      <c r="KC10" s="71">
        <v>5961</v>
      </c>
      <c r="KD10" s="72">
        <v>10357</v>
      </c>
      <c r="KE10" s="241"/>
      <c r="KF10" s="71">
        <v>5999</v>
      </c>
      <c r="KG10" s="71">
        <v>6392</v>
      </c>
      <c r="KH10" s="71">
        <v>4926</v>
      </c>
      <c r="KI10" s="71">
        <v>4604</v>
      </c>
      <c r="KJ10" s="71">
        <v>2902</v>
      </c>
      <c r="KK10" s="72">
        <v>24823</v>
      </c>
      <c r="KL10" s="73">
        <v>35180</v>
      </c>
    </row>
    <row r="11" spans="1:298" ht="19.5" customHeight="1" x14ac:dyDescent="0.2">
      <c r="A11" s="126" t="s">
        <v>7</v>
      </c>
      <c r="B11" s="316">
        <v>968</v>
      </c>
      <c r="C11" s="82">
        <v>714</v>
      </c>
      <c r="D11" s="83">
        <v>1682</v>
      </c>
      <c r="E11" s="241"/>
      <c r="F11" s="82">
        <v>2278</v>
      </c>
      <c r="G11" s="82">
        <v>1539</v>
      </c>
      <c r="H11" s="82">
        <v>980</v>
      </c>
      <c r="I11" s="82">
        <v>841</v>
      </c>
      <c r="J11" s="82">
        <v>479</v>
      </c>
      <c r="K11" s="84">
        <v>6117</v>
      </c>
      <c r="L11" s="85">
        <v>7799</v>
      </c>
      <c r="M11" s="70">
        <v>32</v>
      </c>
      <c r="N11" s="71">
        <v>29</v>
      </c>
      <c r="O11" s="72">
        <v>61</v>
      </c>
      <c r="P11" s="241"/>
      <c r="Q11" s="71">
        <v>85</v>
      </c>
      <c r="R11" s="71">
        <v>80</v>
      </c>
      <c r="S11" s="71">
        <v>51</v>
      </c>
      <c r="T11" s="71">
        <v>52</v>
      </c>
      <c r="U11" s="71">
        <v>32</v>
      </c>
      <c r="V11" s="72">
        <v>300</v>
      </c>
      <c r="W11" s="73">
        <v>361</v>
      </c>
      <c r="X11" s="70">
        <v>100</v>
      </c>
      <c r="Y11" s="71">
        <v>79</v>
      </c>
      <c r="Z11" s="72">
        <v>179</v>
      </c>
      <c r="AA11" s="241"/>
      <c r="AB11" s="71">
        <v>253</v>
      </c>
      <c r="AC11" s="71">
        <v>193</v>
      </c>
      <c r="AD11" s="71">
        <v>122</v>
      </c>
      <c r="AE11" s="71">
        <v>87</v>
      </c>
      <c r="AF11" s="71">
        <v>69</v>
      </c>
      <c r="AG11" s="72">
        <v>724</v>
      </c>
      <c r="AH11" s="73">
        <v>903</v>
      </c>
      <c r="AI11" s="70">
        <v>162</v>
      </c>
      <c r="AJ11" s="71">
        <v>113</v>
      </c>
      <c r="AK11" s="72">
        <v>275</v>
      </c>
      <c r="AL11" s="241"/>
      <c r="AM11" s="71">
        <v>394</v>
      </c>
      <c r="AN11" s="71">
        <v>243</v>
      </c>
      <c r="AO11" s="71">
        <v>149</v>
      </c>
      <c r="AP11" s="71">
        <v>134</v>
      </c>
      <c r="AQ11" s="71">
        <v>76</v>
      </c>
      <c r="AR11" s="72">
        <v>996</v>
      </c>
      <c r="AS11" s="73">
        <v>1271</v>
      </c>
      <c r="AT11" s="70">
        <v>255</v>
      </c>
      <c r="AU11" s="71">
        <v>186</v>
      </c>
      <c r="AV11" s="72">
        <v>441</v>
      </c>
      <c r="AW11" s="241"/>
      <c r="AX11" s="71">
        <v>536</v>
      </c>
      <c r="AY11" s="71">
        <v>389</v>
      </c>
      <c r="AZ11" s="71">
        <v>235</v>
      </c>
      <c r="BA11" s="71">
        <v>179</v>
      </c>
      <c r="BB11" s="71">
        <v>112</v>
      </c>
      <c r="BC11" s="72">
        <v>1451</v>
      </c>
      <c r="BD11" s="73">
        <v>1892</v>
      </c>
      <c r="BE11" s="70">
        <v>272</v>
      </c>
      <c r="BF11" s="71">
        <v>199</v>
      </c>
      <c r="BG11" s="72">
        <v>471</v>
      </c>
      <c r="BH11" s="241"/>
      <c r="BI11" s="71">
        <v>597</v>
      </c>
      <c r="BJ11" s="71">
        <v>355</v>
      </c>
      <c r="BK11" s="71">
        <v>249</v>
      </c>
      <c r="BL11" s="71">
        <v>203</v>
      </c>
      <c r="BM11" s="71">
        <v>124</v>
      </c>
      <c r="BN11" s="72">
        <v>1528</v>
      </c>
      <c r="BO11" s="73">
        <v>1999</v>
      </c>
      <c r="BP11" s="70">
        <v>147</v>
      </c>
      <c r="BQ11" s="71">
        <v>108</v>
      </c>
      <c r="BR11" s="72">
        <v>255</v>
      </c>
      <c r="BS11" s="241"/>
      <c r="BT11" s="71">
        <v>413</v>
      </c>
      <c r="BU11" s="71">
        <v>279</v>
      </c>
      <c r="BV11" s="71">
        <v>174</v>
      </c>
      <c r="BW11" s="71">
        <v>186</v>
      </c>
      <c r="BX11" s="71">
        <v>66</v>
      </c>
      <c r="BY11" s="72">
        <v>1118</v>
      </c>
      <c r="BZ11" s="73">
        <v>1373</v>
      </c>
      <c r="CA11" s="70">
        <v>13</v>
      </c>
      <c r="CB11" s="71">
        <v>16</v>
      </c>
      <c r="CC11" s="72">
        <v>29</v>
      </c>
      <c r="CD11" s="241"/>
      <c r="CE11" s="71">
        <v>65</v>
      </c>
      <c r="CF11" s="71">
        <v>62</v>
      </c>
      <c r="CG11" s="71">
        <v>40</v>
      </c>
      <c r="CH11" s="71">
        <v>28</v>
      </c>
      <c r="CI11" s="71">
        <v>27</v>
      </c>
      <c r="CJ11" s="72">
        <v>222</v>
      </c>
      <c r="CK11" s="73">
        <v>251</v>
      </c>
      <c r="CL11" s="70">
        <v>981</v>
      </c>
      <c r="CM11" s="71">
        <v>730</v>
      </c>
      <c r="CN11" s="72">
        <v>1711</v>
      </c>
      <c r="CO11" s="241"/>
      <c r="CP11" s="71">
        <v>2343</v>
      </c>
      <c r="CQ11" s="71">
        <v>1601</v>
      </c>
      <c r="CR11" s="71">
        <v>1020</v>
      </c>
      <c r="CS11" s="71">
        <v>869</v>
      </c>
      <c r="CT11" s="71">
        <v>506</v>
      </c>
      <c r="CU11" s="72">
        <v>6339</v>
      </c>
      <c r="CV11" s="73">
        <v>8050</v>
      </c>
      <c r="CW11" s="123">
        <v>1753</v>
      </c>
      <c r="CX11" s="82">
        <v>1923</v>
      </c>
      <c r="CY11" s="83">
        <v>3676</v>
      </c>
      <c r="CZ11" s="241"/>
      <c r="DA11" s="82">
        <v>4321</v>
      </c>
      <c r="DB11" s="82">
        <v>2606</v>
      </c>
      <c r="DC11" s="82">
        <v>1983</v>
      </c>
      <c r="DD11" s="82">
        <v>2052</v>
      </c>
      <c r="DE11" s="82">
        <v>1177</v>
      </c>
      <c r="DF11" s="84">
        <v>12139</v>
      </c>
      <c r="DG11" s="85">
        <v>15815</v>
      </c>
      <c r="DH11" s="70">
        <v>42</v>
      </c>
      <c r="DI11" s="71">
        <v>37</v>
      </c>
      <c r="DJ11" s="72">
        <v>79</v>
      </c>
      <c r="DK11" s="241"/>
      <c r="DL11" s="71">
        <v>91</v>
      </c>
      <c r="DM11" s="71">
        <v>46</v>
      </c>
      <c r="DN11" s="71">
        <v>34</v>
      </c>
      <c r="DO11" s="71">
        <v>45</v>
      </c>
      <c r="DP11" s="71">
        <v>32</v>
      </c>
      <c r="DQ11" s="72">
        <v>248</v>
      </c>
      <c r="DR11" s="73">
        <v>327</v>
      </c>
      <c r="DS11" s="70">
        <v>125</v>
      </c>
      <c r="DT11" s="71">
        <v>125</v>
      </c>
      <c r="DU11" s="72">
        <v>250</v>
      </c>
      <c r="DV11" s="241"/>
      <c r="DW11" s="71">
        <v>282</v>
      </c>
      <c r="DX11" s="71">
        <v>193</v>
      </c>
      <c r="DY11" s="71">
        <v>102</v>
      </c>
      <c r="DZ11" s="71">
        <v>108</v>
      </c>
      <c r="EA11" s="71">
        <v>64</v>
      </c>
      <c r="EB11" s="72">
        <v>749</v>
      </c>
      <c r="EC11" s="73">
        <v>999</v>
      </c>
      <c r="ED11" s="70">
        <v>278</v>
      </c>
      <c r="EE11" s="71">
        <v>261</v>
      </c>
      <c r="EF11" s="72">
        <v>539</v>
      </c>
      <c r="EG11" s="241"/>
      <c r="EH11" s="71">
        <v>530</v>
      </c>
      <c r="EI11" s="71">
        <v>268</v>
      </c>
      <c r="EJ11" s="71">
        <v>173</v>
      </c>
      <c r="EK11" s="71">
        <v>174</v>
      </c>
      <c r="EL11" s="71">
        <v>136</v>
      </c>
      <c r="EM11" s="72">
        <v>1281</v>
      </c>
      <c r="EN11" s="73">
        <v>1820</v>
      </c>
      <c r="EO11" s="70">
        <v>531</v>
      </c>
      <c r="EP11" s="71">
        <v>513</v>
      </c>
      <c r="EQ11" s="72">
        <v>1044</v>
      </c>
      <c r="ER11" s="241"/>
      <c r="ES11" s="71">
        <v>1027</v>
      </c>
      <c r="ET11" s="71">
        <v>527</v>
      </c>
      <c r="EU11" s="71">
        <v>331</v>
      </c>
      <c r="EV11" s="71">
        <v>369</v>
      </c>
      <c r="EW11" s="71">
        <v>205</v>
      </c>
      <c r="EX11" s="72">
        <v>2459</v>
      </c>
      <c r="EY11" s="73">
        <v>3503</v>
      </c>
      <c r="EZ11" s="70">
        <v>514</v>
      </c>
      <c r="FA11" s="71">
        <v>603</v>
      </c>
      <c r="FB11" s="72">
        <v>1117</v>
      </c>
      <c r="FC11" s="241"/>
      <c r="FD11" s="71">
        <v>1277</v>
      </c>
      <c r="FE11" s="71">
        <v>707</v>
      </c>
      <c r="FF11" s="71">
        <v>563</v>
      </c>
      <c r="FG11" s="71">
        <v>538</v>
      </c>
      <c r="FH11" s="71">
        <v>297</v>
      </c>
      <c r="FI11" s="72">
        <v>3382</v>
      </c>
      <c r="FJ11" s="73">
        <v>4499</v>
      </c>
      <c r="FK11" s="70">
        <v>263</v>
      </c>
      <c r="FL11" s="71">
        <v>384</v>
      </c>
      <c r="FM11" s="72">
        <v>647</v>
      </c>
      <c r="FN11" s="241"/>
      <c r="FO11" s="71">
        <v>1114</v>
      </c>
      <c r="FP11" s="71">
        <v>865</v>
      </c>
      <c r="FQ11" s="71">
        <v>780</v>
      </c>
      <c r="FR11" s="71">
        <v>818</v>
      </c>
      <c r="FS11" s="71">
        <v>443</v>
      </c>
      <c r="FT11" s="72">
        <v>4020</v>
      </c>
      <c r="FU11" s="73">
        <v>4667</v>
      </c>
      <c r="FV11" s="70">
        <v>14</v>
      </c>
      <c r="FW11" s="71">
        <v>16</v>
      </c>
      <c r="FX11" s="72">
        <v>30</v>
      </c>
      <c r="FY11" s="241"/>
      <c r="FZ11" s="71">
        <v>65</v>
      </c>
      <c r="GA11" s="71">
        <v>61</v>
      </c>
      <c r="GB11" s="71">
        <v>36</v>
      </c>
      <c r="GC11" s="71">
        <v>22</v>
      </c>
      <c r="GD11" s="71">
        <v>33</v>
      </c>
      <c r="GE11" s="72">
        <v>217</v>
      </c>
      <c r="GF11" s="73">
        <v>247</v>
      </c>
      <c r="GG11" s="70">
        <v>1767</v>
      </c>
      <c r="GH11" s="71">
        <v>1939</v>
      </c>
      <c r="GI11" s="72">
        <v>3706</v>
      </c>
      <c r="GJ11" s="241"/>
      <c r="GK11" s="71">
        <v>4386</v>
      </c>
      <c r="GL11" s="71">
        <v>2667</v>
      </c>
      <c r="GM11" s="71">
        <v>2019</v>
      </c>
      <c r="GN11" s="71">
        <v>2074</v>
      </c>
      <c r="GO11" s="71">
        <v>1210</v>
      </c>
      <c r="GP11" s="72">
        <v>12356</v>
      </c>
      <c r="GQ11" s="73">
        <v>16062</v>
      </c>
      <c r="GR11" s="123">
        <v>2721</v>
      </c>
      <c r="GS11" s="82">
        <v>2637</v>
      </c>
      <c r="GT11" s="83">
        <v>5358</v>
      </c>
      <c r="GU11" s="241"/>
      <c r="GV11" s="82">
        <v>6599</v>
      </c>
      <c r="GW11" s="82">
        <v>4145</v>
      </c>
      <c r="GX11" s="82">
        <v>2963</v>
      </c>
      <c r="GY11" s="82">
        <v>2893</v>
      </c>
      <c r="GZ11" s="82">
        <v>1656</v>
      </c>
      <c r="HA11" s="84">
        <v>18256</v>
      </c>
      <c r="HB11" s="85">
        <v>23614</v>
      </c>
      <c r="HC11" s="70">
        <v>74</v>
      </c>
      <c r="HD11" s="71">
        <v>66</v>
      </c>
      <c r="HE11" s="72">
        <v>140</v>
      </c>
      <c r="HF11" s="241"/>
      <c r="HG11" s="71">
        <v>176</v>
      </c>
      <c r="HH11" s="71">
        <v>126</v>
      </c>
      <c r="HI11" s="71">
        <v>85</v>
      </c>
      <c r="HJ11" s="71">
        <v>97</v>
      </c>
      <c r="HK11" s="71">
        <v>64</v>
      </c>
      <c r="HL11" s="72">
        <v>548</v>
      </c>
      <c r="HM11" s="73">
        <v>688</v>
      </c>
      <c r="HN11" s="70">
        <v>225</v>
      </c>
      <c r="HO11" s="71">
        <v>204</v>
      </c>
      <c r="HP11" s="72">
        <v>429</v>
      </c>
      <c r="HQ11" s="241"/>
      <c r="HR11" s="71">
        <v>535</v>
      </c>
      <c r="HS11" s="71">
        <v>386</v>
      </c>
      <c r="HT11" s="71">
        <v>224</v>
      </c>
      <c r="HU11" s="71">
        <v>195</v>
      </c>
      <c r="HV11" s="71">
        <v>133</v>
      </c>
      <c r="HW11" s="72">
        <v>1473</v>
      </c>
      <c r="HX11" s="73">
        <v>1902</v>
      </c>
      <c r="HY11" s="70">
        <v>440</v>
      </c>
      <c r="HZ11" s="71">
        <v>374</v>
      </c>
      <c r="IA11" s="72">
        <v>814</v>
      </c>
      <c r="IB11" s="241"/>
      <c r="IC11" s="71">
        <v>924</v>
      </c>
      <c r="ID11" s="71">
        <v>511</v>
      </c>
      <c r="IE11" s="71">
        <v>322</v>
      </c>
      <c r="IF11" s="71">
        <v>308</v>
      </c>
      <c r="IG11" s="71">
        <v>212</v>
      </c>
      <c r="IH11" s="72">
        <v>2277</v>
      </c>
      <c r="II11" s="73">
        <v>3091</v>
      </c>
      <c r="IJ11" s="70">
        <v>786</v>
      </c>
      <c r="IK11" s="71">
        <v>699</v>
      </c>
      <c r="IL11" s="72">
        <v>1485</v>
      </c>
      <c r="IM11" s="241"/>
      <c r="IN11" s="71">
        <v>1563</v>
      </c>
      <c r="IO11" s="71">
        <v>916</v>
      </c>
      <c r="IP11" s="71">
        <v>566</v>
      </c>
      <c r="IQ11" s="71">
        <v>548</v>
      </c>
      <c r="IR11" s="71">
        <v>317</v>
      </c>
      <c r="IS11" s="72">
        <v>3910</v>
      </c>
      <c r="IT11" s="73">
        <v>5395</v>
      </c>
      <c r="IU11" s="70">
        <v>786</v>
      </c>
      <c r="IV11" s="71">
        <v>802</v>
      </c>
      <c r="IW11" s="72">
        <v>1588</v>
      </c>
      <c r="IX11" s="241"/>
      <c r="IY11" s="71">
        <v>1874</v>
      </c>
      <c r="IZ11" s="71">
        <v>1062</v>
      </c>
      <c r="JA11" s="71">
        <v>812</v>
      </c>
      <c r="JB11" s="71">
        <v>741</v>
      </c>
      <c r="JC11" s="71">
        <v>421</v>
      </c>
      <c r="JD11" s="72">
        <v>4910</v>
      </c>
      <c r="JE11" s="73">
        <v>6498</v>
      </c>
      <c r="JF11" s="70">
        <v>410</v>
      </c>
      <c r="JG11" s="71">
        <v>492</v>
      </c>
      <c r="JH11" s="72">
        <v>902</v>
      </c>
      <c r="JI11" s="241"/>
      <c r="JJ11" s="71">
        <v>1527</v>
      </c>
      <c r="JK11" s="71">
        <v>1144</v>
      </c>
      <c r="JL11" s="71">
        <v>954</v>
      </c>
      <c r="JM11" s="71">
        <v>1004</v>
      </c>
      <c r="JN11" s="71">
        <v>509</v>
      </c>
      <c r="JO11" s="72">
        <v>5138</v>
      </c>
      <c r="JP11" s="73">
        <v>6040</v>
      </c>
      <c r="JQ11" s="70">
        <v>27</v>
      </c>
      <c r="JR11" s="71">
        <v>32</v>
      </c>
      <c r="JS11" s="72">
        <v>59</v>
      </c>
      <c r="JT11" s="241"/>
      <c r="JU11" s="71">
        <v>130</v>
      </c>
      <c r="JV11" s="71">
        <v>123</v>
      </c>
      <c r="JW11" s="71">
        <v>76</v>
      </c>
      <c r="JX11" s="71">
        <v>50</v>
      </c>
      <c r="JY11" s="71">
        <v>60</v>
      </c>
      <c r="JZ11" s="72">
        <v>439</v>
      </c>
      <c r="KA11" s="73">
        <v>498</v>
      </c>
      <c r="KB11" s="70">
        <v>2748</v>
      </c>
      <c r="KC11" s="71">
        <v>2669</v>
      </c>
      <c r="KD11" s="72">
        <v>5417</v>
      </c>
      <c r="KE11" s="241"/>
      <c r="KF11" s="71">
        <v>6729</v>
      </c>
      <c r="KG11" s="71">
        <v>4268</v>
      </c>
      <c r="KH11" s="71">
        <v>3039</v>
      </c>
      <c r="KI11" s="71">
        <v>2943</v>
      </c>
      <c r="KJ11" s="71">
        <v>1716</v>
      </c>
      <c r="KK11" s="72">
        <v>18695</v>
      </c>
      <c r="KL11" s="73">
        <v>24112</v>
      </c>
    </row>
    <row r="12" spans="1:298" ht="19.5" customHeight="1" x14ac:dyDescent="0.2">
      <c r="A12" s="126" t="s">
        <v>8</v>
      </c>
      <c r="B12" s="316">
        <v>536</v>
      </c>
      <c r="C12" s="82">
        <v>358</v>
      </c>
      <c r="D12" s="83">
        <v>894</v>
      </c>
      <c r="E12" s="241"/>
      <c r="F12" s="82">
        <v>930</v>
      </c>
      <c r="G12" s="82">
        <v>860</v>
      </c>
      <c r="H12" s="82">
        <v>627</v>
      </c>
      <c r="I12" s="82">
        <v>458</v>
      </c>
      <c r="J12" s="82">
        <v>269</v>
      </c>
      <c r="K12" s="84">
        <v>3144</v>
      </c>
      <c r="L12" s="85">
        <v>4038</v>
      </c>
      <c r="M12" s="70">
        <v>23</v>
      </c>
      <c r="N12" s="71">
        <v>30</v>
      </c>
      <c r="O12" s="72">
        <v>53</v>
      </c>
      <c r="P12" s="241"/>
      <c r="Q12" s="71">
        <v>37</v>
      </c>
      <c r="R12" s="71">
        <v>51</v>
      </c>
      <c r="S12" s="71">
        <v>31</v>
      </c>
      <c r="T12" s="71">
        <v>26</v>
      </c>
      <c r="U12" s="71">
        <v>13</v>
      </c>
      <c r="V12" s="72">
        <v>158</v>
      </c>
      <c r="W12" s="73">
        <v>211</v>
      </c>
      <c r="X12" s="70">
        <v>64</v>
      </c>
      <c r="Y12" s="71">
        <v>41</v>
      </c>
      <c r="Z12" s="72">
        <v>105</v>
      </c>
      <c r="AA12" s="241"/>
      <c r="AB12" s="71">
        <v>113</v>
      </c>
      <c r="AC12" s="71">
        <v>112</v>
      </c>
      <c r="AD12" s="71">
        <v>84</v>
      </c>
      <c r="AE12" s="71">
        <v>63</v>
      </c>
      <c r="AF12" s="71">
        <v>41</v>
      </c>
      <c r="AG12" s="72">
        <v>413</v>
      </c>
      <c r="AH12" s="73">
        <v>518</v>
      </c>
      <c r="AI12" s="70">
        <v>85</v>
      </c>
      <c r="AJ12" s="71">
        <v>51</v>
      </c>
      <c r="AK12" s="72">
        <v>136</v>
      </c>
      <c r="AL12" s="241"/>
      <c r="AM12" s="71">
        <v>164</v>
      </c>
      <c r="AN12" s="71">
        <v>141</v>
      </c>
      <c r="AO12" s="71">
        <v>111</v>
      </c>
      <c r="AP12" s="71">
        <v>64</v>
      </c>
      <c r="AQ12" s="71">
        <v>52</v>
      </c>
      <c r="AR12" s="72">
        <v>532</v>
      </c>
      <c r="AS12" s="73">
        <v>668</v>
      </c>
      <c r="AT12" s="70">
        <v>146</v>
      </c>
      <c r="AU12" s="71">
        <v>79</v>
      </c>
      <c r="AV12" s="72">
        <v>225</v>
      </c>
      <c r="AW12" s="241"/>
      <c r="AX12" s="71">
        <v>219</v>
      </c>
      <c r="AY12" s="71">
        <v>207</v>
      </c>
      <c r="AZ12" s="71">
        <v>130</v>
      </c>
      <c r="BA12" s="71">
        <v>114</v>
      </c>
      <c r="BB12" s="71">
        <v>61</v>
      </c>
      <c r="BC12" s="72">
        <v>731</v>
      </c>
      <c r="BD12" s="73">
        <v>956</v>
      </c>
      <c r="BE12" s="70">
        <v>143</v>
      </c>
      <c r="BF12" s="71">
        <v>89</v>
      </c>
      <c r="BG12" s="72">
        <v>232</v>
      </c>
      <c r="BH12" s="241"/>
      <c r="BI12" s="71">
        <v>245</v>
      </c>
      <c r="BJ12" s="71">
        <v>194</v>
      </c>
      <c r="BK12" s="71">
        <v>147</v>
      </c>
      <c r="BL12" s="71">
        <v>97</v>
      </c>
      <c r="BM12" s="71">
        <v>56</v>
      </c>
      <c r="BN12" s="72">
        <v>739</v>
      </c>
      <c r="BO12" s="73">
        <v>971</v>
      </c>
      <c r="BP12" s="70">
        <v>75</v>
      </c>
      <c r="BQ12" s="71">
        <v>68</v>
      </c>
      <c r="BR12" s="72">
        <v>143</v>
      </c>
      <c r="BS12" s="241"/>
      <c r="BT12" s="71">
        <v>152</v>
      </c>
      <c r="BU12" s="71">
        <v>155</v>
      </c>
      <c r="BV12" s="71">
        <v>124</v>
      </c>
      <c r="BW12" s="71">
        <v>94</v>
      </c>
      <c r="BX12" s="71">
        <v>46</v>
      </c>
      <c r="BY12" s="72">
        <v>571</v>
      </c>
      <c r="BZ12" s="73">
        <v>714</v>
      </c>
      <c r="CA12" s="70">
        <v>15</v>
      </c>
      <c r="CB12" s="71">
        <v>19</v>
      </c>
      <c r="CC12" s="72">
        <v>34</v>
      </c>
      <c r="CD12" s="241"/>
      <c r="CE12" s="71">
        <v>28</v>
      </c>
      <c r="CF12" s="71">
        <v>38</v>
      </c>
      <c r="CG12" s="71">
        <v>29</v>
      </c>
      <c r="CH12" s="71">
        <v>21</v>
      </c>
      <c r="CI12" s="71">
        <v>18</v>
      </c>
      <c r="CJ12" s="72">
        <v>134</v>
      </c>
      <c r="CK12" s="73">
        <v>168</v>
      </c>
      <c r="CL12" s="70">
        <v>551</v>
      </c>
      <c r="CM12" s="71">
        <v>377</v>
      </c>
      <c r="CN12" s="72">
        <v>928</v>
      </c>
      <c r="CO12" s="241"/>
      <c r="CP12" s="71">
        <v>958</v>
      </c>
      <c r="CQ12" s="71">
        <v>898</v>
      </c>
      <c r="CR12" s="71">
        <v>656</v>
      </c>
      <c r="CS12" s="71">
        <v>479</v>
      </c>
      <c r="CT12" s="71">
        <v>287</v>
      </c>
      <c r="CU12" s="72">
        <v>3278</v>
      </c>
      <c r="CV12" s="73">
        <v>4206</v>
      </c>
      <c r="CW12" s="123">
        <v>1008</v>
      </c>
      <c r="CX12" s="82">
        <v>918</v>
      </c>
      <c r="CY12" s="83">
        <v>1926</v>
      </c>
      <c r="CZ12" s="241"/>
      <c r="DA12" s="82">
        <v>1676</v>
      </c>
      <c r="DB12" s="82">
        <v>1580</v>
      </c>
      <c r="DC12" s="82">
        <v>1277</v>
      </c>
      <c r="DD12" s="82">
        <v>1018</v>
      </c>
      <c r="DE12" s="82">
        <v>660</v>
      </c>
      <c r="DF12" s="84">
        <v>6211</v>
      </c>
      <c r="DG12" s="85">
        <v>8137</v>
      </c>
      <c r="DH12" s="70">
        <v>24</v>
      </c>
      <c r="DI12" s="71">
        <v>21</v>
      </c>
      <c r="DJ12" s="72">
        <v>45</v>
      </c>
      <c r="DK12" s="241"/>
      <c r="DL12" s="71">
        <v>43</v>
      </c>
      <c r="DM12" s="71">
        <v>32</v>
      </c>
      <c r="DN12" s="71">
        <v>19</v>
      </c>
      <c r="DO12" s="71">
        <v>24</v>
      </c>
      <c r="DP12" s="71">
        <v>15</v>
      </c>
      <c r="DQ12" s="72">
        <v>133</v>
      </c>
      <c r="DR12" s="73">
        <v>178</v>
      </c>
      <c r="DS12" s="70">
        <v>77</v>
      </c>
      <c r="DT12" s="71">
        <v>70</v>
      </c>
      <c r="DU12" s="72">
        <v>147</v>
      </c>
      <c r="DV12" s="241"/>
      <c r="DW12" s="71">
        <v>104</v>
      </c>
      <c r="DX12" s="71">
        <v>92</v>
      </c>
      <c r="DY12" s="71">
        <v>64</v>
      </c>
      <c r="DZ12" s="71">
        <v>58</v>
      </c>
      <c r="EA12" s="71">
        <v>41</v>
      </c>
      <c r="EB12" s="72">
        <v>359</v>
      </c>
      <c r="EC12" s="73">
        <v>506</v>
      </c>
      <c r="ED12" s="70">
        <v>160</v>
      </c>
      <c r="EE12" s="71">
        <v>143</v>
      </c>
      <c r="EF12" s="72">
        <v>303</v>
      </c>
      <c r="EG12" s="241"/>
      <c r="EH12" s="71">
        <v>211</v>
      </c>
      <c r="EI12" s="71">
        <v>190</v>
      </c>
      <c r="EJ12" s="71">
        <v>117</v>
      </c>
      <c r="EK12" s="71">
        <v>88</v>
      </c>
      <c r="EL12" s="71">
        <v>69</v>
      </c>
      <c r="EM12" s="72">
        <v>675</v>
      </c>
      <c r="EN12" s="73">
        <v>978</v>
      </c>
      <c r="EO12" s="70">
        <v>328</v>
      </c>
      <c r="EP12" s="71">
        <v>244</v>
      </c>
      <c r="EQ12" s="72">
        <v>572</v>
      </c>
      <c r="ER12" s="241"/>
      <c r="ES12" s="71">
        <v>401</v>
      </c>
      <c r="ET12" s="71">
        <v>331</v>
      </c>
      <c r="EU12" s="71">
        <v>251</v>
      </c>
      <c r="EV12" s="71">
        <v>171</v>
      </c>
      <c r="EW12" s="71">
        <v>116</v>
      </c>
      <c r="EX12" s="72">
        <v>1270</v>
      </c>
      <c r="EY12" s="73">
        <v>1842</v>
      </c>
      <c r="EZ12" s="70">
        <v>285</v>
      </c>
      <c r="FA12" s="71">
        <v>278</v>
      </c>
      <c r="FB12" s="72">
        <v>563</v>
      </c>
      <c r="FC12" s="241"/>
      <c r="FD12" s="71">
        <v>485</v>
      </c>
      <c r="FE12" s="71">
        <v>441</v>
      </c>
      <c r="FF12" s="71">
        <v>342</v>
      </c>
      <c r="FG12" s="71">
        <v>252</v>
      </c>
      <c r="FH12" s="71">
        <v>163</v>
      </c>
      <c r="FI12" s="72">
        <v>1683</v>
      </c>
      <c r="FJ12" s="73">
        <v>2246</v>
      </c>
      <c r="FK12" s="70">
        <v>134</v>
      </c>
      <c r="FL12" s="71">
        <v>162</v>
      </c>
      <c r="FM12" s="72">
        <v>296</v>
      </c>
      <c r="FN12" s="241"/>
      <c r="FO12" s="71">
        <v>432</v>
      </c>
      <c r="FP12" s="71">
        <v>494</v>
      </c>
      <c r="FQ12" s="71">
        <v>484</v>
      </c>
      <c r="FR12" s="71">
        <v>425</v>
      </c>
      <c r="FS12" s="71">
        <v>256</v>
      </c>
      <c r="FT12" s="72">
        <v>2091</v>
      </c>
      <c r="FU12" s="73">
        <v>2387</v>
      </c>
      <c r="FV12" s="70">
        <v>5</v>
      </c>
      <c r="FW12" s="71">
        <v>22</v>
      </c>
      <c r="FX12" s="72">
        <v>27</v>
      </c>
      <c r="FY12" s="241"/>
      <c r="FZ12" s="71">
        <v>17</v>
      </c>
      <c r="GA12" s="71">
        <v>33</v>
      </c>
      <c r="GB12" s="71">
        <v>18</v>
      </c>
      <c r="GC12" s="71">
        <v>14</v>
      </c>
      <c r="GD12" s="71">
        <v>17</v>
      </c>
      <c r="GE12" s="72">
        <v>99</v>
      </c>
      <c r="GF12" s="73">
        <v>126</v>
      </c>
      <c r="GG12" s="70">
        <v>1013</v>
      </c>
      <c r="GH12" s="71">
        <v>940</v>
      </c>
      <c r="GI12" s="72">
        <v>1953</v>
      </c>
      <c r="GJ12" s="241"/>
      <c r="GK12" s="71">
        <v>1693</v>
      </c>
      <c r="GL12" s="71">
        <v>1613</v>
      </c>
      <c r="GM12" s="71">
        <v>1295</v>
      </c>
      <c r="GN12" s="71">
        <v>1032</v>
      </c>
      <c r="GO12" s="71">
        <v>677</v>
      </c>
      <c r="GP12" s="72">
        <v>6310</v>
      </c>
      <c r="GQ12" s="73">
        <v>8263</v>
      </c>
      <c r="GR12" s="123">
        <v>1544</v>
      </c>
      <c r="GS12" s="82">
        <v>1276</v>
      </c>
      <c r="GT12" s="83">
        <v>2820</v>
      </c>
      <c r="GU12" s="241"/>
      <c r="GV12" s="82">
        <v>2606</v>
      </c>
      <c r="GW12" s="82">
        <v>2440</v>
      </c>
      <c r="GX12" s="82">
        <v>1904</v>
      </c>
      <c r="GY12" s="82">
        <v>1476</v>
      </c>
      <c r="GZ12" s="82">
        <v>929</v>
      </c>
      <c r="HA12" s="84">
        <v>9355</v>
      </c>
      <c r="HB12" s="85">
        <v>12175</v>
      </c>
      <c r="HC12" s="70">
        <v>47</v>
      </c>
      <c r="HD12" s="71">
        <v>51</v>
      </c>
      <c r="HE12" s="72">
        <v>98</v>
      </c>
      <c r="HF12" s="241"/>
      <c r="HG12" s="71">
        <v>80</v>
      </c>
      <c r="HH12" s="71">
        <v>83</v>
      </c>
      <c r="HI12" s="71">
        <v>50</v>
      </c>
      <c r="HJ12" s="71">
        <v>50</v>
      </c>
      <c r="HK12" s="71">
        <v>28</v>
      </c>
      <c r="HL12" s="72">
        <v>291</v>
      </c>
      <c r="HM12" s="73">
        <v>389</v>
      </c>
      <c r="HN12" s="70">
        <v>141</v>
      </c>
      <c r="HO12" s="71">
        <v>111</v>
      </c>
      <c r="HP12" s="72">
        <v>252</v>
      </c>
      <c r="HQ12" s="241"/>
      <c r="HR12" s="71">
        <v>217</v>
      </c>
      <c r="HS12" s="71">
        <v>204</v>
      </c>
      <c r="HT12" s="71">
        <v>148</v>
      </c>
      <c r="HU12" s="71">
        <v>121</v>
      </c>
      <c r="HV12" s="71">
        <v>82</v>
      </c>
      <c r="HW12" s="72">
        <v>772</v>
      </c>
      <c r="HX12" s="73">
        <v>1024</v>
      </c>
      <c r="HY12" s="70">
        <v>245</v>
      </c>
      <c r="HZ12" s="71">
        <v>194</v>
      </c>
      <c r="IA12" s="72">
        <v>439</v>
      </c>
      <c r="IB12" s="241"/>
      <c r="IC12" s="71">
        <v>375</v>
      </c>
      <c r="ID12" s="71">
        <v>331</v>
      </c>
      <c r="IE12" s="71">
        <v>228</v>
      </c>
      <c r="IF12" s="71">
        <v>152</v>
      </c>
      <c r="IG12" s="71">
        <v>121</v>
      </c>
      <c r="IH12" s="72">
        <v>1207</v>
      </c>
      <c r="II12" s="73">
        <v>1646</v>
      </c>
      <c r="IJ12" s="70">
        <v>474</v>
      </c>
      <c r="IK12" s="71">
        <v>323</v>
      </c>
      <c r="IL12" s="72">
        <v>797</v>
      </c>
      <c r="IM12" s="241"/>
      <c r="IN12" s="71">
        <v>620</v>
      </c>
      <c r="IO12" s="71">
        <v>538</v>
      </c>
      <c r="IP12" s="71">
        <v>381</v>
      </c>
      <c r="IQ12" s="71">
        <v>285</v>
      </c>
      <c r="IR12" s="71">
        <v>177</v>
      </c>
      <c r="IS12" s="72">
        <v>2001</v>
      </c>
      <c r="IT12" s="73">
        <v>2798</v>
      </c>
      <c r="IU12" s="70">
        <v>428</v>
      </c>
      <c r="IV12" s="71">
        <v>367</v>
      </c>
      <c r="IW12" s="72">
        <v>795</v>
      </c>
      <c r="IX12" s="241"/>
      <c r="IY12" s="71">
        <v>730</v>
      </c>
      <c r="IZ12" s="71">
        <v>635</v>
      </c>
      <c r="JA12" s="71">
        <v>489</v>
      </c>
      <c r="JB12" s="71">
        <v>349</v>
      </c>
      <c r="JC12" s="71">
        <v>219</v>
      </c>
      <c r="JD12" s="72">
        <v>2422</v>
      </c>
      <c r="JE12" s="73">
        <v>3217</v>
      </c>
      <c r="JF12" s="70">
        <v>209</v>
      </c>
      <c r="JG12" s="71">
        <v>230</v>
      </c>
      <c r="JH12" s="72">
        <v>439</v>
      </c>
      <c r="JI12" s="241"/>
      <c r="JJ12" s="71">
        <v>584</v>
      </c>
      <c r="JK12" s="71">
        <v>649</v>
      </c>
      <c r="JL12" s="71">
        <v>608</v>
      </c>
      <c r="JM12" s="71">
        <v>519</v>
      </c>
      <c r="JN12" s="71">
        <v>302</v>
      </c>
      <c r="JO12" s="72">
        <v>2662</v>
      </c>
      <c r="JP12" s="73">
        <v>3101</v>
      </c>
      <c r="JQ12" s="70">
        <v>20</v>
      </c>
      <c r="JR12" s="71">
        <v>41</v>
      </c>
      <c r="JS12" s="72">
        <v>61</v>
      </c>
      <c r="JT12" s="241"/>
      <c r="JU12" s="71">
        <v>45</v>
      </c>
      <c r="JV12" s="71">
        <v>71</v>
      </c>
      <c r="JW12" s="71">
        <v>47</v>
      </c>
      <c r="JX12" s="71">
        <v>35</v>
      </c>
      <c r="JY12" s="71">
        <v>35</v>
      </c>
      <c r="JZ12" s="72">
        <v>233</v>
      </c>
      <c r="KA12" s="73">
        <v>294</v>
      </c>
      <c r="KB12" s="70">
        <v>1564</v>
      </c>
      <c r="KC12" s="71">
        <v>1317</v>
      </c>
      <c r="KD12" s="72">
        <v>2881</v>
      </c>
      <c r="KE12" s="241"/>
      <c r="KF12" s="71">
        <v>2651</v>
      </c>
      <c r="KG12" s="71">
        <v>2511</v>
      </c>
      <c r="KH12" s="71">
        <v>1951</v>
      </c>
      <c r="KI12" s="71">
        <v>1511</v>
      </c>
      <c r="KJ12" s="71">
        <v>964</v>
      </c>
      <c r="KK12" s="72">
        <v>9588</v>
      </c>
      <c r="KL12" s="73">
        <v>12469</v>
      </c>
    </row>
    <row r="13" spans="1:298" ht="19.5" customHeight="1" x14ac:dyDescent="0.2">
      <c r="A13" s="126" t="s">
        <v>9</v>
      </c>
      <c r="B13" s="316">
        <v>657</v>
      </c>
      <c r="C13" s="82">
        <v>389</v>
      </c>
      <c r="D13" s="83">
        <v>1046</v>
      </c>
      <c r="E13" s="241"/>
      <c r="F13" s="82">
        <v>820</v>
      </c>
      <c r="G13" s="82">
        <v>573</v>
      </c>
      <c r="H13" s="82">
        <v>418</v>
      </c>
      <c r="I13" s="82">
        <v>403</v>
      </c>
      <c r="J13" s="82">
        <v>216</v>
      </c>
      <c r="K13" s="84">
        <v>2430</v>
      </c>
      <c r="L13" s="85">
        <v>3476</v>
      </c>
      <c r="M13" s="70">
        <v>16</v>
      </c>
      <c r="N13" s="71">
        <v>10</v>
      </c>
      <c r="O13" s="72">
        <v>26</v>
      </c>
      <c r="P13" s="241"/>
      <c r="Q13" s="71">
        <v>20</v>
      </c>
      <c r="R13" s="71">
        <v>30</v>
      </c>
      <c r="S13" s="71">
        <v>16</v>
      </c>
      <c r="T13" s="71">
        <v>12</v>
      </c>
      <c r="U13" s="71">
        <v>9</v>
      </c>
      <c r="V13" s="72">
        <v>87</v>
      </c>
      <c r="W13" s="73">
        <v>113</v>
      </c>
      <c r="X13" s="70">
        <v>51</v>
      </c>
      <c r="Y13" s="71">
        <v>31</v>
      </c>
      <c r="Z13" s="72">
        <v>82</v>
      </c>
      <c r="AA13" s="241"/>
      <c r="AB13" s="71">
        <v>59</v>
      </c>
      <c r="AC13" s="71">
        <v>44</v>
      </c>
      <c r="AD13" s="71">
        <v>38</v>
      </c>
      <c r="AE13" s="71">
        <v>38</v>
      </c>
      <c r="AF13" s="71">
        <v>20</v>
      </c>
      <c r="AG13" s="72">
        <v>199</v>
      </c>
      <c r="AH13" s="73">
        <v>281</v>
      </c>
      <c r="AI13" s="70">
        <v>70</v>
      </c>
      <c r="AJ13" s="71">
        <v>40</v>
      </c>
      <c r="AK13" s="72">
        <v>110</v>
      </c>
      <c r="AL13" s="241"/>
      <c r="AM13" s="71">
        <v>103</v>
      </c>
      <c r="AN13" s="71">
        <v>63</v>
      </c>
      <c r="AO13" s="71">
        <v>67</v>
      </c>
      <c r="AP13" s="71">
        <v>57</v>
      </c>
      <c r="AQ13" s="71">
        <v>39</v>
      </c>
      <c r="AR13" s="72">
        <v>329</v>
      </c>
      <c r="AS13" s="73">
        <v>439</v>
      </c>
      <c r="AT13" s="70">
        <v>158</v>
      </c>
      <c r="AU13" s="71">
        <v>96</v>
      </c>
      <c r="AV13" s="72">
        <v>254</v>
      </c>
      <c r="AW13" s="241"/>
      <c r="AX13" s="71">
        <v>187</v>
      </c>
      <c r="AY13" s="71">
        <v>123</v>
      </c>
      <c r="AZ13" s="71">
        <v>65</v>
      </c>
      <c r="BA13" s="71">
        <v>79</v>
      </c>
      <c r="BB13" s="71">
        <v>47</v>
      </c>
      <c r="BC13" s="72">
        <v>501</v>
      </c>
      <c r="BD13" s="73">
        <v>755</v>
      </c>
      <c r="BE13" s="70">
        <v>218</v>
      </c>
      <c r="BF13" s="71">
        <v>121</v>
      </c>
      <c r="BG13" s="72">
        <v>339</v>
      </c>
      <c r="BH13" s="241"/>
      <c r="BI13" s="71">
        <v>259</v>
      </c>
      <c r="BJ13" s="71">
        <v>159</v>
      </c>
      <c r="BK13" s="71">
        <v>111</v>
      </c>
      <c r="BL13" s="71">
        <v>127</v>
      </c>
      <c r="BM13" s="71">
        <v>44</v>
      </c>
      <c r="BN13" s="72">
        <v>700</v>
      </c>
      <c r="BO13" s="73">
        <v>1039</v>
      </c>
      <c r="BP13" s="70">
        <v>144</v>
      </c>
      <c r="BQ13" s="71">
        <v>91</v>
      </c>
      <c r="BR13" s="72">
        <v>235</v>
      </c>
      <c r="BS13" s="241"/>
      <c r="BT13" s="71">
        <v>192</v>
      </c>
      <c r="BU13" s="71">
        <v>154</v>
      </c>
      <c r="BV13" s="71">
        <v>121</v>
      </c>
      <c r="BW13" s="71">
        <v>90</v>
      </c>
      <c r="BX13" s="71">
        <v>57</v>
      </c>
      <c r="BY13" s="72">
        <v>614</v>
      </c>
      <c r="BZ13" s="73">
        <v>849</v>
      </c>
      <c r="CA13" s="70">
        <v>4</v>
      </c>
      <c r="CB13" s="71">
        <v>17</v>
      </c>
      <c r="CC13" s="72">
        <v>21</v>
      </c>
      <c r="CD13" s="241"/>
      <c r="CE13" s="71">
        <v>27</v>
      </c>
      <c r="CF13" s="71">
        <v>26</v>
      </c>
      <c r="CG13" s="71">
        <v>9</v>
      </c>
      <c r="CH13" s="71">
        <v>12</v>
      </c>
      <c r="CI13" s="71">
        <v>8</v>
      </c>
      <c r="CJ13" s="72">
        <v>82</v>
      </c>
      <c r="CK13" s="73">
        <v>103</v>
      </c>
      <c r="CL13" s="70">
        <v>661</v>
      </c>
      <c r="CM13" s="71">
        <v>406</v>
      </c>
      <c r="CN13" s="72">
        <v>1067</v>
      </c>
      <c r="CO13" s="241"/>
      <c r="CP13" s="71">
        <v>847</v>
      </c>
      <c r="CQ13" s="71">
        <v>599</v>
      </c>
      <c r="CR13" s="71">
        <v>427</v>
      </c>
      <c r="CS13" s="71">
        <v>415</v>
      </c>
      <c r="CT13" s="71">
        <v>224</v>
      </c>
      <c r="CU13" s="72">
        <v>2512</v>
      </c>
      <c r="CV13" s="73">
        <v>3579</v>
      </c>
      <c r="CW13" s="123">
        <v>1331</v>
      </c>
      <c r="CX13" s="82">
        <v>994</v>
      </c>
      <c r="CY13" s="83">
        <v>2325</v>
      </c>
      <c r="CZ13" s="241"/>
      <c r="DA13" s="82">
        <v>1621</v>
      </c>
      <c r="DB13" s="82">
        <v>1155</v>
      </c>
      <c r="DC13" s="82">
        <v>952</v>
      </c>
      <c r="DD13" s="82">
        <v>1026</v>
      </c>
      <c r="DE13" s="82">
        <v>713</v>
      </c>
      <c r="DF13" s="84">
        <v>5467</v>
      </c>
      <c r="DG13" s="85">
        <v>7792</v>
      </c>
      <c r="DH13" s="70">
        <v>25</v>
      </c>
      <c r="DI13" s="71">
        <v>11</v>
      </c>
      <c r="DJ13" s="72">
        <v>36</v>
      </c>
      <c r="DK13" s="241"/>
      <c r="DL13" s="71">
        <v>11</v>
      </c>
      <c r="DM13" s="71">
        <v>15</v>
      </c>
      <c r="DN13" s="71">
        <v>10</v>
      </c>
      <c r="DO13" s="71">
        <v>9</v>
      </c>
      <c r="DP13" s="71">
        <v>14</v>
      </c>
      <c r="DQ13" s="72">
        <v>59</v>
      </c>
      <c r="DR13" s="73">
        <v>95</v>
      </c>
      <c r="DS13" s="70">
        <v>80</v>
      </c>
      <c r="DT13" s="71">
        <v>56</v>
      </c>
      <c r="DU13" s="72">
        <v>136</v>
      </c>
      <c r="DV13" s="241"/>
      <c r="DW13" s="71">
        <v>67</v>
      </c>
      <c r="DX13" s="71">
        <v>41</v>
      </c>
      <c r="DY13" s="71">
        <v>31</v>
      </c>
      <c r="DZ13" s="71">
        <v>36</v>
      </c>
      <c r="EA13" s="71">
        <v>26</v>
      </c>
      <c r="EB13" s="72">
        <v>201</v>
      </c>
      <c r="EC13" s="73">
        <v>337</v>
      </c>
      <c r="ED13" s="70">
        <v>201</v>
      </c>
      <c r="EE13" s="71">
        <v>137</v>
      </c>
      <c r="EF13" s="72">
        <v>338</v>
      </c>
      <c r="EG13" s="241"/>
      <c r="EH13" s="71">
        <v>167</v>
      </c>
      <c r="EI13" s="71">
        <v>102</v>
      </c>
      <c r="EJ13" s="71">
        <v>52</v>
      </c>
      <c r="EK13" s="71">
        <v>58</v>
      </c>
      <c r="EL13" s="71">
        <v>69</v>
      </c>
      <c r="EM13" s="72">
        <v>448</v>
      </c>
      <c r="EN13" s="73">
        <v>786</v>
      </c>
      <c r="EO13" s="70">
        <v>346</v>
      </c>
      <c r="EP13" s="71">
        <v>237</v>
      </c>
      <c r="EQ13" s="72">
        <v>583</v>
      </c>
      <c r="ER13" s="241"/>
      <c r="ES13" s="71">
        <v>351</v>
      </c>
      <c r="ET13" s="71">
        <v>196</v>
      </c>
      <c r="EU13" s="71">
        <v>136</v>
      </c>
      <c r="EV13" s="71">
        <v>147</v>
      </c>
      <c r="EW13" s="71">
        <v>112</v>
      </c>
      <c r="EX13" s="72">
        <v>942</v>
      </c>
      <c r="EY13" s="73">
        <v>1525</v>
      </c>
      <c r="EZ13" s="70">
        <v>422</v>
      </c>
      <c r="FA13" s="71">
        <v>322</v>
      </c>
      <c r="FB13" s="72">
        <v>744</v>
      </c>
      <c r="FC13" s="241"/>
      <c r="FD13" s="71">
        <v>519</v>
      </c>
      <c r="FE13" s="71">
        <v>339</v>
      </c>
      <c r="FF13" s="71">
        <v>273</v>
      </c>
      <c r="FG13" s="71">
        <v>263</v>
      </c>
      <c r="FH13" s="71">
        <v>175</v>
      </c>
      <c r="FI13" s="72">
        <v>1569</v>
      </c>
      <c r="FJ13" s="73">
        <v>2313</v>
      </c>
      <c r="FK13" s="70">
        <v>257</v>
      </c>
      <c r="FL13" s="71">
        <v>231</v>
      </c>
      <c r="FM13" s="72">
        <v>488</v>
      </c>
      <c r="FN13" s="241"/>
      <c r="FO13" s="71">
        <v>506</v>
      </c>
      <c r="FP13" s="71">
        <v>462</v>
      </c>
      <c r="FQ13" s="71">
        <v>450</v>
      </c>
      <c r="FR13" s="71">
        <v>513</v>
      </c>
      <c r="FS13" s="71">
        <v>317</v>
      </c>
      <c r="FT13" s="72">
        <v>2248</v>
      </c>
      <c r="FU13" s="73">
        <v>2736</v>
      </c>
      <c r="FV13" s="70">
        <v>6</v>
      </c>
      <c r="FW13" s="71">
        <v>13</v>
      </c>
      <c r="FX13" s="72">
        <v>19</v>
      </c>
      <c r="FY13" s="241"/>
      <c r="FZ13" s="71">
        <v>8</v>
      </c>
      <c r="GA13" s="71">
        <v>18</v>
      </c>
      <c r="GB13" s="71">
        <v>11</v>
      </c>
      <c r="GC13" s="71">
        <v>12</v>
      </c>
      <c r="GD13" s="71">
        <v>10</v>
      </c>
      <c r="GE13" s="72">
        <v>59</v>
      </c>
      <c r="GF13" s="73">
        <v>78</v>
      </c>
      <c r="GG13" s="70">
        <v>1337</v>
      </c>
      <c r="GH13" s="71">
        <v>1007</v>
      </c>
      <c r="GI13" s="72">
        <v>2344</v>
      </c>
      <c r="GJ13" s="241"/>
      <c r="GK13" s="71">
        <v>1629</v>
      </c>
      <c r="GL13" s="71">
        <v>1173</v>
      </c>
      <c r="GM13" s="71">
        <v>963</v>
      </c>
      <c r="GN13" s="71">
        <v>1038</v>
      </c>
      <c r="GO13" s="71">
        <v>723</v>
      </c>
      <c r="GP13" s="72">
        <v>5526</v>
      </c>
      <c r="GQ13" s="73">
        <v>7870</v>
      </c>
      <c r="GR13" s="123">
        <v>1988</v>
      </c>
      <c r="GS13" s="82">
        <v>1383</v>
      </c>
      <c r="GT13" s="83">
        <v>3371</v>
      </c>
      <c r="GU13" s="241"/>
      <c r="GV13" s="82">
        <v>2441</v>
      </c>
      <c r="GW13" s="82">
        <v>1728</v>
      </c>
      <c r="GX13" s="82">
        <v>1370</v>
      </c>
      <c r="GY13" s="82">
        <v>1429</v>
      </c>
      <c r="GZ13" s="82">
        <v>929</v>
      </c>
      <c r="HA13" s="84">
        <v>7897</v>
      </c>
      <c r="HB13" s="85">
        <v>11268</v>
      </c>
      <c r="HC13" s="70">
        <v>41</v>
      </c>
      <c r="HD13" s="71">
        <v>21</v>
      </c>
      <c r="HE13" s="72">
        <v>62</v>
      </c>
      <c r="HF13" s="241"/>
      <c r="HG13" s="71">
        <v>31</v>
      </c>
      <c r="HH13" s="71">
        <v>45</v>
      </c>
      <c r="HI13" s="71">
        <v>26</v>
      </c>
      <c r="HJ13" s="71">
        <v>21</v>
      </c>
      <c r="HK13" s="71">
        <v>23</v>
      </c>
      <c r="HL13" s="72">
        <v>146</v>
      </c>
      <c r="HM13" s="73">
        <v>208</v>
      </c>
      <c r="HN13" s="70">
        <v>131</v>
      </c>
      <c r="HO13" s="71">
        <v>87</v>
      </c>
      <c r="HP13" s="72">
        <v>218</v>
      </c>
      <c r="HQ13" s="241"/>
      <c r="HR13" s="71">
        <v>126</v>
      </c>
      <c r="HS13" s="71">
        <v>85</v>
      </c>
      <c r="HT13" s="71">
        <v>69</v>
      </c>
      <c r="HU13" s="71">
        <v>74</v>
      </c>
      <c r="HV13" s="71">
        <v>46</v>
      </c>
      <c r="HW13" s="72">
        <v>400</v>
      </c>
      <c r="HX13" s="73">
        <v>618</v>
      </c>
      <c r="HY13" s="70">
        <v>271</v>
      </c>
      <c r="HZ13" s="71">
        <v>177</v>
      </c>
      <c r="IA13" s="72">
        <v>448</v>
      </c>
      <c r="IB13" s="241"/>
      <c r="IC13" s="71">
        <v>270</v>
      </c>
      <c r="ID13" s="71">
        <v>165</v>
      </c>
      <c r="IE13" s="71">
        <v>119</v>
      </c>
      <c r="IF13" s="71">
        <v>115</v>
      </c>
      <c r="IG13" s="71">
        <v>108</v>
      </c>
      <c r="IH13" s="72">
        <v>777</v>
      </c>
      <c r="II13" s="73">
        <v>1225</v>
      </c>
      <c r="IJ13" s="70">
        <v>504</v>
      </c>
      <c r="IK13" s="71">
        <v>333</v>
      </c>
      <c r="IL13" s="72">
        <v>837</v>
      </c>
      <c r="IM13" s="241"/>
      <c r="IN13" s="71">
        <v>538</v>
      </c>
      <c r="IO13" s="71">
        <v>319</v>
      </c>
      <c r="IP13" s="71">
        <v>201</v>
      </c>
      <c r="IQ13" s="71">
        <v>226</v>
      </c>
      <c r="IR13" s="71">
        <v>159</v>
      </c>
      <c r="IS13" s="72">
        <v>1443</v>
      </c>
      <c r="IT13" s="73">
        <v>2280</v>
      </c>
      <c r="IU13" s="70">
        <v>640</v>
      </c>
      <c r="IV13" s="71">
        <v>443</v>
      </c>
      <c r="IW13" s="72">
        <v>1083</v>
      </c>
      <c r="IX13" s="241"/>
      <c r="IY13" s="71">
        <v>778</v>
      </c>
      <c r="IZ13" s="71">
        <v>498</v>
      </c>
      <c r="JA13" s="71">
        <v>384</v>
      </c>
      <c r="JB13" s="71">
        <v>390</v>
      </c>
      <c r="JC13" s="71">
        <v>219</v>
      </c>
      <c r="JD13" s="72">
        <v>2269</v>
      </c>
      <c r="JE13" s="73">
        <v>3352</v>
      </c>
      <c r="JF13" s="70">
        <v>401</v>
      </c>
      <c r="JG13" s="71">
        <v>322</v>
      </c>
      <c r="JH13" s="72">
        <v>723</v>
      </c>
      <c r="JI13" s="241"/>
      <c r="JJ13" s="71">
        <v>698</v>
      </c>
      <c r="JK13" s="71">
        <v>616</v>
      </c>
      <c r="JL13" s="71">
        <v>571</v>
      </c>
      <c r="JM13" s="71">
        <v>603</v>
      </c>
      <c r="JN13" s="71">
        <v>374</v>
      </c>
      <c r="JO13" s="72">
        <v>2862</v>
      </c>
      <c r="JP13" s="73">
        <v>3585</v>
      </c>
      <c r="JQ13" s="70">
        <v>10</v>
      </c>
      <c r="JR13" s="71">
        <v>30</v>
      </c>
      <c r="JS13" s="72">
        <v>40</v>
      </c>
      <c r="JT13" s="241"/>
      <c r="JU13" s="71">
        <v>35</v>
      </c>
      <c r="JV13" s="71">
        <v>44</v>
      </c>
      <c r="JW13" s="71">
        <v>20</v>
      </c>
      <c r="JX13" s="71">
        <v>24</v>
      </c>
      <c r="JY13" s="71">
        <v>18</v>
      </c>
      <c r="JZ13" s="72">
        <v>141</v>
      </c>
      <c r="KA13" s="73">
        <v>181</v>
      </c>
      <c r="KB13" s="70">
        <v>1998</v>
      </c>
      <c r="KC13" s="71">
        <v>1413</v>
      </c>
      <c r="KD13" s="72">
        <v>3411</v>
      </c>
      <c r="KE13" s="241"/>
      <c r="KF13" s="71">
        <v>2476</v>
      </c>
      <c r="KG13" s="71">
        <v>1772</v>
      </c>
      <c r="KH13" s="71">
        <v>1390</v>
      </c>
      <c r="KI13" s="71">
        <v>1453</v>
      </c>
      <c r="KJ13" s="71">
        <v>947</v>
      </c>
      <c r="KK13" s="72">
        <v>8038</v>
      </c>
      <c r="KL13" s="73">
        <v>11449</v>
      </c>
    </row>
    <row r="14" spans="1:298" ht="19.5" customHeight="1" x14ac:dyDescent="0.2">
      <c r="A14" s="126" t="s">
        <v>10</v>
      </c>
      <c r="B14" s="316">
        <v>1435</v>
      </c>
      <c r="C14" s="82">
        <v>984</v>
      </c>
      <c r="D14" s="83">
        <v>2419</v>
      </c>
      <c r="E14" s="241"/>
      <c r="F14" s="82">
        <v>1659</v>
      </c>
      <c r="G14" s="82">
        <v>972</v>
      </c>
      <c r="H14" s="82">
        <v>719</v>
      </c>
      <c r="I14" s="82">
        <v>608</v>
      </c>
      <c r="J14" s="82">
        <v>417</v>
      </c>
      <c r="K14" s="84">
        <v>4375</v>
      </c>
      <c r="L14" s="85">
        <v>6794</v>
      </c>
      <c r="M14" s="70">
        <v>57</v>
      </c>
      <c r="N14" s="71">
        <v>65</v>
      </c>
      <c r="O14" s="72">
        <v>122</v>
      </c>
      <c r="P14" s="241"/>
      <c r="Q14" s="71">
        <v>73</v>
      </c>
      <c r="R14" s="71">
        <v>55</v>
      </c>
      <c r="S14" s="71">
        <v>35</v>
      </c>
      <c r="T14" s="71">
        <v>32</v>
      </c>
      <c r="U14" s="71">
        <v>25</v>
      </c>
      <c r="V14" s="72">
        <v>220</v>
      </c>
      <c r="W14" s="73">
        <v>342</v>
      </c>
      <c r="X14" s="70">
        <v>139</v>
      </c>
      <c r="Y14" s="71">
        <v>119</v>
      </c>
      <c r="Z14" s="72">
        <v>258</v>
      </c>
      <c r="AA14" s="241"/>
      <c r="AB14" s="71">
        <v>178</v>
      </c>
      <c r="AC14" s="71">
        <v>102</v>
      </c>
      <c r="AD14" s="71">
        <v>72</v>
      </c>
      <c r="AE14" s="71">
        <v>69</v>
      </c>
      <c r="AF14" s="71">
        <v>68</v>
      </c>
      <c r="AG14" s="72">
        <v>489</v>
      </c>
      <c r="AH14" s="73">
        <v>747</v>
      </c>
      <c r="AI14" s="70">
        <v>189</v>
      </c>
      <c r="AJ14" s="71">
        <v>161</v>
      </c>
      <c r="AK14" s="72">
        <v>350</v>
      </c>
      <c r="AL14" s="241"/>
      <c r="AM14" s="71">
        <v>284</v>
      </c>
      <c r="AN14" s="71">
        <v>176</v>
      </c>
      <c r="AO14" s="71">
        <v>120</v>
      </c>
      <c r="AP14" s="71">
        <v>93</v>
      </c>
      <c r="AQ14" s="71">
        <v>60</v>
      </c>
      <c r="AR14" s="72">
        <v>733</v>
      </c>
      <c r="AS14" s="73">
        <v>1083</v>
      </c>
      <c r="AT14" s="70">
        <v>388</v>
      </c>
      <c r="AU14" s="71">
        <v>224</v>
      </c>
      <c r="AV14" s="72">
        <v>612</v>
      </c>
      <c r="AW14" s="241"/>
      <c r="AX14" s="71">
        <v>361</v>
      </c>
      <c r="AY14" s="71">
        <v>206</v>
      </c>
      <c r="AZ14" s="71">
        <v>154</v>
      </c>
      <c r="BA14" s="71">
        <v>137</v>
      </c>
      <c r="BB14" s="71">
        <v>98</v>
      </c>
      <c r="BC14" s="72">
        <v>956</v>
      </c>
      <c r="BD14" s="73">
        <v>1568</v>
      </c>
      <c r="BE14" s="70">
        <v>427</v>
      </c>
      <c r="BF14" s="71">
        <v>248</v>
      </c>
      <c r="BG14" s="72">
        <v>675</v>
      </c>
      <c r="BH14" s="241"/>
      <c r="BI14" s="71">
        <v>437</v>
      </c>
      <c r="BJ14" s="71">
        <v>235</v>
      </c>
      <c r="BK14" s="71">
        <v>182</v>
      </c>
      <c r="BL14" s="71">
        <v>154</v>
      </c>
      <c r="BM14" s="71">
        <v>94</v>
      </c>
      <c r="BN14" s="72">
        <v>1102</v>
      </c>
      <c r="BO14" s="73">
        <v>1777</v>
      </c>
      <c r="BP14" s="70">
        <v>235</v>
      </c>
      <c r="BQ14" s="71">
        <v>167</v>
      </c>
      <c r="BR14" s="72">
        <v>402</v>
      </c>
      <c r="BS14" s="241"/>
      <c r="BT14" s="71">
        <v>326</v>
      </c>
      <c r="BU14" s="71">
        <v>198</v>
      </c>
      <c r="BV14" s="71">
        <v>156</v>
      </c>
      <c r="BW14" s="71">
        <v>123</v>
      </c>
      <c r="BX14" s="71">
        <v>72</v>
      </c>
      <c r="BY14" s="72">
        <v>875</v>
      </c>
      <c r="BZ14" s="73">
        <v>1277</v>
      </c>
      <c r="CA14" s="70">
        <v>38</v>
      </c>
      <c r="CB14" s="71">
        <v>33</v>
      </c>
      <c r="CC14" s="72">
        <v>71</v>
      </c>
      <c r="CD14" s="241"/>
      <c r="CE14" s="71">
        <v>65</v>
      </c>
      <c r="CF14" s="71">
        <v>46</v>
      </c>
      <c r="CG14" s="71">
        <v>29</v>
      </c>
      <c r="CH14" s="71">
        <v>17</v>
      </c>
      <c r="CI14" s="71">
        <v>30</v>
      </c>
      <c r="CJ14" s="72">
        <v>187</v>
      </c>
      <c r="CK14" s="73">
        <v>258</v>
      </c>
      <c r="CL14" s="70">
        <v>1473</v>
      </c>
      <c r="CM14" s="71">
        <v>1017</v>
      </c>
      <c r="CN14" s="72">
        <v>2490</v>
      </c>
      <c r="CO14" s="241"/>
      <c r="CP14" s="71">
        <v>1724</v>
      </c>
      <c r="CQ14" s="71">
        <v>1018</v>
      </c>
      <c r="CR14" s="71">
        <v>748</v>
      </c>
      <c r="CS14" s="71">
        <v>625</v>
      </c>
      <c r="CT14" s="71">
        <v>447</v>
      </c>
      <c r="CU14" s="72">
        <v>4562</v>
      </c>
      <c r="CV14" s="73">
        <v>7052</v>
      </c>
      <c r="CW14" s="123">
        <v>2894</v>
      </c>
      <c r="CX14" s="82">
        <v>2133</v>
      </c>
      <c r="CY14" s="83">
        <v>5027</v>
      </c>
      <c r="CZ14" s="241"/>
      <c r="DA14" s="82">
        <v>3165</v>
      </c>
      <c r="DB14" s="82">
        <v>1740</v>
      </c>
      <c r="DC14" s="82">
        <v>1448</v>
      </c>
      <c r="DD14" s="82">
        <v>1402</v>
      </c>
      <c r="DE14" s="82">
        <v>1227</v>
      </c>
      <c r="DF14" s="84">
        <v>8982</v>
      </c>
      <c r="DG14" s="85">
        <v>14009</v>
      </c>
      <c r="DH14" s="70">
        <v>67</v>
      </c>
      <c r="DI14" s="71">
        <v>51</v>
      </c>
      <c r="DJ14" s="72">
        <v>118</v>
      </c>
      <c r="DK14" s="241"/>
      <c r="DL14" s="71">
        <v>67</v>
      </c>
      <c r="DM14" s="71">
        <v>29</v>
      </c>
      <c r="DN14" s="71">
        <v>21</v>
      </c>
      <c r="DO14" s="71">
        <v>18</v>
      </c>
      <c r="DP14" s="71">
        <v>25</v>
      </c>
      <c r="DQ14" s="72">
        <v>160</v>
      </c>
      <c r="DR14" s="73">
        <v>278</v>
      </c>
      <c r="DS14" s="70">
        <v>206</v>
      </c>
      <c r="DT14" s="71">
        <v>157</v>
      </c>
      <c r="DU14" s="72">
        <v>363</v>
      </c>
      <c r="DV14" s="241"/>
      <c r="DW14" s="71">
        <v>180</v>
      </c>
      <c r="DX14" s="71">
        <v>106</v>
      </c>
      <c r="DY14" s="71">
        <v>54</v>
      </c>
      <c r="DZ14" s="71">
        <v>65</v>
      </c>
      <c r="EA14" s="71">
        <v>58</v>
      </c>
      <c r="EB14" s="72">
        <v>463</v>
      </c>
      <c r="EC14" s="73">
        <v>826</v>
      </c>
      <c r="ED14" s="70">
        <v>457</v>
      </c>
      <c r="EE14" s="71">
        <v>294</v>
      </c>
      <c r="EF14" s="72">
        <v>751</v>
      </c>
      <c r="EG14" s="241"/>
      <c r="EH14" s="71">
        <v>384</v>
      </c>
      <c r="EI14" s="71">
        <v>156</v>
      </c>
      <c r="EJ14" s="71">
        <v>133</v>
      </c>
      <c r="EK14" s="71">
        <v>121</v>
      </c>
      <c r="EL14" s="71">
        <v>112</v>
      </c>
      <c r="EM14" s="72">
        <v>906</v>
      </c>
      <c r="EN14" s="73">
        <v>1657</v>
      </c>
      <c r="EO14" s="70">
        <v>818</v>
      </c>
      <c r="EP14" s="71">
        <v>526</v>
      </c>
      <c r="EQ14" s="72">
        <v>1344</v>
      </c>
      <c r="ER14" s="241"/>
      <c r="ES14" s="71">
        <v>676</v>
      </c>
      <c r="ET14" s="71">
        <v>351</v>
      </c>
      <c r="EU14" s="71">
        <v>239</v>
      </c>
      <c r="EV14" s="71">
        <v>224</v>
      </c>
      <c r="EW14" s="71">
        <v>211</v>
      </c>
      <c r="EX14" s="72">
        <v>1701</v>
      </c>
      <c r="EY14" s="73">
        <v>3045</v>
      </c>
      <c r="EZ14" s="70">
        <v>895</v>
      </c>
      <c r="FA14" s="71">
        <v>626</v>
      </c>
      <c r="FB14" s="72">
        <v>1521</v>
      </c>
      <c r="FC14" s="241"/>
      <c r="FD14" s="71">
        <v>981</v>
      </c>
      <c r="FE14" s="71">
        <v>473</v>
      </c>
      <c r="FF14" s="71">
        <v>391</v>
      </c>
      <c r="FG14" s="71">
        <v>334</v>
      </c>
      <c r="FH14" s="71">
        <v>338</v>
      </c>
      <c r="FI14" s="72">
        <v>2517</v>
      </c>
      <c r="FJ14" s="73">
        <v>4038</v>
      </c>
      <c r="FK14" s="70">
        <v>451</v>
      </c>
      <c r="FL14" s="71">
        <v>479</v>
      </c>
      <c r="FM14" s="72">
        <v>930</v>
      </c>
      <c r="FN14" s="241"/>
      <c r="FO14" s="71">
        <v>877</v>
      </c>
      <c r="FP14" s="71">
        <v>625</v>
      </c>
      <c r="FQ14" s="71">
        <v>610</v>
      </c>
      <c r="FR14" s="71">
        <v>640</v>
      </c>
      <c r="FS14" s="71">
        <v>483</v>
      </c>
      <c r="FT14" s="72">
        <v>3235</v>
      </c>
      <c r="FU14" s="73">
        <v>4165</v>
      </c>
      <c r="FV14" s="70">
        <v>27</v>
      </c>
      <c r="FW14" s="71">
        <v>40</v>
      </c>
      <c r="FX14" s="72">
        <v>67</v>
      </c>
      <c r="FY14" s="241"/>
      <c r="FZ14" s="71">
        <v>51</v>
      </c>
      <c r="GA14" s="71">
        <v>35</v>
      </c>
      <c r="GB14" s="71">
        <v>21</v>
      </c>
      <c r="GC14" s="71">
        <v>17</v>
      </c>
      <c r="GD14" s="71">
        <v>33</v>
      </c>
      <c r="GE14" s="72">
        <v>157</v>
      </c>
      <c r="GF14" s="73">
        <v>224</v>
      </c>
      <c r="GG14" s="70">
        <v>2921</v>
      </c>
      <c r="GH14" s="71">
        <v>2173</v>
      </c>
      <c r="GI14" s="72">
        <v>5094</v>
      </c>
      <c r="GJ14" s="241"/>
      <c r="GK14" s="71">
        <v>3216</v>
      </c>
      <c r="GL14" s="71">
        <v>1775</v>
      </c>
      <c r="GM14" s="71">
        <v>1469</v>
      </c>
      <c r="GN14" s="71">
        <v>1419</v>
      </c>
      <c r="GO14" s="71">
        <v>1260</v>
      </c>
      <c r="GP14" s="72">
        <v>9139</v>
      </c>
      <c r="GQ14" s="73">
        <v>14233</v>
      </c>
      <c r="GR14" s="123">
        <v>4329</v>
      </c>
      <c r="GS14" s="82">
        <v>3117</v>
      </c>
      <c r="GT14" s="83">
        <v>7446</v>
      </c>
      <c r="GU14" s="241"/>
      <c r="GV14" s="82">
        <v>4824</v>
      </c>
      <c r="GW14" s="82">
        <v>2712</v>
      </c>
      <c r="GX14" s="82">
        <v>2167</v>
      </c>
      <c r="GY14" s="82">
        <v>2010</v>
      </c>
      <c r="GZ14" s="82">
        <v>1644</v>
      </c>
      <c r="HA14" s="84">
        <v>13357</v>
      </c>
      <c r="HB14" s="85">
        <v>20803</v>
      </c>
      <c r="HC14" s="70">
        <v>124</v>
      </c>
      <c r="HD14" s="71">
        <v>116</v>
      </c>
      <c r="HE14" s="72">
        <v>240</v>
      </c>
      <c r="HF14" s="241"/>
      <c r="HG14" s="71">
        <v>140</v>
      </c>
      <c r="HH14" s="71">
        <v>84</v>
      </c>
      <c r="HI14" s="71">
        <v>56</v>
      </c>
      <c r="HJ14" s="71">
        <v>50</v>
      </c>
      <c r="HK14" s="71">
        <v>50</v>
      </c>
      <c r="HL14" s="72">
        <v>380</v>
      </c>
      <c r="HM14" s="73">
        <v>620</v>
      </c>
      <c r="HN14" s="70">
        <v>345</v>
      </c>
      <c r="HO14" s="71">
        <v>276</v>
      </c>
      <c r="HP14" s="72">
        <v>621</v>
      </c>
      <c r="HQ14" s="241"/>
      <c r="HR14" s="71">
        <v>358</v>
      </c>
      <c r="HS14" s="71">
        <v>208</v>
      </c>
      <c r="HT14" s="71">
        <v>126</v>
      </c>
      <c r="HU14" s="71">
        <v>134</v>
      </c>
      <c r="HV14" s="71">
        <v>126</v>
      </c>
      <c r="HW14" s="72">
        <v>952</v>
      </c>
      <c r="HX14" s="73">
        <v>1573</v>
      </c>
      <c r="HY14" s="70">
        <v>646</v>
      </c>
      <c r="HZ14" s="71">
        <v>455</v>
      </c>
      <c r="IA14" s="72">
        <v>1101</v>
      </c>
      <c r="IB14" s="241"/>
      <c r="IC14" s="71">
        <v>668</v>
      </c>
      <c r="ID14" s="71">
        <v>332</v>
      </c>
      <c r="IE14" s="71">
        <v>253</v>
      </c>
      <c r="IF14" s="71">
        <v>214</v>
      </c>
      <c r="IG14" s="71">
        <v>172</v>
      </c>
      <c r="IH14" s="72">
        <v>1639</v>
      </c>
      <c r="II14" s="73">
        <v>2740</v>
      </c>
      <c r="IJ14" s="70">
        <v>1206</v>
      </c>
      <c r="IK14" s="71">
        <v>750</v>
      </c>
      <c r="IL14" s="72">
        <v>1956</v>
      </c>
      <c r="IM14" s="241"/>
      <c r="IN14" s="71">
        <v>1037</v>
      </c>
      <c r="IO14" s="71">
        <v>557</v>
      </c>
      <c r="IP14" s="71">
        <v>393</v>
      </c>
      <c r="IQ14" s="71">
        <v>361</v>
      </c>
      <c r="IR14" s="71">
        <v>309</v>
      </c>
      <c r="IS14" s="72">
        <v>2657</v>
      </c>
      <c r="IT14" s="73">
        <v>4613</v>
      </c>
      <c r="IU14" s="70">
        <v>1322</v>
      </c>
      <c r="IV14" s="71">
        <v>874</v>
      </c>
      <c r="IW14" s="72">
        <v>2196</v>
      </c>
      <c r="IX14" s="241"/>
      <c r="IY14" s="71">
        <v>1418</v>
      </c>
      <c r="IZ14" s="71">
        <v>708</v>
      </c>
      <c r="JA14" s="71">
        <v>573</v>
      </c>
      <c r="JB14" s="71">
        <v>488</v>
      </c>
      <c r="JC14" s="71">
        <v>432</v>
      </c>
      <c r="JD14" s="72">
        <v>3619</v>
      </c>
      <c r="JE14" s="73">
        <v>5815</v>
      </c>
      <c r="JF14" s="70">
        <v>686</v>
      </c>
      <c r="JG14" s="71">
        <v>646</v>
      </c>
      <c r="JH14" s="72">
        <v>1332</v>
      </c>
      <c r="JI14" s="241"/>
      <c r="JJ14" s="71">
        <v>1203</v>
      </c>
      <c r="JK14" s="71">
        <v>823</v>
      </c>
      <c r="JL14" s="71">
        <v>766</v>
      </c>
      <c r="JM14" s="71">
        <v>763</v>
      </c>
      <c r="JN14" s="71">
        <v>555</v>
      </c>
      <c r="JO14" s="72">
        <v>4110</v>
      </c>
      <c r="JP14" s="73">
        <v>5442</v>
      </c>
      <c r="JQ14" s="70">
        <v>65</v>
      </c>
      <c r="JR14" s="71">
        <v>73</v>
      </c>
      <c r="JS14" s="72">
        <v>138</v>
      </c>
      <c r="JT14" s="241"/>
      <c r="JU14" s="71">
        <v>116</v>
      </c>
      <c r="JV14" s="71">
        <v>81</v>
      </c>
      <c r="JW14" s="71">
        <v>50</v>
      </c>
      <c r="JX14" s="71">
        <v>34</v>
      </c>
      <c r="JY14" s="71">
        <v>63</v>
      </c>
      <c r="JZ14" s="72">
        <v>344</v>
      </c>
      <c r="KA14" s="73">
        <v>482</v>
      </c>
      <c r="KB14" s="70">
        <v>4394</v>
      </c>
      <c r="KC14" s="71">
        <v>3190</v>
      </c>
      <c r="KD14" s="72">
        <v>7584</v>
      </c>
      <c r="KE14" s="241"/>
      <c r="KF14" s="71">
        <v>4940</v>
      </c>
      <c r="KG14" s="71">
        <v>2793</v>
      </c>
      <c r="KH14" s="71">
        <v>2217</v>
      </c>
      <c r="KI14" s="71">
        <v>2044</v>
      </c>
      <c r="KJ14" s="71">
        <v>1707</v>
      </c>
      <c r="KK14" s="72">
        <v>13701</v>
      </c>
      <c r="KL14" s="73">
        <v>21285</v>
      </c>
    </row>
    <row r="15" spans="1:298" ht="19.5" customHeight="1" x14ac:dyDescent="0.2">
      <c r="A15" s="126" t="s">
        <v>11</v>
      </c>
      <c r="B15" s="316">
        <v>448</v>
      </c>
      <c r="C15" s="82">
        <v>337</v>
      </c>
      <c r="D15" s="83">
        <v>785</v>
      </c>
      <c r="E15" s="241"/>
      <c r="F15" s="82">
        <v>878</v>
      </c>
      <c r="G15" s="82">
        <v>538</v>
      </c>
      <c r="H15" s="82">
        <v>463</v>
      </c>
      <c r="I15" s="82">
        <v>411</v>
      </c>
      <c r="J15" s="82">
        <v>211</v>
      </c>
      <c r="K15" s="84">
        <v>2501</v>
      </c>
      <c r="L15" s="85">
        <v>3286</v>
      </c>
      <c r="M15" s="70">
        <v>21</v>
      </c>
      <c r="N15" s="71">
        <v>13</v>
      </c>
      <c r="O15" s="72">
        <v>34</v>
      </c>
      <c r="P15" s="241"/>
      <c r="Q15" s="71">
        <v>51</v>
      </c>
      <c r="R15" s="71">
        <v>26</v>
      </c>
      <c r="S15" s="71">
        <v>17</v>
      </c>
      <c r="T15" s="71">
        <v>18</v>
      </c>
      <c r="U15" s="71">
        <v>11</v>
      </c>
      <c r="V15" s="72">
        <v>123</v>
      </c>
      <c r="W15" s="73">
        <v>157</v>
      </c>
      <c r="X15" s="70">
        <v>55</v>
      </c>
      <c r="Y15" s="71">
        <v>46</v>
      </c>
      <c r="Z15" s="72">
        <v>101</v>
      </c>
      <c r="AA15" s="241"/>
      <c r="AB15" s="71">
        <v>105</v>
      </c>
      <c r="AC15" s="71">
        <v>60</v>
      </c>
      <c r="AD15" s="71">
        <v>56</v>
      </c>
      <c r="AE15" s="71">
        <v>38</v>
      </c>
      <c r="AF15" s="71">
        <v>31</v>
      </c>
      <c r="AG15" s="72">
        <v>290</v>
      </c>
      <c r="AH15" s="73">
        <v>391</v>
      </c>
      <c r="AI15" s="70">
        <v>64</v>
      </c>
      <c r="AJ15" s="71">
        <v>61</v>
      </c>
      <c r="AK15" s="72">
        <v>125</v>
      </c>
      <c r="AL15" s="241"/>
      <c r="AM15" s="71">
        <v>156</v>
      </c>
      <c r="AN15" s="71">
        <v>90</v>
      </c>
      <c r="AO15" s="71">
        <v>80</v>
      </c>
      <c r="AP15" s="71">
        <v>77</v>
      </c>
      <c r="AQ15" s="71">
        <v>42</v>
      </c>
      <c r="AR15" s="72">
        <v>445</v>
      </c>
      <c r="AS15" s="73">
        <v>570</v>
      </c>
      <c r="AT15" s="70">
        <v>111</v>
      </c>
      <c r="AU15" s="71">
        <v>71</v>
      </c>
      <c r="AV15" s="72">
        <v>182</v>
      </c>
      <c r="AW15" s="241"/>
      <c r="AX15" s="71">
        <v>210</v>
      </c>
      <c r="AY15" s="71">
        <v>129</v>
      </c>
      <c r="AZ15" s="71">
        <v>102</v>
      </c>
      <c r="BA15" s="71">
        <v>91</v>
      </c>
      <c r="BB15" s="71">
        <v>43</v>
      </c>
      <c r="BC15" s="72">
        <v>575</v>
      </c>
      <c r="BD15" s="73">
        <v>757</v>
      </c>
      <c r="BE15" s="70">
        <v>122</v>
      </c>
      <c r="BF15" s="71">
        <v>91</v>
      </c>
      <c r="BG15" s="72">
        <v>213</v>
      </c>
      <c r="BH15" s="241"/>
      <c r="BI15" s="71">
        <v>202</v>
      </c>
      <c r="BJ15" s="71">
        <v>127</v>
      </c>
      <c r="BK15" s="71">
        <v>105</v>
      </c>
      <c r="BL15" s="71">
        <v>106</v>
      </c>
      <c r="BM15" s="71">
        <v>42</v>
      </c>
      <c r="BN15" s="72">
        <v>582</v>
      </c>
      <c r="BO15" s="73">
        <v>795</v>
      </c>
      <c r="BP15" s="70">
        <v>75</v>
      </c>
      <c r="BQ15" s="71">
        <v>55</v>
      </c>
      <c r="BR15" s="72">
        <v>130</v>
      </c>
      <c r="BS15" s="241"/>
      <c r="BT15" s="71">
        <v>154</v>
      </c>
      <c r="BU15" s="71">
        <v>106</v>
      </c>
      <c r="BV15" s="71">
        <v>103</v>
      </c>
      <c r="BW15" s="71">
        <v>81</v>
      </c>
      <c r="BX15" s="71">
        <v>42</v>
      </c>
      <c r="BY15" s="72">
        <v>486</v>
      </c>
      <c r="BZ15" s="73">
        <v>616</v>
      </c>
      <c r="CA15" s="70">
        <v>7</v>
      </c>
      <c r="CB15" s="71">
        <v>9</v>
      </c>
      <c r="CC15" s="72">
        <v>16</v>
      </c>
      <c r="CD15" s="241"/>
      <c r="CE15" s="71">
        <v>25</v>
      </c>
      <c r="CF15" s="71">
        <v>19</v>
      </c>
      <c r="CG15" s="71">
        <v>13</v>
      </c>
      <c r="CH15" s="71">
        <v>6</v>
      </c>
      <c r="CI15" s="71">
        <v>15</v>
      </c>
      <c r="CJ15" s="72">
        <v>78</v>
      </c>
      <c r="CK15" s="73">
        <v>94</v>
      </c>
      <c r="CL15" s="70">
        <v>455</v>
      </c>
      <c r="CM15" s="71">
        <v>346</v>
      </c>
      <c r="CN15" s="72">
        <v>801</v>
      </c>
      <c r="CO15" s="241"/>
      <c r="CP15" s="71">
        <v>903</v>
      </c>
      <c r="CQ15" s="71">
        <v>557</v>
      </c>
      <c r="CR15" s="71">
        <v>476</v>
      </c>
      <c r="CS15" s="71">
        <v>417</v>
      </c>
      <c r="CT15" s="71">
        <v>226</v>
      </c>
      <c r="CU15" s="72">
        <v>2579</v>
      </c>
      <c r="CV15" s="73">
        <v>3380</v>
      </c>
      <c r="CW15" s="123">
        <v>971</v>
      </c>
      <c r="CX15" s="82">
        <v>758</v>
      </c>
      <c r="CY15" s="83">
        <v>1729</v>
      </c>
      <c r="CZ15" s="241"/>
      <c r="DA15" s="82">
        <v>1831</v>
      </c>
      <c r="DB15" s="82">
        <v>1019</v>
      </c>
      <c r="DC15" s="82">
        <v>903</v>
      </c>
      <c r="DD15" s="82">
        <v>927</v>
      </c>
      <c r="DE15" s="82">
        <v>523</v>
      </c>
      <c r="DF15" s="84">
        <v>5203</v>
      </c>
      <c r="DG15" s="85">
        <v>6932</v>
      </c>
      <c r="DH15" s="70">
        <v>24</v>
      </c>
      <c r="DI15" s="71">
        <v>20</v>
      </c>
      <c r="DJ15" s="72">
        <v>44</v>
      </c>
      <c r="DK15" s="241"/>
      <c r="DL15" s="71">
        <v>45</v>
      </c>
      <c r="DM15" s="71">
        <v>23</v>
      </c>
      <c r="DN15" s="71">
        <v>14</v>
      </c>
      <c r="DO15" s="71">
        <v>17</v>
      </c>
      <c r="DP15" s="71">
        <v>13</v>
      </c>
      <c r="DQ15" s="72">
        <v>112</v>
      </c>
      <c r="DR15" s="73">
        <v>156</v>
      </c>
      <c r="DS15" s="70">
        <v>75</v>
      </c>
      <c r="DT15" s="71">
        <v>53</v>
      </c>
      <c r="DU15" s="72">
        <v>128</v>
      </c>
      <c r="DV15" s="241"/>
      <c r="DW15" s="71">
        <v>110</v>
      </c>
      <c r="DX15" s="71">
        <v>56</v>
      </c>
      <c r="DY15" s="71">
        <v>56</v>
      </c>
      <c r="DZ15" s="71">
        <v>41</v>
      </c>
      <c r="EA15" s="71">
        <v>36</v>
      </c>
      <c r="EB15" s="72">
        <v>299</v>
      </c>
      <c r="EC15" s="73">
        <v>427</v>
      </c>
      <c r="ED15" s="70">
        <v>118</v>
      </c>
      <c r="EE15" s="71">
        <v>98</v>
      </c>
      <c r="EF15" s="72">
        <v>216</v>
      </c>
      <c r="EG15" s="241"/>
      <c r="EH15" s="71">
        <v>183</v>
      </c>
      <c r="EI15" s="71">
        <v>113</v>
      </c>
      <c r="EJ15" s="71">
        <v>101</v>
      </c>
      <c r="EK15" s="71">
        <v>83</v>
      </c>
      <c r="EL15" s="71">
        <v>41</v>
      </c>
      <c r="EM15" s="72">
        <v>521</v>
      </c>
      <c r="EN15" s="73">
        <v>737</v>
      </c>
      <c r="EO15" s="70">
        <v>309</v>
      </c>
      <c r="EP15" s="71">
        <v>207</v>
      </c>
      <c r="EQ15" s="72">
        <v>516</v>
      </c>
      <c r="ER15" s="241"/>
      <c r="ES15" s="71">
        <v>411</v>
      </c>
      <c r="ET15" s="71">
        <v>206</v>
      </c>
      <c r="EU15" s="71">
        <v>143</v>
      </c>
      <c r="EV15" s="71">
        <v>146</v>
      </c>
      <c r="EW15" s="71">
        <v>83</v>
      </c>
      <c r="EX15" s="72">
        <v>989</v>
      </c>
      <c r="EY15" s="73">
        <v>1505</v>
      </c>
      <c r="EZ15" s="70">
        <v>287</v>
      </c>
      <c r="FA15" s="71">
        <v>224</v>
      </c>
      <c r="FB15" s="72">
        <v>511</v>
      </c>
      <c r="FC15" s="241"/>
      <c r="FD15" s="71">
        <v>576</v>
      </c>
      <c r="FE15" s="71">
        <v>285</v>
      </c>
      <c r="FF15" s="71">
        <v>247</v>
      </c>
      <c r="FG15" s="71">
        <v>238</v>
      </c>
      <c r="FH15" s="71">
        <v>158</v>
      </c>
      <c r="FI15" s="72">
        <v>1504</v>
      </c>
      <c r="FJ15" s="73">
        <v>2015</v>
      </c>
      <c r="FK15" s="70">
        <v>158</v>
      </c>
      <c r="FL15" s="71">
        <v>156</v>
      </c>
      <c r="FM15" s="72">
        <v>314</v>
      </c>
      <c r="FN15" s="241"/>
      <c r="FO15" s="71">
        <v>506</v>
      </c>
      <c r="FP15" s="71">
        <v>336</v>
      </c>
      <c r="FQ15" s="71">
        <v>342</v>
      </c>
      <c r="FR15" s="71">
        <v>402</v>
      </c>
      <c r="FS15" s="71">
        <v>192</v>
      </c>
      <c r="FT15" s="72">
        <v>1778</v>
      </c>
      <c r="FU15" s="73">
        <v>2092</v>
      </c>
      <c r="FV15" s="70">
        <v>8</v>
      </c>
      <c r="FW15" s="71">
        <v>10</v>
      </c>
      <c r="FX15" s="72">
        <v>18</v>
      </c>
      <c r="FY15" s="241"/>
      <c r="FZ15" s="71">
        <v>27</v>
      </c>
      <c r="GA15" s="71">
        <v>19</v>
      </c>
      <c r="GB15" s="71">
        <v>11</v>
      </c>
      <c r="GC15" s="71">
        <v>12</v>
      </c>
      <c r="GD15" s="71">
        <v>12</v>
      </c>
      <c r="GE15" s="72">
        <v>81</v>
      </c>
      <c r="GF15" s="73">
        <v>99</v>
      </c>
      <c r="GG15" s="70">
        <v>979</v>
      </c>
      <c r="GH15" s="71">
        <v>768</v>
      </c>
      <c r="GI15" s="72">
        <v>1747</v>
      </c>
      <c r="GJ15" s="241"/>
      <c r="GK15" s="71">
        <v>1858</v>
      </c>
      <c r="GL15" s="71">
        <v>1038</v>
      </c>
      <c r="GM15" s="71">
        <v>914</v>
      </c>
      <c r="GN15" s="71">
        <v>939</v>
      </c>
      <c r="GO15" s="71">
        <v>535</v>
      </c>
      <c r="GP15" s="72">
        <v>5284</v>
      </c>
      <c r="GQ15" s="73">
        <v>7031</v>
      </c>
      <c r="GR15" s="123">
        <v>1419</v>
      </c>
      <c r="GS15" s="82">
        <v>1095</v>
      </c>
      <c r="GT15" s="83">
        <v>2514</v>
      </c>
      <c r="GU15" s="241"/>
      <c r="GV15" s="82">
        <v>2709</v>
      </c>
      <c r="GW15" s="82">
        <v>1557</v>
      </c>
      <c r="GX15" s="82">
        <v>1366</v>
      </c>
      <c r="GY15" s="82">
        <v>1338</v>
      </c>
      <c r="GZ15" s="82">
        <v>734</v>
      </c>
      <c r="HA15" s="84">
        <v>7704</v>
      </c>
      <c r="HB15" s="85">
        <v>10218</v>
      </c>
      <c r="HC15" s="70">
        <v>45</v>
      </c>
      <c r="HD15" s="71">
        <v>33</v>
      </c>
      <c r="HE15" s="72">
        <v>78</v>
      </c>
      <c r="HF15" s="241"/>
      <c r="HG15" s="71">
        <v>96</v>
      </c>
      <c r="HH15" s="71">
        <v>49</v>
      </c>
      <c r="HI15" s="71">
        <v>31</v>
      </c>
      <c r="HJ15" s="71">
        <v>35</v>
      </c>
      <c r="HK15" s="71">
        <v>24</v>
      </c>
      <c r="HL15" s="72">
        <v>235</v>
      </c>
      <c r="HM15" s="73">
        <v>313</v>
      </c>
      <c r="HN15" s="70">
        <v>130</v>
      </c>
      <c r="HO15" s="71">
        <v>99</v>
      </c>
      <c r="HP15" s="72">
        <v>229</v>
      </c>
      <c r="HQ15" s="241"/>
      <c r="HR15" s="71">
        <v>215</v>
      </c>
      <c r="HS15" s="71">
        <v>116</v>
      </c>
      <c r="HT15" s="71">
        <v>112</v>
      </c>
      <c r="HU15" s="71">
        <v>79</v>
      </c>
      <c r="HV15" s="71">
        <v>67</v>
      </c>
      <c r="HW15" s="72">
        <v>589</v>
      </c>
      <c r="HX15" s="73">
        <v>818</v>
      </c>
      <c r="HY15" s="70">
        <v>182</v>
      </c>
      <c r="HZ15" s="71">
        <v>159</v>
      </c>
      <c r="IA15" s="72">
        <v>341</v>
      </c>
      <c r="IB15" s="241"/>
      <c r="IC15" s="71">
        <v>339</v>
      </c>
      <c r="ID15" s="71">
        <v>203</v>
      </c>
      <c r="IE15" s="71">
        <v>181</v>
      </c>
      <c r="IF15" s="71">
        <v>160</v>
      </c>
      <c r="IG15" s="71">
        <v>83</v>
      </c>
      <c r="IH15" s="72">
        <v>966</v>
      </c>
      <c r="II15" s="73">
        <v>1307</v>
      </c>
      <c r="IJ15" s="70">
        <v>420</v>
      </c>
      <c r="IK15" s="71">
        <v>278</v>
      </c>
      <c r="IL15" s="72">
        <v>698</v>
      </c>
      <c r="IM15" s="241"/>
      <c r="IN15" s="71">
        <v>621</v>
      </c>
      <c r="IO15" s="71">
        <v>335</v>
      </c>
      <c r="IP15" s="71">
        <v>245</v>
      </c>
      <c r="IQ15" s="71">
        <v>237</v>
      </c>
      <c r="IR15" s="71">
        <v>126</v>
      </c>
      <c r="IS15" s="72">
        <v>1564</v>
      </c>
      <c r="IT15" s="73">
        <v>2262</v>
      </c>
      <c r="IU15" s="70">
        <v>409</v>
      </c>
      <c r="IV15" s="71">
        <v>315</v>
      </c>
      <c r="IW15" s="72">
        <v>724</v>
      </c>
      <c r="IX15" s="241"/>
      <c r="IY15" s="71">
        <v>778</v>
      </c>
      <c r="IZ15" s="71">
        <v>412</v>
      </c>
      <c r="JA15" s="71">
        <v>352</v>
      </c>
      <c r="JB15" s="71">
        <v>344</v>
      </c>
      <c r="JC15" s="71">
        <v>200</v>
      </c>
      <c r="JD15" s="72">
        <v>2086</v>
      </c>
      <c r="JE15" s="73">
        <v>2810</v>
      </c>
      <c r="JF15" s="70">
        <v>233</v>
      </c>
      <c r="JG15" s="71">
        <v>211</v>
      </c>
      <c r="JH15" s="72">
        <v>444</v>
      </c>
      <c r="JI15" s="241"/>
      <c r="JJ15" s="71">
        <v>660</v>
      </c>
      <c r="JK15" s="71">
        <v>442</v>
      </c>
      <c r="JL15" s="71">
        <v>445</v>
      </c>
      <c r="JM15" s="71">
        <v>483</v>
      </c>
      <c r="JN15" s="71">
        <v>234</v>
      </c>
      <c r="JO15" s="72">
        <v>2264</v>
      </c>
      <c r="JP15" s="73">
        <v>2708</v>
      </c>
      <c r="JQ15" s="70">
        <v>15</v>
      </c>
      <c r="JR15" s="71">
        <v>19</v>
      </c>
      <c r="JS15" s="72">
        <v>34</v>
      </c>
      <c r="JT15" s="241"/>
      <c r="JU15" s="71">
        <v>52</v>
      </c>
      <c r="JV15" s="71">
        <v>38</v>
      </c>
      <c r="JW15" s="71">
        <v>24</v>
      </c>
      <c r="JX15" s="71">
        <v>18</v>
      </c>
      <c r="JY15" s="71">
        <v>27</v>
      </c>
      <c r="JZ15" s="72">
        <v>159</v>
      </c>
      <c r="KA15" s="73">
        <v>193</v>
      </c>
      <c r="KB15" s="70">
        <v>1434</v>
      </c>
      <c r="KC15" s="71">
        <v>1114</v>
      </c>
      <c r="KD15" s="72">
        <v>2548</v>
      </c>
      <c r="KE15" s="241"/>
      <c r="KF15" s="71">
        <v>2761</v>
      </c>
      <c r="KG15" s="71">
        <v>1595</v>
      </c>
      <c r="KH15" s="71">
        <v>1390</v>
      </c>
      <c r="KI15" s="71">
        <v>1356</v>
      </c>
      <c r="KJ15" s="71">
        <v>761</v>
      </c>
      <c r="KK15" s="72">
        <v>7863</v>
      </c>
      <c r="KL15" s="73">
        <v>10411</v>
      </c>
    </row>
    <row r="16" spans="1:298" ht="19.5" customHeight="1" x14ac:dyDescent="0.2">
      <c r="A16" s="126" t="s">
        <v>12</v>
      </c>
      <c r="B16" s="316">
        <v>722</v>
      </c>
      <c r="C16" s="82">
        <v>552</v>
      </c>
      <c r="D16" s="83">
        <v>1274</v>
      </c>
      <c r="E16" s="241"/>
      <c r="F16" s="82">
        <v>672</v>
      </c>
      <c r="G16" s="82">
        <v>589</v>
      </c>
      <c r="H16" s="82">
        <v>477</v>
      </c>
      <c r="I16" s="82">
        <v>416</v>
      </c>
      <c r="J16" s="82">
        <v>232</v>
      </c>
      <c r="K16" s="84">
        <v>2386</v>
      </c>
      <c r="L16" s="85">
        <v>3660</v>
      </c>
      <c r="M16" s="86">
        <v>25</v>
      </c>
      <c r="N16" s="71">
        <v>30</v>
      </c>
      <c r="O16" s="72">
        <v>55</v>
      </c>
      <c r="P16" s="241"/>
      <c r="Q16" s="71">
        <v>16</v>
      </c>
      <c r="R16" s="71">
        <v>31</v>
      </c>
      <c r="S16" s="71">
        <v>27</v>
      </c>
      <c r="T16" s="71">
        <v>13</v>
      </c>
      <c r="U16" s="71">
        <v>16</v>
      </c>
      <c r="V16" s="72">
        <v>103</v>
      </c>
      <c r="W16" s="73">
        <v>158</v>
      </c>
      <c r="X16" s="70">
        <v>64</v>
      </c>
      <c r="Y16" s="71">
        <v>64</v>
      </c>
      <c r="Z16" s="72">
        <v>128</v>
      </c>
      <c r="AA16" s="241"/>
      <c r="AB16" s="71">
        <v>64</v>
      </c>
      <c r="AC16" s="71">
        <v>40</v>
      </c>
      <c r="AD16" s="71">
        <v>48</v>
      </c>
      <c r="AE16" s="71">
        <v>40</v>
      </c>
      <c r="AF16" s="71">
        <v>25</v>
      </c>
      <c r="AG16" s="72">
        <v>217</v>
      </c>
      <c r="AH16" s="73">
        <v>345</v>
      </c>
      <c r="AI16" s="86">
        <v>91</v>
      </c>
      <c r="AJ16" s="71">
        <v>90</v>
      </c>
      <c r="AK16" s="72">
        <v>181</v>
      </c>
      <c r="AL16" s="241"/>
      <c r="AM16" s="71">
        <v>74</v>
      </c>
      <c r="AN16" s="71">
        <v>95</v>
      </c>
      <c r="AO16" s="71">
        <v>71</v>
      </c>
      <c r="AP16" s="71">
        <v>61</v>
      </c>
      <c r="AQ16" s="71">
        <v>45</v>
      </c>
      <c r="AR16" s="72">
        <v>346</v>
      </c>
      <c r="AS16" s="73">
        <v>527</v>
      </c>
      <c r="AT16" s="70">
        <v>187</v>
      </c>
      <c r="AU16" s="71">
        <v>132</v>
      </c>
      <c r="AV16" s="72">
        <v>319</v>
      </c>
      <c r="AW16" s="241"/>
      <c r="AX16" s="71">
        <v>179</v>
      </c>
      <c r="AY16" s="71">
        <v>148</v>
      </c>
      <c r="AZ16" s="71">
        <v>99</v>
      </c>
      <c r="BA16" s="71">
        <v>89</v>
      </c>
      <c r="BB16" s="71">
        <v>64</v>
      </c>
      <c r="BC16" s="72">
        <v>579</v>
      </c>
      <c r="BD16" s="73">
        <v>898</v>
      </c>
      <c r="BE16" s="86">
        <v>222</v>
      </c>
      <c r="BF16" s="71">
        <v>135</v>
      </c>
      <c r="BG16" s="72">
        <v>357</v>
      </c>
      <c r="BH16" s="241"/>
      <c r="BI16" s="71">
        <v>205</v>
      </c>
      <c r="BJ16" s="71">
        <v>149</v>
      </c>
      <c r="BK16" s="71">
        <v>134</v>
      </c>
      <c r="BL16" s="71">
        <v>119</v>
      </c>
      <c r="BM16" s="71">
        <v>44</v>
      </c>
      <c r="BN16" s="72">
        <v>651</v>
      </c>
      <c r="BO16" s="73">
        <v>1008</v>
      </c>
      <c r="BP16" s="70">
        <v>133</v>
      </c>
      <c r="BQ16" s="71">
        <v>101</v>
      </c>
      <c r="BR16" s="72">
        <v>234</v>
      </c>
      <c r="BS16" s="241"/>
      <c r="BT16" s="71">
        <v>134</v>
      </c>
      <c r="BU16" s="71">
        <v>126</v>
      </c>
      <c r="BV16" s="71">
        <v>98</v>
      </c>
      <c r="BW16" s="71">
        <v>94</v>
      </c>
      <c r="BX16" s="71">
        <v>38</v>
      </c>
      <c r="BY16" s="72">
        <v>490</v>
      </c>
      <c r="BZ16" s="73">
        <v>724</v>
      </c>
      <c r="CA16" s="70">
        <v>15</v>
      </c>
      <c r="CB16" s="71">
        <v>23</v>
      </c>
      <c r="CC16" s="72">
        <v>38</v>
      </c>
      <c r="CD16" s="241"/>
      <c r="CE16" s="71">
        <v>10</v>
      </c>
      <c r="CF16" s="71">
        <v>22</v>
      </c>
      <c r="CG16" s="71">
        <v>14</v>
      </c>
      <c r="CH16" s="71">
        <v>17</v>
      </c>
      <c r="CI16" s="71">
        <v>11</v>
      </c>
      <c r="CJ16" s="72">
        <v>74</v>
      </c>
      <c r="CK16" s="73">
        <v>112</v>
      </c>
      <c r="CL16" s="70">
        <v>737</v>
      </c>
      <c r="CM16" s="71">
        <v>575</v>
      </c>
      <c r="CN16" s="72">
        <v>1312</v>
      </c>
      <c r="CO16" s="241"/>
      <c r="CP16" s="71">
        <v>682</v>
      </c>
      <c r="CQ16" s="71">
        <v>611</v>
      </c>
      <c r="CR16" s="71">
        <v>491</v>
      </c>
      <c r="CS16" s="71">
        <v>433</v>
      </c>
      <c r="CT16" s="71">
        <v>243</v>
      </c>
      <c r="CU16" s="72">
        <v>2460</v>
      </c>
      <c r="CV16" s="73">
        <v>3772</v>
      </c>
      <c r="CW16" s="123">
        <v>1319</v>
      </c>
      <c r="CX16" s="82">
        <v>1288</v>
      </c>
      <c r="CY16" s="83">
        <v>2607</v>
      </c>
      <c r="CZ16" s="241"/>
      <c r="DA16" s="82">
        <v>1365</v>
      </c>
      <c r="DB16" s="82">
        <v>1017</v>
      </c>
      <c r="DC16" s="82">
        <v>931</v>
      </c>
      <c r="DD16" s="82">
        <v>1019</v>
      </c>
      <c r="DE16" s="82">
        <v>651</v>
      </c>
      <c r="DF16" s="84">
        <v>4983</v>
      </c>
      <c r="DG16" s="85">
        <v>7590</v>
      </c>
      <c r="DH16" s="86">
        <v>26</v>
      </c>
      <c r="DI16" s="71">
        <v>38</v>
      </c>
      <c r="DJ16" s="72">
        <v>64</v>
      </c>
      <c r="DK16" s="241"/>
      <c r="DL16" s="71">
        <v>15</v>
      </c>
      <c r="DM16" s="71">
        <v>20</v>
      </c>
      <c r="DN16" s="71">
        <v>21</v>
      </c>
      <c r="DO16" s="71">
        <v>13</v>
      </c>
      <c r="DP16" s="71">
        <v>15</v>
      </c>
      <c r="DQ16" s="72">
        <v>84</v>
      </c>
      <c r="DR16" s="73">
        <v>148</v>
      </c>
      <c r="DS16" s="70">
        <v>77</v>
      </c>
      <c r="DT16" s="71">
        <v>113</v>
      </c>
      <c r="DU16" s="72">
        <v>190</v>
      </c>
      <c r="DV16" s="241"/>
      <c r="DW16" s="71">
        <v>64</v>
      </c>
      <c r="DX16" s="71">
        <v>59</v>
      </c>
      <c r="DY16" s="71">
        <v>38</v>
      </c>
      <c r="DZ16" s="71">
        <v>44</v>
      </c>
      <c r="EA16" s="71">
        <v>44</v>
      </c>
      <c r="EB16" s="72">
        <v>249</v>
      </c>
      <c r="EC16" s="73">
        <v>439</v>
      </c>
      <c r="ED16" s="86">
        <v>197</v>
      </c>
      <c r="EE16" s="71">
        <v>181</v>
      </c>
      <c r="EF16" s="72">
        <v>378</v>
      </c>
      <c r="EG16" s="241"/>
      <c r="EH16" s="71">
        <v>131</v>
      </c>
      <c r="EI16" s="71">
        <v>103</v>
      </c>
      <c r="EJ16" s="71">
        <v>87</v>
      </c>
      <c r="EK16" s="71">
        <v>80</v>
      </c>
      <c r="EL16" s="71">
        <v>63</v>
      </c>
      <c r="EM16" s="72">
        <v>464</v>
      </c>
      <c r="EN16" s="73">
        <v>842</v>
      </c>
      <c r="EO16" s="70">
        <v>368</v>
      </c>
      <c r="EP16" s="71">
        <v>319</v>
      </c>
      <c r="EQ16" s="72">
        <v>687</v>
      </c>
      <c r="ER16" s="241"/>
      <c r="ES16" s="71">
        <v>328</v>
      </c>
      <c r="ET16" s="71">
        <v>198</v>
      </c>
      <c r="EU16" s="71">
        <v>151</v>
      </c>
      <c r="EV16" s="71">
        <v>166</v>
      </c>
      <c r="EW16" s="71">
        <v>121</v>
      </c>
      <c r="EX16" s="72">
        <v>964</v>
      </c>
      <c r="EY16" s="73">
        <v>1651</v>
      </c>
      <c r="EZ16" s="86">
        <v>419</v>
      </c>
      <c r="FA16" s="71">
        <v>368</v>
      </c>
      <c r="FB16" s="72">
        <v>787</v>
      </c>
      <c r="FC16" s="241"/>
      <c r="FD16" s="71">
        <v>423</v>
      </c>
      <c r="FE16" s="71">
        <v>315</v>
      </c>
      <c r="FF16" s="71">
        <v>271</v>
      </c>
      <c r="FG16" s="71">
        <v>281</v>
      </c>
      <c r="FH16" s="71">
        <v>146</v>
      </c>
      <c r="FI16" s="72">
        <v>1436</v>
      </c>
      <c r="FJ16" s="73">
        <v>2223</v>
      </c>
      <c r="FK16" s="70">
        <v>232</v>
      </c>
      <c r="FL16" s="71">
        <v>269</v>
      </c>
      <c r="FM16" s="72">
        <v>501</v>
      </c>
      <c r="FN16" s="241"/>
      <c r="FO16" s="71">
        <v>404</v>
      </c>
      <c r="FP16" s="71">
        <v>322</v>
      </c>
      <c r="FQ16" s="71">
        <v>363</v>
      </c>
      <c r="FR16" s="71">
        <v>435</v>
      </c>
      <c r="FS16" s="71">
        <v>262</v>
      </c>
      <c r="FT16" s="72">
        <v>1786</v>
      </c>
      <c r="FU16" s="73">
        <v>2287</v>
      </c>
      <c r="FV16" s="70">
        <v>13</v>
      </c>
      <c r="FW16" s="71">
        <v>23</v>
      </c>
      <c r="FX16" s="72">
        <v>36</v>
      </c>
      <c r="FY16" s="241"/>
      <c r="FZ16" s="71">
        <v>18</v>
      </c>
      <c r="GA16" s="71">
        <v>10</v>
      </c>
      <c r="GB16" s="71">
        <v>10</v>
      </c>
      <c r="GC16" s="71">
        <v>23</v>
      </c>
      <c r="GD16" s="71">
        <v>8</v>
      </c>
      <c r="GE16" s="72">
        <v>69</v>
      </c>
      <c r="GF16" s="73">
        <v>105</v>
      </c>
      <c r="GG16" s="70">
        <v>1332</v>
      </c>
      <c r="GH16" s="71">
        <v>1311</v>
      </c>
      <c r="GI16" s="72">
        <v>2643</v>
      </c>
      <c r="GJ16" s="241"/>
      <c r="GK16" s="71">
        <v>1383</v>
      </c>
      <c r="GL16" s="71">
        <v>1027</v>
      </c>
      <c r="GM16" s="71">
        <v>941</v>
      </c>
      <c r="GN16" s="71">
        <v>1042</v>
      </c>
      <c r="GO16" s="71">
        <v>659</v>
      </c>
      <c r="GP16" s="72">
        <v>5052</v>
      </c>
      <c r="GQ16" s="73">
        <v>7695</v>
      </c>
      <c r="GR16" s="123">
        <v>2041</v>
      </c>
      <c r="GS16" s="82">
        <v>1840</v>
      </c>
      <c r="GT16" s="83">
        <v>3881</v>
      </c>
      <c r="GU16" s="241"/>
      <c r="GV16" s="82">
        <v>2037</v>
      </c>
      <c r="GW16" s="82">
        <v>1606</v>
      </c>
      <c r="GX16" s="82">
        <v>1408</v>
      </c>
      <c r="GY16" s="82">
        <v>1435</v>
      </c>
      <c r="GZ16" s="82">
        <v>883</v>
      </c>
      <c r="HA16" s="84">
        <v>7369</v>
      </c>
      <c r="HB16" s="85">
        <v>11250</v>
      </c>
      <c r="HC16" s="86">
        <v>51</v>
      </c>
      <c r="HD16" s="71">
        <v>68</v>
      </c>
      <c r="HE16" s="72">
        <v>119</v>
      </c>
      <c r="HF16" s="241"/>
      <c r="HG16" s="71">
        <v>31</v>
      </c>
      <c r="HH16" s="71">
        <v>51</v>
      </c>
      <c r="HI16" s="71">
        <v>48</v>
      </c>
      <c r="HJ16" s="71">
        <v>26</v>
      </c>
      <c r="HK16" s="71">
        <v>31</v>
      </c>
      <c r="HL16" s="72">
        <v>187</v>
      </c>
      <c r="HM16" s="73">
        <v>306</v>
      </c>
      <c r="HN16" s="70">
        <v>141</v>
      </c>
      <c r="HO16" s="71">
        <v>177</v>
      </c>
      <c r="HP16" s="72">
        <v>318</v>
      </c>
      <c r="HQ16" s="241"/>
      <c r="HR16" s="71">
        <v>128</v>
      </c>
      <c r="HS16" s="71">
        <v>99</v>
      </c>
      <c r="HT16" s="71">
        <v>86</v>
      </c>
      <c r="HU16" s="71">
        <v>84</v>
      </c>
      <c r="HV16" s="71">
        <v>69</v>
      </c>
      <c r="HW16" s="72">
        <v>466</v>
      </c>
      <c r="HX16" s="73">
        <v>784</v>
      </c>
      <c r="HY16" s="86">
        <v>288</v>
      </c>
      <c r="HZ16" s="71">
        <v>271</v>
      </c>
      <c r="IA16" s="72">
        <v>559</v>
      </c>
      <c r="IB16" s="241"/>
      <c r="IC16" s="71">
        <v>205</v>
      </c>
      <c r="ID16" s="71">
        <v>198</v>
      </c>
      <c r="IE16" s="71">
        <v>158</v>
      </c>
      <c r="IF16" s="71">
        <v>141</v>
      </c>
      <c r="IG16" s="71">
        <v>108</v>
      </c>
      <c r="IH16" s="72">
        <v>810</v>
      </c>
      <c r="II16" s="73">
        <v>1369</v>
      </c>
      <c r="IJ16" s="70">
        <v>555</v>
      </c>
      <c r="IK16" s="71">
        <v>451</v>
      </c>
      <c r="IL16" s="72">
        <v>1006</v>
      </c>
      <c r="IM16" s="241"/>
      <c r="IN16" s="71">
        <v>507</v>
      </c>
      <c r="IO16" s="71">
        <v>346</v>
      </c>
      <c r="IP16" s="71">
        <v>250</v>
      </c>
      <c r="IQ16" s="71">
        <v>255</v>
      </c>
      <c r="IR16" s="71">
        <v>185</v>
      </c>
      <c r="IS16" s="72">
        <v>1543</v>
      </c>
      <c r="IT16" s="73">
        <v>2549</v>
      </c>
      <c r="IU16" s="86">
        <v>641</v>
      </c>
      <c r="IV16" s="71">
        <v>503</v>
      </c>
      <c r="IW16" s="72">
        <v>1144</v>
      </c>
      <c r="IX16" s="241"/>
      <c r="IY16" s="71">
        <v>628</v>
      </c>
      <c r="IZ16" s="71">
        <v>464</v>
      </c>
      <c r="JA16" s="71">
        <v>405</v>
      </c>
      <c r="JB16" s="71">
        <v>400</v>
      </c>
      <c r="JC16" s="71">
        <v>190</v>
      </c>
      <c r="JD16" s="72">
        <v>2087</v>
      </c>
      <c r="JE16" s="73">
        <v>3231</v>
      </c>
      <c r="JF16" s="70">
        <v>365</v>
      </c>
      <c r="JG16" s="71">
        <v>370</v>
      </c>
      <c r="JH16" s="72">
        <v>735</v>
      </c>
      <c r="JI16" s="241"/>
      <c r="JJ16" s="71">
        <v>538</v>
      </c>
      <c r="JK16" s="71">
        <v>448</v>
      </c>
      <c r="JL16" s="71">
        <v>461</v>
      </c>
      <c r="JM16" s="71">
        <v>529</v>
      </c>
      <c r="JN16" s="71">
        <v>300</v>
      </c>
      <c r="JO16" s="72">
        <v>2276</v>
      </c>
      <c r="JP16" s="73">
        <v>3011</v>
      </c>
      <c r="JQ16" s="70">
        <v>28</v>
      </c>
      <c r="JR16" s="71">
        <v>46</v>
      </c>
      <c r="JS16" s="72">
        <v>74</v>
      </c>
      <c r="JT16" s="241"/>
      <c r="JU16" s="71">
        <v>28</v>
      </c>
      <c r="JV16" s="71">
        <v>32</v>
      </c>
      <c r="JW16" s="71">
        <v>24</v>
      </c>
      <c r="JX16" s="71">
        <v>40</v>
      </c>
      <c r="JY16" s="71">
        <v>19</v>
      </c>
      <c r="JZ16" s="72">
        <v>143</v>
      </c>
      <c r="KA16" s="73">
        <v>217</v>
      </c>
      <c r="KB16" s="70">
        <v>2069</v>
      </c>
      <c r="KC16" s="71">
        <v>1886</v>
      </c>
      <c r="KD16" s="72">
        <v>3955</v>
      </c>
      <c r="KE16" s="241"/>
      <c r="KF16" s="71">
        <v>2065</v>
      </c>
      <c r="KG16" s="71">
        <v>1638</v>
      </c>
      <c r="KH16" s="71">
        <v>1432</v>
      </c>
      <c r="KI16" s="71">
        <v>1475</v>
      </c>
      <c r="KJ16" s="71">
        <v>902</v>
      </c>
      <c r="KK16" s="72">
        <v>7512</v>
      </c>
      <c r="KL16" s="73">
        <v>11467</v>
      </c>
    </row>
    <row r="17" spans="1:298" ht="19.5" customHeight="1" x14ac:dyDescent="0.2">
      <c r="A17" s="126" t="s">
        <v>13</v>
      </c>
      <c r="B17" s="316">
        <v>149</v>
      </c>
      <c r="C17" s="82">
        <v>182</v>
      </c>
      <c r="D17" s="83">
        <v>331</v>
      </c>
      <c r="E17" s="241"/>
      <c r="F17" s="82">
        <v>289</v>
      </c>
      <c r="G17" s="82">
        <v>247</v>
      </c>
      <c r="H17" s="82">
        <v>184</v>
      </c>
      <c r="I17" s="82">
        <v>159</v>
      </c>
      <c r="J17" s="82">
        <v>99</v>
      </c>
      <c r="K17" s="84">
        <v>978</v>
      </c>
      <c r="L17" s="85">
        <v>1309</v>
      </c>
      <c r="M17" s="70">
        <v>5</v>
      </c>
      <c r="N17" s="71">
        <v>1</v>
      </c>
      <c r="O17" s="72">
        <v>6</v>
      </c>
      <c r="P17" s="241"/>
      <c r="Q17" s="71">
        <v>13</v>
      </c>
      <c r="R17" s="71">
        <v>9</v>
      </c>
      <c r="S17" s="71">
        <v>5</v>
      </c>
      <c r="T17" s="71">
        <v>6</v>
      </c>
      <c r="U17" s="71">
        <v>3</v>
      </c>
      <c r="V17" s="72">
        <v>36</v>
      </c>
      <c r="W17" s="73">
        <v>42</v>
      </c>
      <c r="X17" s="70">
        <v>11</v>
      </c>
      <c r="Y17" s="71">
        <v>12</v>
      </c>
      <c r="Z17" s="72">
        <v>23</v>
      </c>
      <c r="AA17" s="241"/>
      <c r="AB17" s="71">
        <v>23</v>
      </c>
      <c r="AC17" s="71">
        <v>23</v>
      </c>
      <c r="AD17" s="71">
        <v>14</v>
      </c>
      <c r="AE17" s="71">
        <v>10</v>
      </c>
      <c r="AF17" s="71">
        <v>15</v>
      </c>
      <c r="AG17" s="72">
        <v>85</v>
      </c>
      <c r="AH17" s="73">
        <v>108</v>
      </c>
      <c r="AI17" s="70">
        <v>19</v>
      </c>
      <c r="AJ17" s="71">
        <v>14</v>
      </c>
      <c r="AK17" s="72">
        <v>33</v>
      </c>
      <c r="AL17" s="241"/>
      <c r="AM17" s="71">
        <v>31</v>
      </c>
      <c r="AN17" s="71">
        <v>30</v>
      </c>
      <c r="AO17" s="71">
        <v>22</v>
      </c>
      <c r="AP17" s="71">
        <v>24</v>
      </c>
      <c r="AQ17" s="71">
        <v>15</v>
      </c>
      <c r="AR17" s="72">
        <v>122</v>
      </c>
      <c r="AS17" s="73">
        <v>155</v>
      </c>
      <c r="AT17" s="70">
        <v>28</v>
      </c>
      <c r="AU17" s="71">
        <v>59</v>
      </c>
      <c r="AV17" s="72">
        <v>87</v>
      </c>
      <c r="AW17" s="241"/>
      <c r="AX17" s="71">
        <v>67</v>
      </c>
      <c r="AY17" s="71">
        <v>39</v>
      </c>
      <c r="AZ17" s="71">
        <v>44</v>
      </c>
      <c r="BA17" s="71">
        <v>37</v>
      </c>
      <c r="BB17" s="71">
        <v>23</v>
      </c>
      <c r="BC17" s="72">
        <v>210</v>
      </c>
      <c r="BD17" s="73">
        <v>297</v>
      </c>
      <c r="BE17" s="70">
        <v>52</v>
      </c>
      <c r="BF17" s="71">
        <v>57</v>
      </c>
      <c r="BG17" s="72">
        <v>109</v>
      </c>
      <c r="BH17" s="241"/>
      <c r="BI17" s="71">
        <v>86</v>
      </c>
      <c r="BJ17" s="71">
        <v>81</v>
      </c>
      <c r="BK17" s="71">
        <v>45</v>
      </c>
      <c r="BL17" s="71">
        <v>46</v>
      </c>
      <c r="BM17" s="71">
        <v>23</v>
      </c>
      <c r="BN17" s="72">
        <v>281</v>
      </c>
      <c r="BO17" s="73">
        <v>390</v>
      </c>
      <c r="BP17" s="70">
        <v>34</v>
      </c>
      <c r="BQ17" s="71">
        <v>39</v>
      </c>
      <c r="BR17" s="72">
        <v>73</v>
      </c>
      <c r="BS17" s="241"/>
      <c r="BT17" s="71">
        <v>69</v>
      </c>
      <c r="BU17" s="71">
        <v>65</v>
      </c>
      <c r="BV17" s="71">
        <v>54</v>
      </c>
      <c r="BW17" s="71">
        <v>36</v>
      </c>
      <c r="BX17" s="71">
        <v>20</v>
      </c>
      <c r="BY17" s="72">
        <v>244</v>
      </c>
      <c r="BZ17" s="73">
        <v>317</v>
      </c>
      <c r="CA17" s="70">
        <v>5</v>
      </c>
      <c r="CB17" s="71">
        <v>4</v>
      </c>
      <c r="CC17" s="72">
        <v>9</v>
      </c>
      <c r="CD17" s="241"/>
      <c r="CE17" s="71">
        <v>7</v>
      </c>
      <c r="CF17" s="71">
        <v>8</v>
      </c>
      <c r="CG17" s="71">
        <v>10</v>
      </c>
      <c r="CH17" s="71">
        <v>2</v>
      </c>
      <c r="CI17" s="71">
        <v>6</v>
      </c>
      <c r="CJ17" s="72">
        <v>33</v>
      </c>
      <c r="CK17" s="73">
        <v>42</v>
      </c>
      <c r="CL17" s="70">
        <v>154</v>
      </c>
      <c r="CM17" s="71">
        <v>186</v>
      </c>
      <c r="CN17" s="72">
        <v>340</v>
      </c>
      <c r="CO17" s="241"/>
      <c r="CP17" s="71">
        <v>296</v>
      </c>
      <c r="CQ17" s="71">
        <v>255</v>
      </c>
      <c r="CR17" s="71">
        <v>194</v>
      </c>
      <c r="CS17" s="71">
        <v>161</v>
      </c>
      <c r="CT17" s="71">
        <v>105</v>
      </c>
      <c r="CU17" s="72">
        <v>1011</v>
      </c>
      <c r="CV17" s="73">
        <v>1351</v>
      </c>
      <c r="CW17" s="123">
        <v>359</v>
      </c>
      <c r="CX17" s="82">
        <v>415</v>
      </c>
      <c r="CY17" s="83">
        <v>774</v>
      </c>
      <c r="CZ17" s="241"/>
      <c r="DA17" s="82">
        <v>589</v>
      </c>
      <c r="DB17" s="82">
        <v>478</v>
      </c>
      <c r="DC17" s="82">
        <v>347</v>
      </c>
      <c r="DD17" s="82">
        <v>377</v>
      </c>
      <c r="DE17" s="82">
        <v>302</v>
      </c>
      <c r="DF17" s="84">
        <v>2093</v>
      </c>
      <c r="DG17" s="85">
        <v>2867</v>
      </c>
      <c r="DH17" s="70">
        <v>3</v>
      </c>
      <c r="DI17" s="71">
        <v>6</v>
      </c>
      <c r="DJ17" s="72">
        <v>9</v>
      </c>
      <c r="DK17" s="241"/>
      <c r="DL17" s="71">
        <v>8</v>
      </c>
      <c r="DM17" s="71">
        <v>14</v>
      </c>
      <c r="DN17" s="71">
        <v>2</v>
      </c>
      <c r="DO17" s="71">
        <v>5</v>
      </c>
      <c r="DP17" s="71">
        <v>4</v>
      </c>
      <c r="DQ17" s="72">
        <v>33</v>
      </c>
      <c r="DR17" s="73">
        <v>42</v>
      </c>
      <c r="DS17" s="70">
        <v>16</v>
      </c>
      <c r="DT17" s="71">
        <v>34</v>
      </c>
      <c r="DU17" s="72">
        <v>50</v>
      </c>
      <c r="DV17" s="241"/>
      <c r="DW17" s="71">
        <v>25</v>
      </c>
      <c r="DX17" s="71">
        <v>24</v>
      </c>
      <c r="DY17" s="71">
        <v>18</v>
      </c>
      <c r="DZ17" s="71">
        <v>13</v>
      </c>
      <c r="EA17" s="71">
        <v>17</v>
      </c>
      <c r="EB17" s="72">
        <v>97</v>
      </c>
      <c r="EC17" s="73">
        <v>147</v>
      </c>
      <c r="ED17" s="70">
        <v>40</v>
      </c>
      <c r="EE17" s="71">
        <v>42</v>
      </c>
      <c r="EF17" s="72">
        <v>82</v>
      </c>
      <c r="EG17" s="241"/>
      <c r="EH17" s="71">
        <v>73</v>
      </c>
      <c r="EI17" s="71">
        <v>49</v>
      </c>
      <c r="EJ17" s="71">
        <v>30</v>
      </c>
      <c r="EK17" s="71">
        <v>20</v>
      </c>
      <c r="EL17" s="71">
        <v>28</v>
      </c>
      <c r="EM17" s="72">
        <v>200</v>
      </c>
      <c r="EN17" s="73">
        <v>282</v>
      </c>
      <c r="EO17" s="70">
        <v>108</v>
      </c>
      <c r="EP17" s="71">
        <v>106</v>
      </c>
      <c r="EQ17" s="72">
        <v>214</v>
      </c>
      <c r="ER17" s="241"/>
      <c r="ES17" s="71">
        <v>128</v>
      </c>
      <c r="ET17" s="71">
        <v>76</v>
      </c>
      <c r="EU17" s="71">
        <v>57</v>
      </c>
      <c r="EV17" s="71">
        <v>55</v>
      </c>
      <c r="EW17" s="71">
        <v>50</v>
      </c>
      <c r="EX17" s="72">
        <v>366</v>
      </c>
      <c r="EY17" s="73">
        <v>580</v>
      </c>
      <c r="EZ17" s="70">
        <v>119</v>
      </c>
      <c r="FA17" s="71">
        <v>123</v>
      </c>
      <c r="FB17" s="72">
        <v>242</v>
      </c>
      <c r="FC17" s="241"/>
      <c r="FD17" s="71">
        <v>205</v>
      </c>
      <c r="FE17" s="71">
        <v>136</v>
      </c>
      <c r="FF17" s="71">
        <v>92</v>
      </c>
      <c r="FG17" s="71">
        <v>104</v>
      </c>
      <c r="FH17" s="71">
        <v>70</v>
      </c>
      <c r="FI17" s="72">
        <v>607</v>
      </c>
      <c r="FJ17" s="73">
        <v>849</v>
      </c>
      <c r="FK17" s="70">
        <v>73</v>
      </c>
      <c r="FL17" s="71">
        <v>104</v>
      </c>
      <c r="FM17" s="72">
        <v>177</v>
      </c>
      <c r="FN17" s="241"/>
      <c r="FO17" s="71">
        <v>150</v>
      </c>
      <c r="FP17" s="71">
        <v>179</v>
      </c>
      <c r="FQ17" s="71">
        <v>148</v>
      </c>
      <c r="FR17" s="71">
        <v>180</v>
      </c>
      <c r="FS17" s="71">
        <v>133</v>
      </c>
      <c r="FT17" s="72">
        <v>790</v>
      </c>
      <c r="FU17" s="73">
        <v>967</v>
      </c>
      <c r="FV17" s="70">
        <v>2</v>
      </c>
      <c r="FW17" s="71">
        <v>0</v>
      </c>
      <c r="FX17" s="72">
        <v>2</v>
      </c>
      <c r="FY17" s="241"/>
      <c r="FZ17" s="71">
        <v>7</v>
      </c>
      <c r="GA17" s="71">
        <v>6</v>
      </c>
      <c r="GB17" s="71">
        <v>6</v>
      </c>
      <c r="GC17" s="71">
        <v>4</v>
      </c>
      <c r="GD17" s="71">
        <v>4</v>
      </c>
      <c r="GE17" s="72">
        <v>27</v>
      </c>
      <c r="GF17" s="73">
        <v>29</v>
      </c>
      <c r="GG17" s="70">
        <v>361</v>
      </c>
      <c r="GH17" s="71">
        <v>415</v>
      </c>
      <c r="GI17" s="72">
        <v>776</v>
      </c>
      <c r="GJ17" s="241"/>
      <c r="GK17" s="71">
        <v>596</v>
      </c>
      <c r="GL17" s="71">
        <v>484</v>
      </c>
      <c r="GM17" s="71">
        <v>353</v>
      </c>
      <c r="GN17" s="71">
        <v>381</v>
      </c>
      <c r="GO17" s="71">
        <v>306</v>
      </c>
      <c r="GP17" s="72">
        <v>2120</v>
      </c>
      <c r="GQ17" s="73">
        <v>2896</v>
      </c>
      <c r="GR17" s="123">
        <v>508</v>
      </c>
      <c r="GS17" s="82">
        <v>597</v>
      </c>
      <c r="GT17" s="83">
        <v>1105</v>
      </c>
      <c r="GU17" s="241"/>
      <c r="GV17" s="82">
        <v>878</v>
      </c>
      <c r="GW17" s="82">
        <v>725</v>
      </c>
      <c r="GX17" s="82">
        <v>531</v>
      </c>
      <c r="GY17" s="82">
        <v>536</v>
      </c>
      <c r="GZ17" s="82">
        <v>401</v>
      </c>
      <c r="HA17" s="84">
        <v>3071</v>
      </c>
      <c r="HB17" s="85">
        <v>4176</v>
      </c>
      <c r="HC17" s="70">
        <v>8</v>
      </c>
      <c r="HD17" s="71">
        <v>7</v>
      </c>
      <c r="HE17" s="72">
        <v>15</v>
      </c>
      <c r="HF17" s="241"/>
      <c r="HG17" s="71">
        <v>21</v>
      </c>
      <c r="HH17" s="71">
        <v>23</v>
      </c>
      <c r="HI17" s="71">
        <v>7</v>
      </c>
      <c r="HJ17" s="71">
        <v>11</v>
      </c>
      <c r="HK17" s="71">
        <v>7</v>
      </c>
      <c r="HL17" s="72">
        <v>69</v>
      </c>
      <c r="HM17" s="73">
        <v>84</v>
      </c>
      <c r="HN17" s="70">
        <v>27</v>
      </c>
      <c r="HO17" s="71">
        <v>46</v>
      </c>
      <c r="HP17" s="72">
        <v>73</v>
      </c>
      <c r="HQ17" s="241"/>
      <c r="HR17" s="71">
        <v>48</v>
      </c>
      <c r="HS17" s="71">
        <v>47</v>
      </c>
      <c r="HT17" s="71">
        <v>32</v>
      </c>
      <c r="HU17" s="71">
        <v>23</v>
      </c>
      <c r="HV17" s="71">
        <v>32</v>
      </c>
      <c r="HW17" s="72">
        <v>182</v>
      </c>
      <c r="HX17" s="73">
        <v>255</v>
      </c>
      <c r="HY17" s="70">
        <v>59</v>
      </c>
      <c r="HZ17" s="71">
        <v>56</v>
      </c>
      <c r="IA17" s="72">
        <v>115</v>
      </c>
      <c r="IB17" s="241"/>
      <c r="IC17" s="71">
        <v>104</v>
      </c>
      <c r="ID17" s="71">
        <v>79</v>
      </c>
      <c r="IE17" s="71">
        <v>52</v>
      </c>
      <c r="IF17" s="71">
        <v>44</v>
      </c>
      <c r="IG17" s="71">
        <v>43</v>
      </c>
      <c r="IH17" s="72">
        <v>322</v>
      </c>
      <c r="II17" s="73">
        <v>437</v>
      </c>
      <c r="IJ17" s="70">
        <v>136</v>
      </c>
      <c r="IK17" s="71">
        <v>165</v>
      </c>
      <c r="IL17" s="72">
        <v>301</v>
      </c>
      <c r="IM17" s="241"/>
      <c r="IN17" s="71">
        <v>195</v>
      </c>
      <c r="IO17" s="71">
        <v>115</v>
      </c>
      <c r="IP17" s="71">
        <v>101</v>
      </c>
      <c r="IQ17" s="71">
        <v>92</v>
      </c>
      <c r="IR17" s="71">
        <v>73</v>
      </c>
      <c r="IS17" s="72">
        <v>576</v>
      </c>
      <c r="IT17" s="73">
        <v>877</v>
      </c>
      <c r="IU17" s="70">
        <v>171</v>
      </c>
      <c r="IV17" s="71">
        <v>180</v>
      </c>
      <c r="IW17" s="72">
        <v>351</v>
      </c>
      <c r="IX17" s="241"/>
      <c r="IY17" s="71">
        <v>291</v>
      </c>
      <c r="IZ17" s="71">
        <v>217</v>
      </c>
      <c r="JA17" s="71">
        <v>137</v>
      </c>
      <c r="JB17" s="71">
        <v>150</v>
      </c>
      <c r="JC17" s="71">
        <v>93</v>
      </c>
      <c r="JD17" s="72">
        <v>888</v>
      </c>
      <c r="JE17" s="73">
        <v>1239</v>
      </c>
      <c r="JF17" s="70">
        <v>107</v>
      </c>
      <c r="JG17" s="71">
        <v>143</v>
      </c>
      <c r="JH17" s="72">
        <v>250</v>
      </c>
      <c r="JI17" s="241"/>
      <c r="JJ17" s="71">
        <v>219</v>
      </c>
      <c r="JK17" s="71">
        <v>244</v>
      </c>
      <c r="JL17" s="71">
        <v>202</v>
      </c>
      <c r="JM17" s="71">
        <v>216</v>
      </c>
      <c r="JN17" s="71">
        <v>153</v>
      </c>
      <c r="JO17" s="72">
        <v>1034</v>
      </c>
      <c r="JP17" s="73">
        <v>1284</v>
      </c>
      <c r="JQ17" s="70">
        <v>7</v>
      </c>
      <c r="JR17" s="71">
        <v>4</v>
      </c>
      <c r="JS17" s="72">
        <v>11</v>
      </c>
      <c r="JT17" s="241"/>
      <c r="JU17" s="71">
        <v>14</v>
      </c>
      <c r="JV17" s="71">
        <v>14</v>
      </c>
      <c r="JW17" s="71">
        <v>16</v>
      </c>
      <c r="JX17" s="71">
        <v>6</v>
      </c>
      <c r="JY17" s="71">
        <v>10</v>
      </c>
      <c r="JZ17" s="72">
        <v>60</v>
      </c>
      <c r="KA17" s="73">
        <v>71</v>
      </c>
      <c r="KB17" s="70">
        <v>515</v>
      </c>
      <c r="KC17" s="71">
        <v>601</v>
      </c>
      <c r="KD17" s="72">
        <v>1116</v>
      </c>
      <c r="KE17" s="241"/>
      <c r="KF17" s="71">
        <v>892</v>
      </c>
      <c r="KG17" s="71">
        <v>739</v>
      </c>
      <c r="KH17" s="71">
        <v>547</v>
      </c>
      <c r="KI17" s="71">
        <v>542</v>
      </c>
      <c r="KJ17" s="71">
        <v>411</v>
      </c>
      <c r="KK17" s="72">
        <v>3131</v>
      </c>
      <c r="KL17" s="73">
        <v>4247</v>
      </c>
    </row>
    <row r="18" spans="1:298" ht="19.5" customHeight="1" x14ac:dyDescent="0.2">
      <c r="A18" s="126" t="s">
        <v>15</v>
      </c>
      <c r="B18" s="316">
        <v>107</v>
      </c>
      <c r="C18" s="82">
        <v>133</v>
      </c>
      <c r="D18" s="83">
        <v>240</v>
      </c>
      <c r="E18" s="241"/>
      <c r="F18" s="82">
        <v>248</v>
      </c>
      <c r="G18" s="82">
        <v>224</v>
      </c>
      <c r="H18" s="82">
        <v>153</v>
      </c>
      <c r="I18" s="82">
        <v>120</v>
      </c>
      <c r="J18" s="82">
        <v>68</v>
      </c>
      <c r="K18" s="84">
        <v>813</v>
      </c>
      <c r="L18" s="85">
        <v>1053</v>
      </c>
      <c r="M18" s="70">
        <v>5</v>
      </c>
      <c r="N18" s="71">
        <v>5</v>
      </c>
      <c r="O18" s="72">
        <v>10</v>
      </c>
      <c r="P18" s="241"/>
      <c r="Q18" s="71">
        <v>9</v>
      </c>
      <c r="R18" s="71">
        <v>8</v>
      </c>
      <c r="S18" s="71">
        <v>11</v>
      </c>
      <c r="T18" s="71">
        <v>8</v>
      </c>
      <c r="U18" s="71">
        <v>6</v>
      </c>
      <c r="V18" s="72">
        <v>42</v>
      </c>
      <c r="W18" s="73">
        <v>52</v>
      </c>
      <c r="X18" s="70">
        <v>14</v>
      </c>
      <c r="Y18" s="71">
        <v>11</v>
      </c>
      <c r="Z18" s="72">
        <v>25</v>
      </c>
      <c r="AA18" s="241"/>
      <c r="AB18" s="71">
        <v>27</v>
      </c>
      <c r="AC18" s="71">
        <v>26</v>
      </c>
      <c r="AD18" s="71">
        <v>20</v>
      </c>
      <c r="AE18" s="71">
        <v>12</v>
      </c>
      <c r="AF18" s="71">
        <v>10</v>
      </c>
      <c r="AG18" s="72">
        <v>95</v>
      </c>
      <c r="AH18" s="73">
        <v>120</v>
      </c>
      <c r="AI18" s="70">
        <v>20</v>
      </c>
      <c r="AJ18" s="71">
        <v>23</v>
      </c>
      <c r="AK18" s="72">
        <v>43</v>
      </c>
      <c r="AL18" s="241"/>
      <c r="AM18" s="71">
        <v>45</v>
      </c>
      <c r="AN18" s="71">
        <v>43</v>
      </c>
      <c r="AO18" s="71">
        <v>16</v>
      </c>
      <c r="AP18" s="71">
        <v>21</v>
      </c>
      <c r="AQ18" s="71">
        <v>14</v>
      </c>
      <c r="AR18" s="72">
        <v>139</v>
      </c>
      <c r="AS18" s="73">
        <v>182</v>
      </c>
      <c r="AT18" s="70">
        <v>33</v>
      </c>
      <c r="AU18" s="71">
        <v>35</v>
      </c>
      <c r="AV18" s="72">
        <v>68</v>
      </c>
      <c r="AW18" s="241"/>
      <c r="AX18" s="71">
        <v>57</v>
      </c>
      <c r="AY18" s="71">
        <v>52</v>
      </c>
      <c r="AZ18" s="71">
        <v>41</v>
      </c>
      <c r="BA18" s="71">
        <v>23</v>
      </c>
      <c r="BB18" s="71">
        <v>17</v>
      </c>
      <c r="BC18" s="72">
        <v>190</v>
      </c>
      <c r="BD18" s="73">
        <v>258</v>
      </c>
      <c r="BE18" s="70">
        <v>23</v>
      </c>
      <c r="BF18" s="71">
        <v>34</v>
      </c>
      <c r="BG18" s="72">
        <v>57</v>
      </c>
      <c r="BH18" s="241"/>
      <c r="BI18" s="71">
        <v>70</v>
      </c>
      <c r="BJ18" s="71">
        <v>55</v>
      </c>
      <c r="BK18" s="71">
        <v>36</v>
      </c>
      <c r="BL18" s="71">
        <v>24</v>
      </c>
      <c r="BM18" s="71">
        <v>14</v>
      </c>
      <c r="BN18" s="72">
        <v>199</v>
      </c>
      <c r="BO18" s="73">
        <v>256</v>
      </c>
      <c r="BP18" s="70">
        <v>12</v>
      </c>
      <c r="BQ18" s="71">
        <v>25</v>
      </c>
      <c r="BR18" s="72">
        <v>37</v>
      </c>
      <c r="BS18" s="241"/>
      <c r="BT18" s="71">
        <v>40</v>
      </c>
      <c r="BU18" s="71">
        <v>40</v>
      </c>
      <c r="BV18" s="71">
        <v>29</v>
      </c>
      <c r="BW18" s="71">
        <v>32</v>
      </c>
      <c r="BX18" s="71">
        <v>7</v>
      </c>
      <c r="BY18" s="72">
        <v>148</v>
      </c>
      <c r="BZ18" s="73">
        <v>185</v>
      </c>
      <c r="CA18" s="70">
        <v>2</v>
      </c>
      <c r="CB18" s="71">
        <v>5</v>
      </c>
      <c r="CC18" s="72">
        <v>7</v>
      </c>
      <c r="CD18" s="241"/>
      <c r="CE18" s="71">
        <v>7</v>
      </c>
      <c r="CF18" s="71">
        <v>6</v>
      </c>
      <c r="CG18" s="71">
        <v>5</v>
      </c>
      <c r="CH18" s="71">
        <v>3</v>
      </c>
      <c r="CI18" s="71">
        <v>5</v>
      </c>
      <c r="CJ18" s="72">
        <v>26</v>
      </c>
      <c r="CK18" s="73">
        <v>33</v>
      </c>
      <c r="CL18" s="70">
        <v>109</v>
      </c>
      <c r="CM18" s="71">
        <v>138</v>
      </c>
      <c r="CN18" s="72">
        <v>247</v>
      </c>
      <c r="CO18" s="241"/>
      <c r="CP18" s="71">
        <v>255</v>
      </c>
      <c r="CQ18" s="71">
        <v>230</v>
      </c>
      <c r="CR18" s="71">
        <v>158</v>
      </c>
      <c r="CS18" s="71">
        <v>123</v>
      </c>
      <c r="CT18" s="71">
        <v>73</v>
      </c>
      <c r="CU18" s="72">
        <v>839</v>
      </c>
      <c r="CV18" s="73">
        <v>1086</v>
      </c>
      <c r="CW18" s="123">
        <v>239</v>
      </c>
      <c r="CX18" s="82">
        <v>359</v>
      </c>
      <c r="CY18" s="83">
        <v>598</v>
      </c>
      <c r="CZ18" s="241"/>
      <c r="DA18" s="82">
        <v>415</v>
      </c>
      <c r="DB18" s="82">
        <v>436</v>
      </c>
      <c r="DC18" s="82">
        <v>319</v>
      </c>
      <c r="DD18" s="82">
        <v>322</v>
      </c>
      <c r="DE18" s="82">
        <v>183</v>
      </c>
      <c r="DF18" s="84">
        <v>1675</v>
      </c>
      <c r="DG18" s="85">
        <v>2273</v>
      </c>
      <c r="DH18" s="70">
        <v>5</v>
      </c>
      <c r="DI18" s="71">
        <v>8</v>
      </c>
      <c r="DJ18" s="72">
        <v>13</v>
      </c>
      <c r="DK18" s="241"/>
      <c r="DL18" s="71">
        <v>10</v>
      </c>
      <c r="DM18" s="71">
        <v>9</v>
      </c>
      <c r="DN18" s="71">
        <v>7</v>
      </c>
      <c r="DO18" s="71">
        <v>5</v>
      </c>
      <c r="DP18" s="71">
        <v>5</v>
      </c>
      <c r="DQ18" s="72">
        <v>36</v>
      </c>
      <c r="DR18" s="73">
        <v>49</v>
      </c>
      <c r="DS18" s="70">
        <v>9</v>
      </c>
      <c r="DT18" s="71">
        <v>24</v>
      </c>
      <c r="DU18" s="72">
        <v>33</v>
      </c>
      <c r="DV18" s="241"/>
      <c r="DW18" s="71">
        <v>31</v>
      </c>
      <c r="DX18" s="71">
        <v>33</v>
      </c>
      <c r="DY18" s="71">
        <v>20</v>
      </c>
      <c r="DZ18" s="71">
        <v>8</v>
      </c>
      <c r="EA18" s="71">
        <v>10</v>
      </c>
      <c r="EB18" s="72">
        <v>102</v>
      </c>
      <c r="EC18" s="73">
        <v>135</v>
      </c>
      <c r="ED18" s="70">
        <v>50</v>
      </c>
      <c r="EE18" s="71">
        <v>60</v>
      </c>
      <c r="EF18" s="72">
        <v>110</v>
      </c>
      <c r="EG18" s="241"/>
      <c r="EH18" s="71">
        <v>56</v>
      </c>
      <c r="EI18" s="71">
        <v>37</v>
      </c>
      <c r="EJ18" s="71">
        <v>28</v>
      </c>
      <c r="EK18" s="71">
        <v>22</v>
      </c>
      <c r="EL18" s="71">
        <v>24</v>
      </c>
      <c r="EM18" s="72">
        <v>167</v>
      </c>
      <c r="EN18" s="73">
        <v>277</v>
      </c>
      <c r="EO18" s="70">
        <v>77</v>
      </c>
      <c r="EP18" s="71">
        <v>105</v>
      </c>
      <c r="EQ18" s="72">
        <v>182</v>
      </c>
      <c r="ER18" s="241"/>
      <c r="ES18" s="71">
        <v>99</v>
      </c>
      <c r="ET18" s="71">
        <v>89</v>
      </c>
      <c r="EU18" s="71">
        <v>53</v>
      </c>
      <c r="EV18" s="71">
        <v>52</v>
      </c>
      <c r="EW18" s="71">
        <v>38</v>
      </c>
      <c r="EX18" s="72">
        <v>331</v>
      </c>
      <c r="EY18" s="73">
        <v>513</v>
      </c>
      <c r="EZ18" s="70">
        <v>57</v>
      </c>
      <c r="FA18" s="71">
        <v>98</v>
      </c>
      <c r="FB18" s="72">
        <v>155</v>
      </c>
      <c r="FC18" s="241"/>
      <c r="FD18" s="71">
        <v>125</v>
      </c>
      <c r="FE18" s="71">
        <v>126</v>
      </c>
      <c r="FF18" s="71">
        <v>83</v>
      </c>
      <c r="FG18" s="71">
        <v>88</v>
      </c>
      <c r="FH18" s="71">
        <v>38</v>
      </c>
      <c r="FI18" s="72">
        <v>460</v>
      </c>
      <c r="FJ18" s="73">
        <v>615</v>
      </c>
      <c r="FK18" s="70">
        <v>41</v>
      </c>
      <c r="FL18" s="71">
        <v>64</v>
      </c>
      <c r="FM18" s="72">
        <v>105</v>
      </c>
      <c r="FN18" s="241"/>
      <c r="FO18" s="71">
        <v>94</v>
      </c>
      <c r="FP18" s="71">
        <v>142</v>
      </c>
      <c r="FQ18" s="71">
        <v>128</v>
      </c>
      <c r="FR18" s="71">
        <v>147</v>
      </c>
      <c r="FS18" s="71">
        <v>68</v>
      </c>
      <c r="FT18" s="72">
        <v>579</v>
      </c>
      <c r="FU18" s="73">
        <v>684</v>
      </c>
      <c r="FV18" s="70">
        <v>3</v>
      </c>
      <c r="FW18" s="71">
        <v>5</v>
      </c>
      <c r="FX18" s="72">
        <v>8</v>
      </c>
      <c r="FY18" s="241"/>
      <c r="FZ18" s="71">
        <v>2</v>
      </c>
      <c r="GA18" s="71">
        <v>10</v>
      </c>
      <c r="GB18" s="71">
        <v>1</v>
      </c>
      <c r="GC18" s="71">
        <v>1</v>
      </c>
      <c r="GD18" s="71">
        <v>6</v>
      </c>
      <c r="GE18" s="72">
        <v>20</v>
      </c>
      <c r="GF18" s="73">
        <v>28</v>
      </c>
      <c r="GG18" s="70">
        <v>242</v>
      </c>
      <c r="GH18" s="71">
        <v>364</v>
      </c>
      <c r="GI18" s="72">
        <v>606</v>
      </c>
      <c r="GJ18" s="241"/>
      <c r="GK18" s="71">
        <v>417</v>
      </c>
      <c r="GL18" s="71">
        <v>446</v>
      </c>
      <c r="GM18" s="71">
        <v>320</v>
      </c>
      <c r="GN18" s="71">
        <v>323</v>
      </c>
      <c r="GO18" s="71">
        <v>189</v>
      </c>
      <c r="GP18" s="72">
        <v>1695</v>
      </c>
      <c r="GQ18" s="73">
        <v>2301</v>
      </c>
      <c r="GR18" s="123">
        <v>346</v>
      </c>
      <c r="GS18" s="82">
        <v>492</v>
      </c>
      <c r="GT18" s="83">
        <v>838</v>
      </c>
      <c r="GU18" s="241"/>
      <c r="GV18" s="82">
        <v>663</v>
      </c>
      <c r="GW18" s="82">
        <v>660</v>
      </c>
      <c r="GX18" s="82">
        <v>472</v>
      </c>
      <c r="GY18" s="82">
        <v>442</v>
      </c>
      <c r="GZ18" s="82">
        <v>251</v>
      </c>
      <c r="HA18" s="84">
        <v>2488</v>
      </c>
      <c r="HB18" s="85">
        <v>3326</v>
      </c>
      <c r="HC18" s="70">
        <v>10</v>
      </c>
      <c r="HD18" s="71">
        <v>13</v>
      </c>
      <c r="HE18" s="72">
        <v>23</v>
      </c>
      <c r="HF18" s="241"/>
      <c r="HG18" s="71">
        <v>19</v>
      </c>
      <c r="HH18" s="71">
        <v>17</v>
      </c>
      <c r="HI18" s="71">
        <v>18</v>
      </c>
      <c r="HJ18" s="71">
        <v>13</v>
      </c>
      <c r="HK18" s="71">
        <v>11</v>
      </c>
      <c r="HL18" s="72">
        <v>78</v>
      </c>
      <c r="HM18" s="73">
        <v>101</v>
      </c>
      <c r="HN18" s="70">
        <v>23</v>
      </c>
      <c r="HO18" s="71">
        <v>35</v>
      </c>
      <c r="HP18" s="72">
        <v>58</v>
      </c>
      <c r="HQ18" s="241"/>
      <c r="HR18" s="71">
        <v>58</v>
      </c>
      <c r="HS18" s="71">
        <v>59</v>
      </c>
      <c r="HT18" s="71">
        <v>40</v>
      </c>
      <c r="HU18" s="71">
        <v>20</v>
      </c>
      <c r="HV18" s="71">
        <v>20</v>
      </c>
      <c r="HW18" s="72">
        <v>197</v>
      </c>
      <c r="HX18" s="73">
        <v>255</v>
      </c>
      <c r="HY18" s="70">
        <v>70</v>
      </c>
      <c r="HZ18" s="71">
        <v>83</v>
      </c>
      <c r="IA18" s="72">
        <v>153</v>
      </c>
      <c r="IB18" s="241"/>
      <c r="IC18" s="71">
        <v>101</v>
      </c>
      <c r="ID18" s="71">
        <v>80</v>
      </c>
      <c r="IE18" s="71">
        <v>44</v>
      </c>
      <c r="IF18" s="71">
        <v>43</v>
      </c>
      <c r="IG18" s="71">
        <v>38</v>
      </c>
      <c r="IH18" s="72">
        <v>306</v>
      </c>
      <c r="II18" s="73">
        <v>459</v>
      </c>
      <c r="IJ18" s="70">
        <v>110</v>
      </c>
      <c r="IK18" s="71">
        <v>140</v>
      </c>
      <c r="IL18" s="72">
        <v>250</v>
      </c>
      <c r="IM18" s="241"/>
      <c r="IN18" s="71">
        <v>156</v>
      </c>
      <c r="IO18" s="71">
        <v>141</v>
      </c>
      <c r="IP18" s="71">
        <v>94</v>
      </c>
      <c r="IQ18" s="71">
        <v>75</v>
      </c>
      <c r="IR18" s="71">
        <v>55</v>
      </c>
      <c r="IS18" s="72">
        <v>521</v>
      </c>
      <c r="IT18" s="73">
        <v>771</v>
      </c>
      <c r="IU18" s="70">
        <v>80</v>
      </c>
      <c r="IV18" s="71">
        <v>132</v>
      </c>
      <c r="IW18" s="72">
        <v>212</v>
      </c>
      <c r="IX18" s="241"/>
      <c r="IY18" s="71">
        <v>195</v>
      </c>
      <c r="IZ18" s="71">
        <v>181</v>
      </c>
      <c r="JA18" s="71">
        <v>119</v>
      </c>
      <c r="JB18" s="71">
        <v>112</v>
      </c>
      <c r="JC18" s="71">
        <v>52</v>
      </c>
      <c r="JD18" s="72">
        <v>659</v>
      </c>
      <c r="JE18" s="73">
        <v>871</v>
      </c>
      <c r="JF18" s="70">
        <v>53</v>
      </c>
      <c r="JG18" s="71">
        <v>89</v>
      </c>
      <c r="JH18" s="72">
        <v>142</v>
      </c>
      <c r="JI18" s="241"/>
      <c r="JJ18" s="71">
        <v>134</v>
      </c>
      <c r="JK18" s="71">
        <v>182</v>
      </c>
      <c r="JL18" s="71">
        <v>157</v>
      </c>
      <c r="JM18" s="71">
        <v>179</v>
      </c>
      <c r="JN18" s="71">
        <v>75</v>
      </c>
      <c r="JO18" s="72">
        <v>727</v>
      </c>
      <c r="JP18" s="73">
        <v>869</v>
      </c>
      <c r="JQ18" s="70">
        <v>5</v>
      </c>
      <c r="JR18" s="71">
        <v>10</v>
      </c>
      <c r="JS18" s="72">
        <v>15</v>
      </c>
      <c r="JT18" s="241"/>
      <c r="JU18" s="71">
        <v>9</v>
      </c>
      <c r="JV18" s="71">
        <v>16</v>
      </c>
      <c r="JW18" s="71">
        <v>6</v>
      </c>
      <c r="JX18" s="71">
        <v>4</v>
      </c>
      <c r="JY18" s="71">
        <v>11</v>
      </c>
      <c r="JZ18" s="72">
        <v>46</v>
      </c>
      <c r="KA18" s="73">
        <v>61</v>
      </c>
      <c r="KB18" s="70">
        <v>351</v>
      </c>
      <c r="KC18" s="71">
        <v>502</v>
      </c>
      <c r="KD18" s="72">
        <v>853</v>
      </c>
      <c r="KE18" s="241"/>
      <c r="KF18" s="71">
        <v>672</v>
      </c>
      <c r="KG18" s="71">
        <v>676</v>
      </c>
      <c r="KH18" s="71">
        <v>478</v>
      </c>
      <c r="KI18" s="71">
        <v>446</v>
      </c>
      <c r="KJ18" s="71">
        <v>262</v>
      </c>
      <c r="KK18" s="72">
        <v>2534</v>
      </c>
      <c r="KL18" s="73">
        <v>3387</v>
      </c>
    </row>
    <row r="19" spans="1:298" ht="19.5" customHeight="1" x14ac:dyDescent="0.2">
      <c r="A19" s="126" t="s">
        <v>16</v>
      </c>
      <c r="B19" s="316">
        <v>201</v>
      </c>
      <c r="C19" s="82">
        <v>249</v>
      </c>
      <c r="D19" s="83">
        <v>450</v>
      </c>
      <c r="E19" s="241"/>
      <c r="F19" s="82">
        <v>472</v>
      </c>
      <c r="G19" s="82">
        <v>620</v>
      </c>
      <c r="H19" s="82">
        <v>393</v>
      </c>
      <c r="I19" s="82">
        <v>327</v>
      </c>
      <c r="J19" s="82">
        <v>188</v>
      </c>
      <c r="K19" s="84">
        <v>2000</v>
      </c>
      <c r="L19" s="85">
        <v>2450</v>
      </c>
      <c r="M19" s="70">
        <v>7</v>
      </c>
      <c r="N19" s="71">
        <v>16</v>
      </c>
      <c r="O19" s="72">
        <v>23</v>
      </c>
      <c r="P19" s="241"/>
      <c r="Q19" s="71">
        <v>20</v>
      </c>
      <c r="R19" s="71">
        <v>32</v>
      </c>
      <c r="S19" s="71">
        <v>20</v>
      </c>
      <c r="T19" s="71">
        <v>26</v>
      </c>
      <c r="U19" s="71">
        <v>20</v>
      </c>
      <c r="V19" s="72">
        <v>118</v>
      </c>
      <c r="W19" s="73">
        <v>141</v>
      </c>
      <c r="X19" s="70">
        <v>31</v>
      </c>
      <c r="Y19" s="71">
        <v>40</v>
      </c>
      <c r="Z19" s="72">
        <v>71</v>
      </c>
      <c r="AA19" s="241"/>
      <c r="AB19" s="71">
        <v>59</v>
      </c>
      <c r="AC19" s="71">
        <v>92</v>
      </c>
      <c r="AD19" s="71">
        <v>58</v>
      </c>
      <c r="AE19" s="71">
        <v>47</v>
      </c>
      <c r="AF19" s="71">
        <v>31</v>
      </c>
      <c r="AG19" s="72">
        <v>287</v>
      </c>
      <c r="AH19" s="73">
        <v>358</v>
      </c>
      <c r="AI19" s="70">
        <v>42</v>
      </c>
      <c r="AJ19" s="71">
        <v>40</v>
      </c>
      <c r="AK19" s="72">
        <v>82</v>
      </c>
      <c r="AL19" s="241"/>
      <c r="AM19" s="71">
        <v>96</v>
      </c>
      <c r="AN19" s="71">
        <v>95</v>
      </c>
      <c r="AO19" s="71">
        <v>57</v>
      </c>
      <c r="AP19" s="71">
        <v>50</v>
      </c>
      <c r="AQ19" s="71">
        <v>27</v>
      </c>
      <c r="AR19" s="72">
        <v>325</v>
      </c>
      <c r="AS19" s="73">
        <v>407</v>
      </c>
      <c r="AT19" s="70">
        <v>47</v>
      </c>
      <c r="AU19" s="71">
        <v>59</v>
      </c>
      <c r="AV19" s="72">
        <v>106</v>
      </c>
      <c r="AW19" s="241"/>
      <c r="AX19" s="71">
        <v>109</v>
      </c>
      <c r="AY19" s="71">
        <v>163</v>
      </c>
      <c r="AZ19" s="71">
        <v>89</v>
      </c>
      <c r="BA19" s="71">
        <v>84</v>
      </c>
      <c r="BB19" s="71">
        <v>56</v>
      </c>
      <c r="BC19" s="72">
        <v>501</v>
      </c>
      <c r="BD19" s="73">
        <v>607</v>
      </c>
      <c r="BE19" s="70">
        <v>48</v>
      </c>
      <c r="BF19" s="71">
        <v>56</v>
      </c>
      <c r="BG19" s="72">
        <v>104</v>
      </c>
      <c r="BH19" s="241"/>
      <c r="BI19" s="71">
        <v>112</v>
      </c>
      <c r="BJ19" s="71">
        <v>136</v>
      </c>
      <c r="BK19" s="71">
        <v>96</v>
      </c>
      <c r="BL19" s="71">
        <v>58</v>
      </c>
      <c r="BM19" s="71">
        <v>31</v>
      </c>
      <c r="BN19" s="72">
        <v>433</v>
      </c>
      <c r="BO19" s="73">
        <v>537</v>
      </c>
      <c r="BP19" s="70">
        <v>26</v>
      </c>
      <c r="BQ19" s="71">
        <v>38</v>
      </c>
      <c r="BR19" s="72">
        <v>64</v>
      </c>
      <c r="BS19" s="241"/>
      <c r="BT19" s="71">
        <v>76</v>
      </c>
      <c r="BU19" s="71">
        <v>102</v>
      </c>
      <c r="BV19" s="71">
        <v>73</v>
      </c>
      <c r="BW19" s="71">
        <v>62</v>
      </c>
      <c r="BX19" s="71">
        <v>23</v>
      </c>
      <c r="BY19" s="72">
        <v>336</v>
      </c>
      <c r="BZ19" s="73">
        <v>400</v>
      </c>
      <c r="CA19" s="70">
        <v>17</v>
      </c>
      <c r="CB19" s="71">
        <v>12</v>
      </c>
      <c r="CC19" s="72">
        <v>29</v>
      </c>
      <c r="CD19" s="241"/>
      <c r="CE19" s="71">
        <v>15</v>
      </c>
      <c r="CF19" s="71">
        <v>22</v>
      </c>
      <c r="CG19" s="71">
        <v>22</v>
      </c>
      <c r="CH19" s="71">
        <v>12</v>
      </c>
      <c r="CI19" s="71">
        <v>13</v>
      </c>
      <c r="CJ19" s="72">
        <v>84</v>
      </c>
      <c r="CK19" s="73">
        <v>113</v>
      </c>
      <c r="CL19" s="70">
        <v>218</v>
      </c>
      <c r="CM19" s="71">
        <v>261</v>
      </c>
      <c r="CN19" s="72">
        <v>479</v>
      </c>
      <c r="CO19" s="241"/>
      <c r="CP19" s="71">
        <v>487</v>
      </c>
      <c r="CQ19" s="71">
        <v>642</v>
      </c>
      <c r="CR19" s="71">
        <v>415</v>
      </c>
      <c r="CS19" s="71">
        <v>339</v>
      </c>
      <c r="CT19" s="71">
        <v>201</v>
      </c>
      <c r="CU19" s="72">
        <v>2084</v>
      </c>
      <c r="CV19" s="73">
        <v>2563</v>
      </c>
      <c r="CW19" s="123">
        <v>396</v>
      </c>
      <c r="CX19" s="82">
        <v>547</v>
      </c>
      <c r="CY19" s="83">
        <v>943</v>
      </c>
      <c r="CZ19" s="241"/>
      <c r="DA19" s="82">
        <v>852</v>
      </c>
      <c r="DB19" s="82">
        <v>995</v>
      </c>
      <c r="DC19" s="82">
        <v>809</v>
      </c>
      <c r="DD19" s="82">
        <v>769</v>
      </c>
      <c r="DE19" s="82">
        <v>530</v>
      </c>
      <c r="DF19" s="84">
        <v>3955</v>
      </c>
      <c r="DG19" s="85">
        <v>4898</v>
      </c>
      <c r="DH19" s="70">
        <v>16</v>
      </c>
      <c r="DI19" s="71">
        <v>21</v>
      </c>
      <c r="DJ19" s="72">
        <v>37</v>
      </c>
      <c r="DK19" s="241"/>
      <c r="DL19" s="71">
        <v>16</v>
      </c>
      <c r="DM19" s="71">
        <v>35</v>
      </c>
      <c r="DN19" s="71">
        <v>20</v>
      </c>
      <c r="DO19" s="71">
        <v>21</v>
      </c>
      <c r="DP19" s="71">
        <v>14</v>
      </c>
      <c r="DQ19" s="72">
        <v>106</v>
      </c>
      <c r="DR19" s="73">
        <v>143</v>
      </c>
      <c r="DS19" s="70">
        <v>36</v>
      </c>
      <c r="DT19" s="71">
        <v>65</v>
      </c>
      <c r="DU19" s="72">
        <v>101</v>
      </c>
      <c r="DV19" s="241"/>
      <c r="DW19" s="71">
        <v>67</v>
      </c>
      <c r="DX19" s="71">
        <v>68</v>
      </c>
      <c r="DY19" s="71">
        <v>52</v>
      </c>
      <c r="DZ19" s="71">
        <v>49</v>
      </c>
      <c r="EA19" s="71">
        <v>41</v>
      </c>
      <c r="EB19" s="72">
        <v>277</v>
      </c>
      <c r="EC19" s="73">
        <v>378</v>
      </c>
      <c r="ED19" s="70">
        <v>79</v>
      </c>
      <c r="EE19" s="71">
        <v>95</v>
      </c>
      <c r="EF19" s="72">
        <v>174</v>
      </c>
      <c r="EG19" s="241"/>
      <c r="EH19" s="71">
        <v>103</v>
      </c>
      <c r="EI19" s="71">
        <v>136</v>
      </c>
      <c r="EJ19" s="71">
        <v>83</v>
      </c>
      <c r="EK19" s="71">
        <v>60</v>
      </c>
      <c r="EL19" s="71">
        <v>52</v>
      </c>
      <c r="EM19" s="72">
        <v>434</v>
      </c>
      <c r="EN19" s="73">
        <v>608</v>
      </c>
      <c r="EO19" s="70">
        <v>112</v>
      </c>
      <c r="EP19" s="71">
        <v>141</v>
      </c>
      <c r="EQ19" s="72">
        <v>253</v>
      </c>
      <c r="ER19" s="241"/>
      <c r="ES19" s="71">
        <v>186</v>
      </c>
      <c r="ET19" s="71">
        <v>211</v>
      </c>
      <c r="EU19" s="71">
        <v>149</v>
      </c>
      <c r="EV19" s="71">
        <v>132</v>
      </c>
      <c r="EW19" s="71">
        <v>83</v>
      </c>
      <c r="EX19" s="72">
        <v>761</v>
      </c>
      <c r="EY19" s="73">
        <v>1014</v>
      </c>
      <c r="EZ19" s="70">
        <v>100</v>
      </c>
      <c r="FA19" s="71">
        <v>135</v>
      </c>
      <c r="FB19" s="72">
        <v>235</v>
      </c>
      <c r="FC19" s="241"/>
      <c r="FD19" s="71">
        <v>279</v>
      </c>
      <c r="FE19" s="71">
        <v>260</v>
      </c>
      <c r="FF19" s="71">
        <v>205</v>
      </c>
      <c r="FG19" s="71">
        <v>183</v>
      </c>
      <c r="FH19" s="71">
        <v>124</v>
      </c>
      <c r="FI19" s="72">
        <v>1051</v>
      </c>
      <c r="FJ19" s="73">
        <v>1286</v>
      </c>
      <c r="FK19" s="70">
        <v>53</v>
      </c>
      <c r="FL19" s="71">
        <v>90</v>
      </c>
      <c r="FM19" s="72">
        <v>143</v>
      </c>
      <c r="FN19" s="241"/>
      <c r="FO19" s="71">
        <v>201</v>
      </c>
      <c r="FP19" s="71">
        <v>285</v>
      </c>
      <c r="FQ19" s="71">
        <v>300</v>
      </c>
      <c r="FR19" s="71">
        <v>324</v>
      </c>
      <c r="FS19" s="71">
        <v>216</v>
      </c>
      <c r="FT19" s="72">
        <v>1326</v>
      </c>
      <c r="FU19" s="73">
        <v>1469</v>
      </c>
      <c r="FV19" s="70">
        <v>11</v>
      </c>
      <c r="FW19" s="71">
        <v>14</v>
      </c>
      <c r="FX19" s="72">
        <v>25</v>
      </c>
      <c r="FY19" s="241"/>
      <c r="FZ19" s="71">
        <v>8</v>
      </c>
      <c r="GA19" s="71">
        <v>19</v>
      </c>
      <c r="GB19" s="71">
        <v>8</v>
      </c>
      <c r="GC19" s="71">
        <v>15</v>
      </c>
      <c r="GD19" s="71">
        <v>11</v>
      </c>
      <c r="GE19" s="72">
        <v>61</v>
      </c>
      <c r="GF19" s="73">
        <v>86</v>
      </c>
      <c r="GG19" s="70">
        <v>407</v>
      </c>
      <c r="GH19" s="71">
        <v>561</v>
      </c>
      <c r="GI19" s="72">
        <v>968</v>
      </c>
      <c r="GJ19" s="241"/>
      <c r="GK19" s="71">
        <v>860</v>
      </c>
      <c r="GL19" s="71">
        <v>1014</v>
      </c>
      <c r="GM19" s="71">
        <v>817</v>
      </c>
      <c r="GN19" s="71">
        <v>784</v>
      </c>
      <c r="GO19" s="71">
        <v>541</v>
      </c>
      <c r="GP19" s="72">
        <v>4016</v>
      </c>
      <c r="GQ19" s="73">
        <v>4984</v>
      </c>
      <c r="GR19" s="123">
        <v>597</v>
      </c>
      <c r="GS19" s="82">
        <v>796</v>
      </c>
      <c r="GT19" s="83">
        <v>1393</v>
      </c>
      <c r="GU19" s="241"/>
      <c r="GV19" s="82">
        <v>1324</v>
      </c>
      <c r="GW19" s="82">
        <v>1615</v>
      </c>
      <c r="GX19" s="82">
        <v>1202</v>
      </c>
      <c r="GY19" s="82">
        <v>1096</v>
      </c>
      <c r="GZ19" s="82">
        <v>718</v>
      </c>
      <c r="HA19" s="84">
        <v>5955</v>
      </c>
      <c r="HB19" s="85">
        <v>7348</v>
      </c>
      <c r="HC19" s="70">
        <v>23</v>
      </c>
      <c r="HD19" s="71">
        <v>37</v>
      </c>
      <c r="HE19" s="72">
        <v>60</v>
      </c>
      <c r="HF19" s="241"/>
      <c r="HG19" s="71">
        <v>36</v>
      </c>
      <c r="HH19" s="71">
        <v>67</v>
      </c>
      <c r="HI19" s="71">
        <v>40</v>
      </c>
      <c r="HJ19" s="71">
        <v>47</v>
      </c>
      <c r="HK19" s="71">
        <v>34</v>
      </c>
      <c r="HL19" s="72">
        <v>224</v>
      </c>
      <c r="HM19" s="73">
        <v>284</v>
      </c>
      <c r="HN19" s="70">
        <v>67</v>
      </c>
      <c r="HO19" s="71">
        <v>105</v>
      </c>
      <c r="HP19" s="72">
        <v>172</v>
      </c>
      <c r="HQ19" s="241"/>
      <c r="HR19" s="71">
        <v>126</v>
      </c>
      <c r="HS19" s="71">
        <v>160</v>
      </c>
      <c r="HT19" s="71">
        <v>110</v>
      </c>
      <c r="HU19" s="71">
        <v>96</v>
      </c>
      <c r="HV19" s="71">
        <v>72</v>
      </c>
      <c r="HW19" s="72">
        <v>564</v>
      </c>
      <c r="HX19" s="73">
        <v>736</v>
      </c>
      <c r="HY19" s="70">
        <v>121</v>
      </c>
      <c r="HZ19" s="71">
        <v>135</v>
      </c>
      <c r="IA19" s="72">
        <v>256</v>
      </c>
      <c r="IB19" s="241"/>
      <c r="IC19" s="71">
        <v>199</v>
      </c>
      <c r="ID19" s="71">
        <v>231</v>
      </c>
      <c r="IE19" s="71">
        <v>140</v>
      </c>
      <c r="IF19" s="71">
        <v>110</v>
      </c>
      <c r="IG19" s="71">
        <v>79</v>
      </c>
      <c r="IH19" s="72">
        <v>759</v>
      </c>
      <c r="II19" s="73">
        <v>1015</v>
      </c>
      <c r="IJ19" s="70">
        <v>159</v>
      </c>
      <c r="IK19" s="71">
        <v>200</v>
      </c>
      <c r="IL19" s="72">
        <v>359</v>
      </c>
      <c r="IM19" s="241"/>
      <c r="IN19" s="71">
        <v>295</v>
      </c>
      <c r="IO19" s="71">
        <v>374</v>
      </c>
      <c r="IP19" s="71">
        <v>238</v>
      </c>
      <c r="IQ19" s="71">
        <v>216</v>
      </c>
      <c r="IR19" s="71">
        <v>139</v>
      </c>
      <c r="IS19" s="72">
        <v>1262</v>
      </c>
      <c r="IT19" s="73">
        <v>1621</v>
      </c>
      <c r="IU19" s="70">
        <v>148</v>
      </c>
      <c r="IV19" s="71">
        <v>191</v>
      </c>
      <c r="IW19" s="72">
        <v>339</v>
      </c>
      <c r="IX19" s="241"/>
      <c r="IY19" s="71">
        <v>391</v>
      </c>
      <c r="IZ19" s="71">
        <v>396</v>
      </c>
      <c r="JA19" s="71">
        <v>301</v>
      </c>
      <c r="JB19" s="71">
        <v>241</v>
      </c>
      <c r="JC19" s="71">
        <v>155</v>
      </c>
      <c r="JD19" s="72">
        <v>1484</v>
      </c>
      <c r="JE19" s="73">
        <v>1823</v>
      </c>
      <c r="JF19" s="70">
        <v>79</v>
      </c>
      <c r="JG19" s="71">
        <v>128</v>
      </c>
      <c r="JH19" s="72">
        <v>207</v>
      </c>
      <c r="JI19" s="241"/>
      <c r="JJ19" s="71">
        <v>277</v>
      </c>
      <c r="JK19" s="71">
        <v>387</v>
      </c>
      <c r="JL19" s="71">
        <v>373</v>
      </c>
      <c r="JM19" s="71">
        <v>386</v>
      </c>
      <c r="JN19" s="71">
        <v>239</v>
      </c>
      <c r="JO19" s="72">
        <v>1662</v>
      </c>
      <c r="JP19" s="73">
        <v>1869</v>
      </c>
      <c r="JQ19" s="70">
        <v>28</v>
      </c>
      <c r="JR19" s="71">
        <v>26</v>
      </c>
      <c r="JS19" s="72">
        <v>54</v>
      </c>
      <c r="JT19" s="241"/>
      <c r="JU19" s="71">
        <v>23</v>
      </c>
      <c r="JV19" s="71">
        <v>41</v>
      </c>
      <c r="JW19" s="71">
        <v>30</v>
      </c>
      <c r="JX19" s="71">
        <v>27</v>
      </c>
      <c r="JY19" s="71">
        <v>24</v>
      </c>
      <c r="JZ19" s="72">
        <v>145</v>
      </c>
      <c r="KA19" s="73">
        <v>199</v>
      </c>
      <c r="KB19" s="70">
        <v>625</v>
      </c>
      <c r="KC19" s="71">
        <v>822</v>
      </c>
      <c r="KD19" s="72">
        <v>1447</v>
      </c>
      <c r="KE19" s="241"/>
      <c r="KF19" s="71">
        <v>1347</v>
      </c>
      <c r="KG19" s="71">
        <v>1656</v>
      </c>
      <c r="KH19" s="71">
        <v>1232</v>
      </c>
      <c r="KI19" s="71">
        <v>1123</v>
      </c>
      <c r="KJ19" s="71">
        <v>742</v>
      </c>
      <c r="KK19" s="72">
        <v>6100</v>
      </c>
      <c r="KL19" s="73">
        <v>7547</v>
      </c>
    </row>
    <row r="20" spans="1:298" ht="19.5" customHeight="1" x14ac:dyDescent="0.2">
      <c r="A20" s="126" t="s">
        <v>17</v>
      </c>
      <c r="B20" s="316">
        <v>269</v>
      </c>
      <c r="C20" s="82">
        <v>361</v>
      </c>
      <c r="D20" s="83">
        <v>630</v>
      </c>
      <c r="E20" s="241"/>
      <c r="F20" s="82">
        <v>542</v>
      </c>
      <c r="G20" s="82">
        <v>711</v>
      </c>
      <c r="H20" s="82">
        <v>529</v>
      </c>
      <c r="I20" s="82">
        <v>402</v>
      </c>
      <c r="J20" s="82">
        <v>254</v>
      </c>
      <c r="K20" s="84">
        <v>2438</v>
      </c>
      <c r="L20" s="85">
        <v>3068</v>
      </c>
      <c r="M20" s="70">
        <v>14</v>
      </c>
      <c r="N20" s="71">
        <v>24</v>
      </c>
      <c r="O20" s="72">
        <v>38</v>
      </c>
      <c r="P20" s="241"/>
      <c r="Q20" s="71">
        <v>29</v>
      </c>
      <c r="R20" s="71">
        <v>48</v>
      </c>
      <c r="S20" s="71">
        <v>29</v>
      </c>
      <c r="T20" s="71">
        <v>20</v>
      </c>
      <c r="U20" s="71">
        <v>31</v>
      </c>
      <c r="V20" s="72">
        <v>157</v>
      </c>
      <c r="W20" s="73">
        <v>195</v>
      </c>
      <c r="X20" s="70">
        <v>30</v>
      </c>
      <c r="Y20" s="71">
        <v>55</v>
      </c>
      <c r="Z20" s="72">
        <v>85</v>
      </c>
      <c r="AA20" s="241"/>
      <c r="AB20" s="71">
        <v>48</v>
      </c>
      <c r="AC20" s="71">
        <v>98</v>
      </c>
      <c r="AD20" s="71">
        <v>70</v>
      </c>
      <c r="AE20" s="71">
        <v>62</v>
      </c>
      <c r="AF20" s="71">
        <v>36</v>
      </c>
      <c r="AG20" s="72">
        <v>314</v>
      </c>
      <c r="AH20" s="73">
        <v>399</v>
      </c>
      <c r="AI20" s="70">
        <v>55</v>
      </c>
      <c r="AJ20" s="71">
        <v>69</v>
      </c>
      <c r="AK20" s="72">
        <v>124</v>
      </c>
      <c r="AL20" s="241"/>
      <c r="AM20" s="71">
        <v>91</v>
      </c>
      <c r="AN20" s="71">
        <v>129</v>
      </c>
      <c r="AO20" s="71">
        <v>94</v>
      </c>
      <c r="AP20" s="71">
        <v>79</v>
      </c>
      <c r="AQ20" s="71">
        <v>49</v>
      </c>
      <c r="AR20" s="72">
        <v>442</v>
      </c>
      <c r="AS20" s="73">
        <v>566</v>
      </c>
      <c r="AT20" s="70">
        <v>60</v>
      </c>
      <c r="AU20" s="71">
        <v>87</v>
      </c>
      <c r="AV20" s="72">
        <v>147</v>
      </c>
      <c r="AW20" s="241"/>
      <c r="AX20" s="71">
        <v>162</v>
      </c>
      <c r="AY20" s="71">
        <v>157</v>
      </c>
      <c r="AZ20" s="71">
        <v>145</v>
      </c>
      <c r="BA20" s="71">
        <v>88</v>
      </c>
      <c r="BB20" s="71">
        <v>57</v>
      </c>
      <c r="BC20" s="72">
        <v>609</v>
      </c>
      <c r="BD20" s="73">
        <v>756</v>
      </c>
      <c r="BE20" s="70">
        <v>66</v>
      </c>
      <c r="BF20" s="71">
        <v>78</v>
      </c>
      <c r="BG20" s="72">
        <v>144</v>
      </c>
      <c r="BH20" s="241"/>
      <c r="BI20" s="71">
        <v>126</v>
      </c>
      <c r="BJ20" s="71">
        <v>186</v>
      </c>
      <c r="BK20" s="71">
        <v>108</v>
      </c>
      <c r="BL20" s="71">
        <v>90</v>
      </c>
      <c r="BM20" s="71">
        <v>57</v>
      </c>
      <c r="BN20" s="72">
        <v>567</v>
      </c>
      <c r="BO20" s="73">
        <v>711</v>
      </c>
      <c r="BP20" s="70">
        <v>44</v>
      </c>
      <c r="BQ20" s="71">
        <v>48</v>
      </c>
      <c r="BR20" s="72">
        <v>92</v>
      </c>
      <c r="BS20" s="241"/>
      <c r="BT20" s="71">
        <v>86</v>
      </c>
      <c r="BU20" s="71">
        <v>93</v>
      </c>
      <c r="BV20" s="71">
        <v>83</v>
      </c>
      <c r="BW20" s="71">
        <v>63</v>
      </c>
      <c r="BX20" s="71">
        <v>24</v>
      </c>
      <c r="BY20" s="72">
        <v>349</v>
      </c>
      <c r="BZ20" s="73">
        <v>441</v>
      </c>
      <c r="CA20" s="70">
        <v>11</v>
      </c>
      <c r="CB20" s="71">
        <v>22</v>
      </c>
      <c r="CC20" s="72">
        <v>33</v>
      </c>
      <c r="CD20" s="241"/>
      <c r="CE20" s="71">
        <v>23</v>
      </c>
      <c r="CF20" s="71">
        <v>44</v>
      </c>
      <c r="CG20" s="71">
        <v>29</v>
      </c>
      <c r="CH20" s="71">
        <v>19</v>
      </c>
      <c r="CI20" s="71">
        <v>11</v>
      </c>
      <c r="CJ20" s="72">
        <v>126</v>
      </c>
      <c r="CK20" s="73">
        <v>159</v>
      </c>
      <c r="CL20" s="70">
        <v>280</v>
      </c>
      <c r="CM20" s="71">
        <v>383</v>
      </c>
      <c r="CN20" s="72">
        <v>663</v>
      </c>
      <c r="CO20" s="241"/>
      <c r="CP20" s="71">
        <v>565</v>
      </c>
      <c r="CQ20" s="71">
        <v>755</v>
      </c>
      <c r="CR20" s="71">
        <v>558</v>
      </c>
      <c r="CS20" s="71">
        <v>421</v>
      </c>
      <c r="CT20" s="71">
        <v>265</v>
      </c>
      <c r="CU20" s="72">
        <v>2564</v>
      </c>
      <c r="CV20" s="73">
        <v>3227</v>
      </c>
      <c r="CW20" s="123">
        <v>597</v>
      </c>
      <c r="CX20" s="82">
        <v>784</v>
      </c>
      <c r="CY20" s="83">
        <v>1381</v>
      </c>
      <c r="CZ20" s="241"/>
      <c r="DA20" s="82">
        <v>946</v>
      </c>
      <c r="DB20" s="82">
        <v>1203</v>
      </c>
      <c r="DC20" s="82">
        <v>865</v>
      </c>
      <c r="DD20" s="82">
        <v>794</v>
      </c>
      <c r="DE20" s="82">
        <v>577</v>
      </c>
      <c r="DF20" s="84">
        <v>4385</v>
      </c>
      <c r="DG20" s="85">
        <v>5766</v>
      </c>
      <c r="DH20" s="70">
        <v>14</v>
      </c>
      <c r="DI20" s="71">
        <v>29</v>
      </c>
      <c r="DJ20" s="72">
        <v>43</v>
      </c>
      <c r="DK20" s="241"/>
      <c r="DL20" s="71">
        <v>16</v>
      </c>
      <c r="DM20" s="71">
        <v>35</v>
      </c>
      <c r="DN20" s="71">
        <v>26</v>
      </c>
      <c r="DO20" s="71">
        <v>19</v>
      </c>
      <c r="DP20" s="71">
        <v>21</v>
      </c>
      <c r="DQ20" s="72">
        <v>117</v>
      </c>
      <c r="DR20" s="73">
        <v>160</v>
      </c>
      <c r="DS20" s="70">
        <v>61</v>
      </c>
      <c r="DT20" s="71">
        <v>68</v>
      </c>
      <c r="DU20" s="72">
        <v>129</v>
      </c>
      <c r="DV20" s="241"/>
      <c r="DW20" s="71">
        <v>67</v>
      </c>
      <c r="DX20" s="71">
        <v>82</v>
      </c>
      <c r="DY20" s="71">
        <v>67</v>
      </c>
      <c r="DZ20" s="71">
        <v>45</v>
      </c>
      <c r="EA20" s="71">
        <v>41</v>
      </c>
      <c r="EB20" s="72">
        <v>302</v>
      </c>
      <c r="EC20" s="73">
        <v>431</v>
      </c>
      <c r="ED20" s="70">
        <v>96</v>
      </c>
      <c r="EE20" s="71">
        <v>126</v>
      </c>
      <c r="EF20" s="72">
        <v>222</v>
      </c>
      <c r="EG20" s="241"/>
      <c r="EH20" s="71">
        <v>123</v>
      </c>
      <c r="EI20" s="71">
        <v>168</v>
      </c>
      <c r="EJ20" s="71">
        <v>96</v>
      </c>
      <c r="EK20" s="71">
        <v>96</v>
      </c>
      <c r="EL20" s="71">
        <v>73</v>
      </c>
      <c r="EM20" s="72">
        <v>556</v>
      </c>
      <c r="EN20" s="73">
        <v>778</v>
      </c>
      <c r="EO20" s="70">
        <v>186</v>
      </c>
      <c r="EP20" s="71">
        <v>215</v>
      </c>
      <c r="EQ20" s="72">
        <v>401</v>
      </c>
      <c r="ER20" s="241"/>
      <c r="ES20" s="71">
        <v>239</v>
      </c>
      <c r="ET20" s="71">
        <v>296</v>
      </c>
      <c r="EU20" s="71">
        <v>186</v>
      </c>
      <c r="EV20" s="71">
        <v>167</v>
      </c>
      <c r="EW20" s="71">
        <v>103</v>
      </c>
      <c r="EX20" s="72">
        <v>991</v>
      </c>
      <c r="EY20" s="73">
        <v>1392</v>
      </c>
      <c r="EZ20" s="70">
        <v>159</v>
      </c>
      <c r="FA20" s="71">
        <v>231</v>
      </c>
      <c r="FB20" s="72">
        <v>390</v>
      </c>
      <c r="FC20" s="241"/>
      <c r="FD20" s="71">
        <v>285</v>
      </c>
      <c r="FE20" s="71">
        <v>297</v>
      </c>
      <c r="FF20" s="71">
        <v>239</v>
      </c>
      <c r="FG20" s="71">
        <v>185</v>
      </c>
      <c r="FH20" s="71">
        <v>162</v>
      </c>
      <c r="FI20" s="72">
        <v>1168</v>
      </c>
      <c r="FJ20" s="73">
        <v>1558</v>
      </c>
      <c r="FK20" s="70">
        <v>81</v>
      </c>
      <c r="FL20" s="71">
        <v>115</v>
      </c>
      <c r="FM20" s="72">
        <v>196</v>
      </c>
      <c r="FN20" s="241"/>
      <c r="FO20" s="71">
        <v>216</v>
      </c>
      <c r="FP20" s="71">
        <v>325</v>
      </c>
      <c r="FQ20" s="71">
        <v>251</v>
      </c>
      <c r="FR20" s="71">
        <v>282</v>
      </c>
      <c r="FS20" s="71">
        <v>177</v>
      </c>
      <c r="FT20" s="72">
        <v>1251</v>
      </c>
      <c r="FU20" s="73">
        <v>1447</v>
      </c>
      <c r="FV20" s="70">
        <v>3</v>
      </c>
      <c r="FW20" s="71">
        <v>21</v>
      </c>
      <c r="FX20" s="72">
        <v>24</v>
      </c>
      <c r="FY20" s="241"/>
      <c r="FZ20" s="71">
        <v>6</v>
      </c>
      <c r="GA20" s="71">
        <v>30</v>
      </c>
      <c r="GB20" s="71">
        <v>18</v>
      </c>
      <c r="GC20" s="71">
        <v>16</v>
      </c>
      <c r="GD20" s="71">
        <v>14</v>
      </c>
      <c r="GE20" s="72">
        <v>84</v>
      </c>
      <c r="GF20" s="73">
        <v>108</v>
      </c>
      <c r="GG20" s="70">
        <v>600</v>
      </c>
      <c r="GH20" s="71">
        <v>805</v>
      </c>
      <c r="GI20" s="72">
        <v>1405</v>
      </c>
      <c r="GJ20" s="241"/>
      <c r="GK20" s="71">
        <v>952</v>
      </c>
      <c r="GL20" s="71">
        <v>1233</v>
      </c>
      <c r="GM20" s="71">
        <v>883</v>
      </c>
      <c r="GN20" s="71">
        <v>810</v>
      </c>
      <c r="GO20" s="71">
        <v>591</v>
      </c>
      <c r="GP20" s="72">
        <v>4469</v>
      </c>
      <c r="GQ20" s="73">
        <v>5874</v>
      </c>
      <c r="GR20" s="123">
        <v>866</v>
      </c>
      <c r="GS20" s="82">
        <v>1145</v>
      </c>
      <c r="GT20" s="83">
        <v>2011</v>
      </c>
      <c r="GU20" s="241"/>
      <c r="GV20" s="82">
        <v>1488</v>
      </c>
      <c r="GW20" s="82">
        <v>1914</v>
      </c>
      <c r="GX20" s="82">
        <v>1394</v>
      </c>
      <c r="GY20" s="82">
        <v>1196</v>
      </c>
      <c r="GZ20" s="82">
        <v>831</v>
      </c>
      <c r="HA20" s="84">
        <v>6823</v>
      </c>
      <c r="HB20" s="85">
        <v>8834</v>
      </c>
      <c r="HC20" s="70">
        <v>28</v>
      </c>
      <c r="HD20" s="71">
        <v>53</v>
      </c>
      <c r="HE20" s="72">
        <v>81</v>
      </c>
      <c r="HF20" s="241"/>
      <c r="HG20" s="71">
        <v>45</v>
      </c>
      <c r="HH20" s="71">
        <v>83</v>
      </c>
      <c r="HI20" s="71">
        <v>55</v>
      </c>
      <c r="HJ20" s="71">
        <v>39</v>
      </c>
      <c r="HK20" s="71">
        <v>52</v>
      </c>
      <c r="HL20" s="72">
        <v>274</v>
      </c>
      <c r="HM20" s="73">
        <v>355</v>
      </c>
      <c r="HN20" s="70">
        <v>91</v>
      </c>
      <c r="HO20" s="71">
        <v>123</v>
      </c>
      <c r="HP20" s="72">
        <v>214</v>
      </c>
      <c r="HQ20" s="241"/>
      <c r="HR20" s="71">
        <v>115</v>
      </c>
      <c r="HS20" s="71">
        <v>180</v>
      </c>
      <c r="HT20" s="71">
        <v>137</v>
      </c>
      <c r="HU20" s="71">
        <v>107</v>
      </c>
      <c r="HV20" s="71">
        <v>77</v>
      </c>
      <c r="HW20" s="72">
        <v>616</v>
      </c>
      <c r="HX20" s="73">
        <v>830</v>
      </c>
      <c r="HY20" s="70">
        <v>151</v>
      </c>
      <c r="HZ20" s="71">
        <v>195</v>
      </c>
      <c r="IA20" s="72">
        <v>346</v>
      </c>
      <c r="IB20" s="241"/>
      <c r="IC20" s="71">
        <v>214</v>
      </c>
      <c r="ID20" s="71">
        <v>297</v>
      </c>
      <c r="IE20" s="71">
        <v>190</v>
      </c>
      <c r="IF20" s="71">
        <v>175</v>
      </c>
      <c r="IG20" s="71">
        <v>122</v>
      </c>
      <c r="IH20" s="72">
        <v>998</v>
      </c>
      <c r="II20" s="73">
        <v>1344</v>
      </c>
      <c r="IJ20" s="70">
        <v>246</v>
      </c>
      <c r="IK20" s="71">
        <v>302</v>
      </c>
      <c r="IL20" s="72">
        <v>548</v>
      </c>
      <c r="IM20" s="241"/>
      <c r="IN20" s="71">
        <v>401</v>
      </c>
      <c r="IO20" s="71">
        <v>453</v>
      </c>
      <c r="IP20" s="71">
        <v>331</v>
      </c>
      <c r="IQ20" s="71">
        <v>255</v>
      </c>
      <c r="IR20" s="71">
        <v>160</v>
      </c>
      <c r="IS20" s="72">
        <v>1600</v>
      </c>
      <c r="IT20" s="73">
        <v>2148</v>
      </c>
      <c r="IU20" s="70">
        <v>225</v>
      </c>
      <c r="IV20" s="71">
        <v>309</v>
      </c>
      <c r="IW20" s="72">
        <v>534</v>
      </c>
      <c r="IX20" s="241"/>
      <c r="IY20" s="71">
        <v>411</v>
      </c>
      <c r="IZ20" s="71">
        <v>483</v>
      </c>
      <c r="JA20" s="71">
        <v>347</v>
      </c>
      <c r="JB20" s="71">
        <v>275</v>
      </c>
      <c r="JC20" s="71">
        <v>219</v>
      </c>
      <c r="JD20" s="72">
        <v>1735</v>
      </c>
      <c r="JE20" s="73">
        <v>2269</v>
      </c>
      <c r="JF20" s="70">
        <v>125</v>
      </c>
      <c r="JG20" s="71">
        <v>163</v>
      </c>
      <c r="JH20" s="72">
        <v>288</v>
      </c>
      <c r="JI20" s="241"/>
      <c r="JJ20" s="71">
        <v>302</v>
      </c>
      <c r="JK20" s="71">
        <v>418</v>
      </c>
      <c r="JL20" s="71">
        <v>334</v>
      </c>
      <c r="JM20" s="71">
        <v>345</v>
      </c>
      <c r="JN20" s="71">
        <v>201</v>
      </c>
      <c r="JO20" s="72">
        <v>1600</v>
      </c>
      <c r="JP20" s="73">
        <v>1888</v>
      </c>
      <c r="JQ20" s="70">
        <v>14</v>
      </c>
      <c r="JR20" s="71">
        <v>43</v>
      </c>
      <c r="JS20" s="72">
        <v>57</v>
      </c>
      <c r="JT20" s="241"/>
      <c r="JU20" s="71">
        <v>29</v>
      </c>
      <c r="JV20" s="71">
        <v>74</v>
      </c>
      <c r="JW20" s="71">
        <v>47</v>
      </c>
      <c r="JX20" s="71">
        <v>35</v>
      </c>
      <c r="JY20" s="71">
        <v>25</v>
      </c>
      <c r="JZ20" s="72">
        <v>210</v>
      </c>
      <c r="KA20" s="73">
        <v>267</v>
      </c>
      <c r="KB20" s="70">
        <v>880</v>
      </c>
      <c r="KC20" s="71">
        <v>1188</v>
      </c>
      <c r="KD20" s="72">
        <v>2068</v>
      </c>
      <c r="KE20" s="241"/>
      <c r="KF20" s="71">
        <v>1517</v>
      </c>
      <c r="KG20" s="71">
        <v>1988</v>
      </c>
      <c r="KH20" s="71">
        <v>1441</v>
      </c>
      <c r="KI20" s="71">
        <v>1231</v>
      </c>
      <c r="KJ20" s="71">
        <v>856</v>
      </c>
      <c r="KK20" s="72">
        <v>7033</v>
      </c>
      <c r="KL20" s="73">
        <v>9101</v>
      </c>
    </row>
    <row r="21" spans="1:298" ht="19.5" customHeight="1" x14ac:dyDescent="0.2">
      <c r="A21" s="126" t="s">
        <v>18</v>
      </c>
      <c r="B21" s="316">
        <v>413</v>
      </c>
      <c r="C21" s="82">
        <v>404</v>
      </c>
      <c r="D21" s="83">
        <v>817</v>
      </c>
      <c r="E21" s="241"/>
      <c r="F21" s="82">
        <v>895</v>
      </c>
      <c r="G21" s="82">
        <v>716</v>
      </c>
      <c r="H21" s="82">
        <v>508</v>
      </c>
      <c r="I21" s="82">
        <v>458</v>
      </c>
      <c r="J21" s="82">
        <v>268</v>
      </c>
      <c r="K21" s="84">
        <v>2845</v>
      </c>
      <c r="L21" s="85">
        <v>3662</v>
      </c>
      <c r="M21" s="70">
        <v>22</v>
      </c>
      <c r="N21" s="71">
        <v>27</v>
      </c>
      <c r="O21" s="72">
        <v>49</v>
      </c>
      <c r="P21" s="241"/>
      <c r="Q21" s="71">
        <v>53</v>
      </c>
      <c r="R21" s="71">
        <v>44</v>
      </c>
      <c r="S21" s="71">
        <v>27</v>
      </c>
      <c r="T21" s="71">
        <v>41</v>
      </c>
      <c r="U21" s="71">
        <v>19</v>
      </c>
      <c r="V21" s="72">
        <v>184</v>
      </c>
      <c r="W21" s="73">
        <v>233</v>
      </c>
      <c r="X21" s="70">
        <v>49</v>
      </c>
      <c r="Y21" s="71">
        <v>48</v>
      </c>
      <c r="Z21" s="72">
        <v>97</v>
      </c>
      <c r="AA21" s="241"/>
      <c r="AB21" s="71">
        <v>96</v>
      </c>
      <c r="AC21" s="71">
        <v>85</v>
      </c>
      <c r="AD21" s="71">
        <v>75</v>
      </c>
      <c r="AE21" s="71">
        <v>61</v>
      </c>
      <c r="AF21" s="71">
        <v>37</v>
      </c>
      <c r="AG21" s="72">
        <v>354</v>
      </c>
      <c r="AH21" s="73">
        <v>451</v>
      </c>
      <c r="AI21" s="70">
        <v>72</v>
      </c>
      <c r="AJ21" s="71">
        <v>66</v>
      </c>
      <c r="AK21" s="72">
        <v>138</v>
      </c>
      <c r="AL21" s="241"/>
      <c r="AM21" s="71">
        <v>139</v>
      </c>
      <c r="AN21" s="71">
        <v>115</v>
      </c>
      <c r="AO21" s="71">
        <v>83</v>
      </c>
      <c r="AP21" s="71">
        <v>77</v>
      </c>
      <c r="AQ21" s="71">
        <v>60</v>
      </c>
      <c r="AR21" s="72">
        <v>474</v>
      </c>
      <c r="AS21" s="73">
        <v>612</v>
      </c>
      <c r="AT21" s="70">
        <v>117</v>
      </c>
      <c r="AU21" s="71">
        <v>97</v>
      </c>
      <c r="AV21" s="72">
        <v>214</v>
      </c>
      <c r="AW21" s="241"/>
      <c r="AX21" s="71">
        <v>244</v>
      </c>
      <c r="AY21" s="71">
        <v>187</v>
      </c>
      <c r="AZ21" s="71">
        <v>117</v>
      </c>
      <c r="BA21" s="71">
        <v>109</v>
      </c>
      <c r="BB21" s="71">
        <v>65</v>
      </c>
      <c r="BC21" s="72">
        <v>722</v>
      </c>
      <c r="BD21" s="73">
        <v>936</v>
      </c>
      <c r="BE21" s="70">
        <v>97</v>
      </c>
      <c r="BF21" s="71">
        <v>105</v>
      </c>
      <c r="BG21" s="72">
        <v>202</v>
      </c>
      <c r="BH21" s="241"/>
      <c r="BI21" s="71">
        <v>237</v>
      </c>
      <c r="BJ21" s="71">
        <v>174</v>
      </c>
      <c r="BK21" s="71">
        <v>130</v>
      </c>
      <c r="BL21" s="71">
        <v>101</v>
      </c>
      <c r="BM21" s="71">
        <v>46</v>
      </c>
      <c r="BN21" s="72">
        <v>688</v>
      </c>
      <c r="BO21" s="73">
        <v>890</v>
      </c>
      <c r="BP21" s="70">
        <v>56</v>
      </c>
      <c r="BQ21" s="71">
        <v>61</v>
      </c>
      <c r="BR21" s="72">
        <v>117</v>
      </c>
      <c r="BS21" s="241"/>
      <c r="BT21" s="71">
        <v>126</v>
      </c>
      <c r="BU21" s="71">
        <v>111</v>
      </c>
      <c r="BV21" s="71">
        <v>76</v>
      </c>
      <c r="BW21" s="71">
        <v>69</v>
      </c>
      <c r="BX21" s="71">
        <v>41</v>
      </c>
      <c r="BY21" s="72">
        <v>423</v>
      </c>
      <c r="BZ21" s="73">
        <v>540</v>
      </c>
      <c r="CA21" s="70">
        <v>9</v>
      </c>
      <c r="CB21" s="71">
        <v>19</v>
      </c>
      <c r="CC21" s="72">
        <v>28</v>
      </c>
      <c r="CD21" s="241"/>
      <c r="CE21" s="71">
        <v>31</v>
      </c>
      <c r="CF21" s="71">
        <v>39</v>
      </c>
      <c r="CG21" s="71">
        <v>35</v>
      </c>
      <c r="CH21" s="71">
        <v>20</v>
      </c>
      <c r="CI21" s="71">
        <v>23</v>
      </c>
      <c r="CJ21" s="72">
        <v>148</v>
      </c>
      <c r="CK21" s="73">
        <v>176</v>
      </c>
      <c r="CL21" s="70">
        <v>422</v>
      </c>
      <c r="CM21" s="71">
        <v>423</v>
      </c>
      <c r="CN21" s="72">
        <v>845</v>
      </c>
      <c r="CO21" s="241"/>
      <c r="CP21" s="71">
        <v>926</v>
      </c>
      <c r="CQ21" s="71">
        <v>755</v>
      </c>
      <c r="CR21" s="71">
        <v>543</v>
      </c>
      <c r="CS21" s="71">
        <v>478</v>
      </c>
      <c r="CT21" s="71">
        <v>291</v>
      </c>
      <c r="CU21" s="72">
        <v>2993</v>
      </c>
      <c r="CV21" s="73">
        <v>3838</v>
      </c>
      <c r="CW21" s="123">
        <v>811</v>
      </c>
      <c r="CX21" s="82">
        <v>1014</v>
      </c>
      <c r="CY21" s="83">
        <v>1825</v>
      </c>
      <c r="CZ21" s="241"/>
      <c r="DA21" s="82">
        <v>1397</v>
      </c>
      <c r="DB21" s="82">
        <v>1240</v>
      </c>
      <c r="DC21" s="82">
        <v>910</v>
      </c>
      <c r="DD21" s="82">
        <v>926</v>
      </c>
      <c r="DE21" s="82">
        <v>646</v>
      </c>
      <c r="DF21" s="84">
        <v>5119</v>
      </c>
      <c r="DG21" s="85">
        <v>6944</v>
      </c>
      <c r="DH21" s="70">
        <v>21</v>
      </c>
      <c r="DI21" s="71">
        <v>28</v>
      </c>
      <c r="DJ21" s="72">
        <v>49</v>
      </c>
      <c r="DK21" s="241"/>
      <c r="DL21" s="71">
        <v>39</v>
      </c>
      <c r="DM21" s="71">
        <v>28</v>
      </c>
      <c r="DN21" s="71">
        <v>19</v>
      </c>
      <c r="DO21" s="71">
        <v>17</v>
      </c>
      <c r="DP21" s="71">
        <v>17</v>
      </c>
      <c r="DQ21" s="72">
        <v>120</v>
      </c>
      <c r="DR21" s="73">
        <v>169</v>
      </c>
      <c r="DS21" s="70">
        <v>80</v>
      </c>
      <c r="DT21" s="71">
        <v>95</v>
      </c>
      <c r="DU21" s="72">
        <v>175</v>
      </c>
      <c r="DV21" s="241"/>
      <c r="DW21" s="71">
        <v>98</v>
      </c>
      <c r="DX21" s="71">
        <v>87</v>
      </c>
      <c r="DY21" s="71">
        <v>49</v>
      </c>
      <c r="DZ21" s="71">
        <v>44</v>
      </c>
      <c r="EA21" s="71">
        <v>45</v>
      </c>
      <c r="EB21" s="72">
        <v>323</v>
      </c>
      <c r="EC21" s="73">
        <v>498</v>
      </c>
      <c r="ED21" s="70">
        <v>158</v>
      </c>
      <c r="EE21" s="71">
        <v>175</v>
      </c>
      <c r="EF21" s="72">
        <v>333</v>
      </c>
      <c r="EG21" s="241"/>
      <c r="EH21" s="71">
        <v>207</v>
      </c>
      <c r="EI21" s="71">
        <v>144</v>
      </c>
      <c r="EJ21" s="71">
        <v>123</v>
      </c>
      <c r="EK21" s="71">
        <v>95</v>
      </c>
      <c r="EL21" s="71">
        <v>73</v>
      </c>
      <c r="EM21" s="72">
        <v>642</v>
      </c>
      <c r="EN21" s="73">
        <v>975</v>
      </c>
      <c r="EO21" s="70">
        <v>237</v>
      </c>
      <c r="EP21" s="71">
        <v>306</v>
      </c>
      <c r="EQ21" s="72">
        <v>543</v>
      </c>
      <c r="ER21" s="241"/>
      <c r="ES21" s="71">
        <v>369</v>
      </c>
      <c r="ET21" s="71">
        <v>288</v>
      </c>
      <c r="EU21" s="71">
        <v>170</v>
      </c>
      <c r="EV21" s="71">
        <v>183</v>
      </c>
      <c r="EW21" s="71">
        <v>139</v>
      </c>
      <c r="EX21" s="72">
        <v>1149</v>
      </c>
      <c r="EY21" s="73">
        <v>1692</v>
      </c>
      <c r="EZ21" s="70">
        <v>217</v>
      </c>
      <c r="FA21" s="71">
        <v>274</v>
      </c>
      <c r="FB21" s="72">
        <v>491</v>
      </c>
      <c r="FC21" s="241"/>
      <c r="FD21" s="71">
        <v>403</v>
      </c>
      <c r="FE21" s="71">
        <v>369</v>
      </c>
      <c r="FF21" s="71">
        <v>240</v>
      </c>
      <c r="FG21" s="71">
        <v>250</v>
      </c>
      <c r="FH21" s="71">
        <v>180</v>
      </c>
      <c r="FI21" s="72">
        <v>1442</v>
      </c>
      <c r="FJ21" s="73">
        <v>1933</v>
      </c>
      <c r="FK21" s="70">
        <v>98</v>
      </c>
      <c r="FL21" s="71">
        <v>136</v>
      </c>
      <c r="FM21" s="72">
        <v>234</v>
      </c>
      <c r="FN21" s="241"/>
      <c r="FO21" s="71">
        <v>281</v>
      </c>
      <c r="FP21" s="71">
        <v>324</v>
      </c>
      <c r="FQ21" s="71">
        <v>309</v>
      </c>
      <c r="FR21" s="71">
        <v>337</v>
      </c>
      <c r="FS21" s="71">
        <v>192</v>
      </c>
      <c r="FT21" s="72">
        <v>1443</v>
      </c>
      <c r="FU21" s="73">
        <v>1677</v>
      </c>
      <c r="FV21" s="70">
        <v>14</v>
      </c>
      <c r="FW21" s="71">
        <v>17</v>
      </c>
      <c r="FX21" s="72">
        <v>31</v>
      </c>
      <c r="FY21" s="241"/>
      <c r="FZ21" s="71">
        <v>24</v>
      </c>
      <c r="GA21" s="71">
        <v>28</v>
      </c>
      <c r="GB21" s="71">
        <v>22</v>
      </c>
      <c r="GC21" s="71">
        <v>16</v>
      </c>
      <c r="GD21" s="71">
        <v>16</v>
      </c>
      <c r="GE21" s="72">
        <v>106</v>
      </c>
      <c r="GF21" s="73">
        <v>137</v>
      </c>
      <c r="GG21" s="70">
        <v>825</v>
      </c>
      <c r="GH21" s="71">
        <v>1031</v>
      </c>
      <c r="GI21" s="72">
        <v>1856</v>
      </c>
      <c r="GJ21" s="241"/>
      <c r="GK21" s="71">
        <v>1421</v>
      </c>
      <c r="GL21" s="71">
        <v>1268</v>
      </c>
      <c r="GM21" s="71">
        <v>932</v>
      </c>
      <c r="GN21" s="71">
        <v>942</v>
      </c>
      <c r="GO21" s="71">
        <v>662</v>
      </c>
      <c r="GP21" s="72">
        <v>5225</v>
      </c>
      <c r="GQ21" s="73">
        <v>7081</v>
      </c>
      <c r="GR21" s="123">
        <v>1224</v>
      </c>
      <c r="GS21" s="82">
        <v>1418</v>
      </c>
      <c r="GT21" s="83">
        <v>2642</v>
      </c>
      <c r="GU21" s="241"/>
      <c r="GV21" s="82">
        <v>2292</v>
      </c>
      <c r="GW21" s="82">
        <v>1956</v>
      </c>
      <c r="GX21" s="82">
        <v>1418</v>
      </c>
      <c r="GY21" s="82">
        <v>1384</v>
      </c>
      <c r="GZ21" s="82">
        <v>914</v>
      </c>
      <c r="HA21" s="84">
        <v>7964</v>
      </c>
      <c r="HB21" s="85">
        <v>10606</v>
      </c>
      <c r="HC21" s="70">
        <v>43</v>
      </c>
      <c r="HD21" s="71">
        <v>55</v>
      </c>
      <c r="HE21" s="72">
        <v>98</v>
      </c>
      <c r="HF21" s="241"/>
      <c r="HG21" s="71">
        <v>92</v>
      </c>
      <c r="HH21" s="71">
        <v>72</v>
      </c>
      <c r="HI21" s="71">
        <v>46</v>
      </c>
      <c r="HJ21" s="71">
        <v>58</v>
      </c>
      <c r="HK21" s="71">
        <v>36</v>
      </c>
      <c r="HL21" s="72">
        <v>304</v>
      </c>
      <c r="HM21" s="73">
        <v>402</v>
      </c>
      <c r="HN21" s="70">
        <v>129</v>
      </c>
      <c r="HO21" s="71">
        <v>143</v>
      </c>
      <c r="HP21" s="72">
        <v>272</v>
      </c>
      <c r="HQ21" s="241"/>
      <c r="HR21" s="71">
        <v>194</v>
      </c>
      <c r="HS21" s="71">
        <v>172</v>
      </c>
      <c r="HT21" s="71">
        <v>124</v>
      </c>
      <c r="HU21" s="71">
        <v>105</v>
      </c>
      <c r="HV21" s="71">
        <v>82</v>
      </c>
      <c r="HW21" s="72">
        <v>677</v>
      </c>
      <c r="HX21" s="73">
        <v>949</v>
      </c>
      <c r="HY21" s="70">
        <v>230</v>
      </c>
      <c r="HZ21" s="71">
        <v>241</v>
      </c>
      <c r="IA21" s="72">
        <v>471</v>
      </c>
      <c r="IB21" s="241"/>
      <c r="IC21" s="71">
        <v>346</v>
      </c>
      <c r="ID21" s="71">
        <v>259</v>
      </c>
      <c r="IE21" s="71">
        <v>206</v>
      </c>
      <c r="IF21" s="71">
        <v>172</v>
      </c>
      <c r="IG21" s="71">
        <v>133</v>
      </c>
      <c r="IH21" s="72">
        <v>1116</v>
      </c>
      <c r="II21" s="73">
        <v>1587</v>
      </c>
      <c r="IJ21" s="70">
        <v>354</v>
      </c>
      <c r="IK21" s="71">
        <v>403</v>
      </c>
      <c r="IL21" s="72">
        <v>757</v>
      </c>
      <c r="IM21" s="241"/>
      <c r="IN21" s="71">
        <v>613</v>
      </c>
      <c r="IO21" s="71">
        <v>475</v>
      </c>
      <c r="IP21" s="71">
        <v>287</v>
      </c>
      <c r="IQ21" s="71">
        <v>292</v>
      </c>
      <c r="IR21" s="71">
        <v>204</v>
      </c>
      <c r="IS21" s="72">
        <v>1871</v>
      </c>
      <c r="IT21" s="73">
        <v>2628</v>
      </c>
      <c r="IU21" s="70">
        <v>314</v>
      </c>
      <c r="IV21" s="71">
        <v>379</v>
      </c>
      <c r="IW21" s="72">
        <v>693</v>
      </c>
      <c r="IX21" s="241"/>
      <c r="IY21" s="71">
        <v>640</v>
      </c>
      <c r="IZ21" s="71">
        <v>543</v>
      </c>
      <c r="JA21" s="71">
        <v>370</v>
      </c>
      <c r="JB21" s="71">
        <v>351</v>
      </c>
      <c r="JC21" s="71">
        <v>226</v>
      </c>
      <c r="JD21" s="72">
        <v>2130</v>
      </c>
      <c r="JE21" s="73">
        <v>2823</v>
      </c>
      <c r="JF21" s="70">
        <v>154</v>
      </c>
      <c r="JG21" s="71">
        <v>197</v>
      </c>
      <c r="JH21" s="72">
        <v>351</v>
      </c>
      <c r="JI21" s="241"/>
      <c r="JJ21" s="71">
        <v>407</v>
      </c>
      <c r="JK21" s="71">
        <v>435</v>
      </c>
      <c r="JL21" s="71">
        <v>385</v>
      </c>
      <c r="JM21" s="71">
        <v>406</v>
      </c>
      <c r="JN21" s="71">
        <v>233</v>
      </c>
      <c r="JO21" s="72">
        <v>1866</v>
      </c>
      <c r="JP21" s="73">
        <v>2217</v>
      </c>
      <c r="JQ21" s="70">
        <v>23</v>
      </c>
      <c r="JR21" s="71">
        <v>36</v>
      </c>
      <c r="JS21" s="72">
        <v>59</v>
      </c>
      <c r="JT21" s="241"/>
      <c r="JU21" s="71">
        <v>55</v>
      </c>
      <c r="JV21" s="71">
        <v>67</v>
      </c>
      <c r="JW21" s="71">
        <v>57</v>
      </c>
      <c r="JX21" s="71">
        <v>36</v>
      </c>
      <c r="JY21" s="71">
        <v>39</v>
      </c>
      <c r="JZ21" s="72">
        <v>254</v>
      </c>
      <c r="KA21" s="73">
        <v>313</v>
      </c>
      <c r="KB21" s="70">
        <v>1247</v>
      </c>
      <c r="KC21" s="71">
        <v>1454</v>
      </c>
      <c r="KD21" s="72">
        <v>2701</v>
      </c>
      <c r="KE21" s="241"/>
      <c r="KF21" s="71">
        <v>2347</v>
      </c>
      <c r="KG21" s="71">
        <v>2023</v>
      </c>
      <c r="KH21" s="71">
        <v>1475</v>
      </c>
      <c r="KI21" s="71">
        <v>1420</v>
      </c>
      <c r="KJ21" s="71">
        <v>953</v>
      </c>
      <c r="KK21" s="72">
        <v>8218</v>
      </c>
      <c r="KL21" s="73">
        <v>10919</v>
      </c>
    </row>
    <row r="22" spans="1:298" ht="19.5" customHeight="1" x14ac:dyDescent="0.2">
      <c r="A22" s="126" t="s">
        <v>19</v>
      </c>
      <c r="B22" s="316">
        <v>164</v>
      </c>
      <c r="C22" s="82">
        <v>156</v>
      </c>
      <c r="D22" s="83">
        <v>320</v>
      </c>
      <c r="E22" s="241"/>
      <c r="F22" s="82">
        <v>378</v>
      </c>
      <c r="G22" s="82">
        <v>310</v>
      </c>
      <c r="H22" s="82">
        <v>193</v>
      </c>
      <c r="I22" s="82">
        <v>143</v>
      </c>
      <c r="J22" s="82">
        <v>102</v>
      </c>
      <c r="K22" s="84">
        <v>1126</v>
      </c>
      <c r="L22" s="85">
        <v>1446</v>
      </c>
      <c r="M22" s="86">
        <v>8</v>
      </c>
      <c r="N22" s="71">
        <v>6</v>
      </c>
      <c r="O22" s="72">
        <v>14</v>
      </c>
      <c r="P22" s="241"/>
      <c r="Q22" s="71">
        <v>24</v>
      </c>
      <c r="R22" s="71">
        <v>20</v>
      </c>
      <c r="S22" s="71">
        <v>10</v>
      </c>
      <c r="T22" s="71">
        <v>8</v>
      </c>
      <c r="U22" s="71">
        <v>9</v>
      </c>
      <c r="V22" s="72">
        <v>71</v>
      </c>
      <c r="W22" s="73">
        <v>85</v>
      </c>
      <c r="X22" s="70">
        <v>12</v>
      </c>
      <c r="Y22" s="71">
        <v>12</v>
      </c>
      <c r="Z22" s="72">
        <v>24</v>
      </c>
      <c r="AA22" s="241"/>
      <c r="AB22" s="71">
        <v>44</v>
      </c>
      <c r="AC22" s="71">
        <v>52</v>
      </c>
      <c r="AD22" s="71">
        <v>27</v>
      </c>
      <c r="AE22" s="71">
        <v>16</v>
      </c>
      <c r="AF22" s="71">
        <v>13</v>
      </c>
      <c r="AG22" s="72">
        <v>152</v>
      </c>
      <c r="AH22" s="73">
        <v>176</v>
      </c>
      <c r="AI22" s="86">
        <v>36</v>
      </c>
      <c r="AJ22" s="71">
        <v>22</v>
      </c>
      <c r="AK22" s="72">
        <v>58</v>
      </c>
      <c r="AL22" s="241"/>
      <c r="AM22" s="71">
        <v>58</v>
      </c>
      <c r="AN22" s="71">
        <v>44</v>
      </c>
      <c r="AO22" s="71">
        <v>31</v>
      </c>
      <c r="AP22" s="71">
        <v>29</v>
      </c>
      <c r="AQ22" s="71">
        <v>18</v>
      </c>
      <c r="AR22" s="72">
        <v>180</v>
      </c>
      <c r="AS22" s="73">
        <v>238</v>
      </c>
      <c r="AT22" s="70">
        <v>47</v>
      </c>
      <c r="AU22" s="71">
        <v>40</v>
      </c>
      <c r="AV22" s="72">
        <v>87</v>
      </c>
      <c r="AW22" s="241"/>
      <c r="AX22" s="71">
        <v>91</v>
      </c>
      <c r="AY22" s="71">
        <v>66</v>
      </c>
      <c r="AZ22" s="71">
        <v>51</v>
      </c>
      <c r="BA22" s="71">
        <v>42</v>
      </c>
      <c r="BB22" s="71">
        <v>24</v>
      </c>
      <c r="BC22" s="72">
        <v>274</v>
      </c>
      <c r="BD22" s="73">
        <v>361</v>
      </c>
      <c r="BE22" s="86">
        <v>40</v>
      </c>
      <c r="BF22" s="71">
        <v>41</v>
      </c>
      <c r="BG22" s="72">
        <v>81</v>
      </c>
      <c r="BH22" s="241"/>
      <c r="BI22" s="71">
        <v>103</v>
      </c>
      <c r="BJ22" s="71">
        <v>71</v>
      </c>
      <c r="BK22" s="71">
        <v>45</v>
      </c>
      <c r="BL22" s="71">
        <v>24</v>
      </c>
      <c r="BM22" s="71">
        <v>25</v>
      </c>
      <c r="BN22" s="72">
        <v>268</v>
      </c>
      <c r="BO22" s="73">
        <v>349</v>
      </c>
      <c r="BP22" s="70">
        <v>21</v>
      </c>
      <c r="BQ22" s="71">
        <v>35</v>
      </c>
      <c r="BR22" s="72">
        <v>56</v>
      </c>
      <c r="BS22" s="241"/>
      <c r="BT22" s="71">
        <v>58</v>
      </c>
      <c r="BU22" s="71">
        <v>57</v>
      </c>
      <c r="BV22" s="71">
        <v>29</v>
      </c>
      <c r="BW22" s="71">
        <v>24</v>
      </c>
      <c r="BX22" s="71">
        <v>13</v>
      </c>
      <c r="BY22" s="72">
        <v>181</v>
      </c>
      <c r="BZ22" s="73">
        <v>237</v>
      </c>
      <c r="CA22" s="70">
        <v>2</v>
      </c>
      <c r="CB22" s="71">
        <v>12</v>
      </c>
      <c r="CC22" s="72">
        <v>14</v>
      </c>
      <c r="CD22" s="241"/>
      <c r="CE22" s="71">
        <v>13</v>
      </c>
      <c r="CF22" s="71">
        <v>12</v>
      </c>
      <c r="CG22" s="71">
        <v>13</v>
      </c>
      <c r="CH22" s="71">
        <v>9</v>
      </c>
      <c r="CI22" s="71">
        <v>5</v>
      </c>
      <c r="CJ22" s="72">
        <v>52</v>
      </c>
      <c r="CK22" s="73">
        <v>66</v>
      </c>
      <c r="CL22" s="70">
        <v>166</v>
      </c>
      <c r="CM22" s="71">
        <v>168</v>
      </c>
      <c r="CN22" s="72">
        <v>334</v>
      </c>
      <c r="CO22" s="241"/>
      <c r="CP22" s="71">
        <v>391</v>
      </c>
      <c r="CQ22" s="71">
        <v>322</v>
      </c>
      <c r="CR22" s="71">
        <v>206</v>
      </c>
      <c r="CS22" s="71">
        <v>152</v>
      </c>
      <c r="CT22" s="71">
        <v>107</v>
      </c>
      <c r="CU22" s="72">
        <v>1178</v>
      </c>
      <c r="CV22" s="73">
        <v>1512</v>
      </c>
      <c r="CW22" s="123">
        <v>318</v>
      </c>
      <c r="CX22" s="82">
        <v>385</v>
      </c>
      <c r="CY22" s="83">
        <v>703</v>
      </c>
      <c r="CZ22" s="241"/>
      <c r="DA22" s="82">
        <v>622</v>
      </c>
      <c r="DB22" s="82">
        <v>505</v>
      </c>
      <c r="DC22" s="82">
        <v>419</v>
      </c>
      <c r="DD22" s="82">
        <v>354</v>
      </c>
      <c r="DE22" s="82">
        <v>244</v>
      </c>
      <c r="DF22" s="84">
        <v>2144</v>
      </c>
      <c r="DG22" s="85">
        <v>2847</v>
      </c>
      <c r="DH22" s="86">
        <v>13</v>
      </c>
      <c r="DI22" s="71">
        <v>8</v>
      </c>
      <c r="DJ22" s="72">
        <v>21</v>
      </c>
      <c r="DK22" s="241"/>
      <c r="DL22" s="71">
        <v>14</v>
      </c>
      <c r="DM22" s="71">
        <v>13</v>
      </c>
      <c r="DN22" s="71">
        <v>11</v>
      </c>
      <c r="DO22" s="71">
        <v>0</v>
      </c>
      <c r="DP22" s="71">
        <v>4</v>
      </c>
      <c r="DQ22" s="72">
        <v>42</v>
      </c>
      <c r="DR22" s="73">
        <v>63</v>
      </c>
      <c r="DS22" s="70">
        <v>26</v>
      </c>
      <c r="DT22" s="71">
        <v>32</v>
      </c>
      <c r="DU22" s="72">
        <v>58</v>
      </c>
      <c r="DV22" s="241"/>
      <c r="DW22" s="71">
        <v>54</v>
      </c>
      <c r="DX22" s="71">
        <v>31</v>
      </c>
      <c r="DY22" s="71">
        <v>15</v>
      </c>
      <c r="DZ22" s="71">
        <v>17</v>
      </c>
      <c r="EA22" s="71">
        <v>15</v>
      </c>
      <c r="EB22" s="72">
        <v>132</v>
      </c>
      <c r="EC22" s="73">
        <v>190</v>
      </c>
      <c r="ED22" s="86">
        <v>50</v>
      </c>
      <c r="EE22" s="71">
        <v>59</v>
      </c>
      <c r="EF22" s="72">
        <v>109</v>
      </c>
      <c r="EG22" s="241"/>
      <c r="EH22" s="71">
        <v>85</v>
      </c>
      <c r="EI22" s="71">
        <v>57</v>
      </c>
      <c r="EJ22" s="71">
        <v>38</v>
      </c>
      <c r="EK22" s="71">
        <v>38</v>
      </c>
      <c r="EL22" s="71">
        <v>35</v>
      </c>
      <c r="EM22" s="72">
        <v>253</v>
      </c>
      <c r="EN22" s="73">
        <v>362</v>
      </c>
      <c r="EO22" s="70">
        <v>104</v>
      </c>
      <c r="EP22" s="71">
        <v>94</v>
      </c>
      <c r="EQ22" s="72">
        <v>198</v>
      </c>
      <c r="ER22" s="241"/>
      <c r="ES22" s="71">
        <v>148</v>
      </c>
      <c r="ET22" s="71">
        <v>117</v>
      </c>
      <c r="EU22" s="71">
        <v>75</v>
      </c>
      <c r="EV22" s="71">
        <v>63</v>
      </c>
      <c r="EW22" s="71">
        <v>46</v>
      </c>
      <c r="EX22" s="72">
        <v>449</v>
      </c>
      <c r="EY22" s="73">
        <v>647</v>
      </c>
      <c r="EZ22" s="86">
        <v>86</v>
      </c>
      <c r="FA22" s="71">
        <v>115</v>
      </c>
      <c r="FB22" s="72">
        <v>201</v>
      </c>
      <c r="FC22" s="241"/>
      <c r="FD22" s="71">
        <v>166</v>
      </c>
      <c r="FE22" s="71">
        <v>136</v>
      </c>
      <c r="FF22" s="71">
        <v>115</v>
      </c>
      <c r="FG22" s="71">
        <v>73</v>
      </c>
      <c r="FH22" s="71">
        <v>49</v>
      </c>
      <c r="FI22" s="72">
        <v>539</v>
      </c>
      <c r="FJ22" s="73">
        <v>740</v>
      </c>
      <c r="FK22" s="70">
        <v>39</v>
      </c>
      <c r="FL22" s="71">
        <v>77</v>
      </c>
      <c r="FM22" s="72">
        <v>116</v>
      </c>
      <c r="FN22" s="241"/>
      <c r="FO22" s="71">
        <v>155</v>
      </c>
      <c r="FP22" s="71">
        <v>151</v>
      </c>
      <c r="FQ22" s="71">
        <v>165</v>
      </c>
      <c r="FR22" s="71">
        <v>163</v>
      </c>
      <c r="FS22" s="71">
        <v>95</v>
      </c>
      <c r="FT22" s="72">
        <v>729</v>
      </c>
      <c r="FU22" s="73">
        <v>845</v>
      </c>
      <c r="FV22" s="70">
        <v>3</v>
      </c>
      <c r="FW22" s="71">
        <v>4</v>
      </c>
      <c r="FX22" s="72">
        <v>7</v>
      </c>
      <c r="FY22" s="241"/>
      <c r="FZ22" s="71">
        <v>7</v>
      </c>
      <c r="GA22" s="71">
        <v>10</v>
      </c>
      <c r="GB22" s="71">
        <v>3</v>
      </c>
      <c r="GC22" s="71">
        <v>3</v>
      </c>
      <c r="GD22" s="71">
        <v>4</v>
      </c>
      <c r="GE22" s="72">
        <v>27</v>
      </c>
      <c r="GF22" s="73">
        <v>34</v>
      </c>
      <c r="GG22" s="70">
        <v>321</v>
      </c>
      <c r="GH22" s="71">
        <v>389</v>
      </c>
      <c r="GI22" s="72">
        <v>710</v>
      </c>
      <c r="GJ22" s="241"/>
      <c r="GK22" s="71">
        <v>629</v>
      </c>
      <c r="GL22" s="71">
        <v>515</v>
      </c>
      <c r="GM22" s="71">
        <v>422</v>
      </c>
      <c r="GN22" s="71">
        <v>357</v>
      </c>
      <c r="GO22" s="71">
        <v>248</v>
      </c>
      <c r="GP22" s="72">
        <v>2171</v>
      </c>
      <c r="GQ22" s="73">
        <v>2881</v>
      </c>
      <c r="GR22" s="123">
        <v>482</v>
      </c>
      <c r="GS22" s="82">
        <v>541</v>
      </c>
      <c r="GT22" s="83">
        <v>1023</v>
      </c>
      <c r="GU22" s="241"/>
      <c r="GV22" s="82">
        <v>1000</v>
      </c>
      <c r="GW22" s="82">
        <v>815</v>
      </c>
      <c r="GX22" s="82">
        <v>612</v>
      </c>
      <c r="GY22" s="82">
        <v>497</v>
      </c>
      <c r="GZ22" s="82">
        <v>346</v>
      </c>
      <c r="HA22" s="84">
        <v>3270</v>
      </c>
      <c r="HB22" s="85">
        <v>4293</v>
      </c>
      <c r="HC22" s="86">
        <v>21</v>
      </c>
      <c r="HD22" s="71">
        <v>14</v>
      </c>
      <c r="HE22" s="72">
        <v>35</v>
      </c>
      <c r="HF22" s="241"/>
      <c r="HG22" s="71">
        <v>38</v>
      </c>
      <c r="HH22" s="71">
        <v>33</v>
      </c>
      <c r="HI22" s="71">
        <v>21</v>
      </c>
      <c r="HJ22" s="71">
        <v>8</v>
      </c>
      <c r="HK22" s="71">
        <v>13</v>
      </c>
      <c r="HL22" s="72">
        <v>113</v>
      </c>
      <c r="HM22" s="73">
        <v>148</v>
      </c>
      <c r="HN22" s="70">
        <v>38</v>
      </c>
      <c r="HO22" s="71">
        <v>44</v>
      </c>
      <c r="HP22" s="72">
        <v>82</v>
      </c>
      <c r="HQ22" s="241"/>
      <c r="HR22" s="71">
        <v>98</v>
      </c>
      <c r="HS22" s="71">
        <v>83</v>
      </c>
      <c r="HT22" s="71">
        <v>42</v>
      </c>
      <c r="HU22" s="71">
        <v>33</v>
      </c>
      <c r="HV22" s="71">
        <v>28</v>
      </c>
      <c r="HW22" s="72">
        <v>284</v>
      </c>
      <c r="HX22" s="73">
        <v>366</v>
      </c>
      <c r="HY22" s="86">
        <v>86</v>
      </c>
      <c r="HZ22" s="71">
        <v>81</v>
      </c>
      <c r="IA22" s="72">
        <v>167</v>
      </c>
      <c r="IB22" s="241"/>
      <c r="IC22" s="71">
        <v>143</v>
      </c>
      <c r="ID22" s="71">
        <v>101</v>
      </c>
      <c r="IE22" s="71">
        <v>69</v>
      </c>
      <c r="IF22" s="71">
        <v>67</v>
      </c>
      <c r="IG22" s="71">
        <v>53</v>
      </c>
      <c r="IH22" s="72">
        <v>433</v>
      </c>
      <c r="II22" s="73">
        <v>600</v>
      </c>
      <c r="IJ22" s="70">
        <v>151</v>
      </c>
      <c r="IK22" s="71">
        <v>134</v>
      </c>
      <c r="IL22" s="72">
        <v>285</v>
      </c>
      <c r="IM22" s="241"/>
      <c r="IN22" s="71">
        <v>239</v>
      </c>
      <c r="IO22" s="71">
        <v>183</v>
      </c>
      <c r="IP22" s="71">
        <v>126</v>
      </c>
      <c r="IQ22" s="71">
        <v>105</v>
      </c>
      <c r="IR22" s="71">
        <v>70</v>
      </c>
      <c r="IS22" s="72">
        <v>723</v>
      </c>
      <c r="IT22" s="73">
        <v>1008</v>
      </c>
      <c r="IU22" s="86">
        <v>126</v>
      </c>
      <c r="IV22" s="71">
        <v>156</v>
      </c>
      <c r="IW22" s="72">
        <v>282</v>
      </c>
      <c r="IX22" s="241"/>
      <c r="IY22" s="71">
        <v>269</v>
      </c>
      <c r="IZ22" s="71">
        <v>207</v>
      </c>
      <c r="JA22" s="71">
        <v>160</v>
      </c>
      <c r="JB22" s="71">
        <v>97</v>
      </c>
      <c r="JC22" s="71">
        <v>74</v>
      </c>
      <c r="JD22" s="72">
        <v>807</v>
      </c>
      <c r="JE22" s="73">
        <v>1089</v>
      </c>
      <c r="JF22" s="70">
        <v>60</v>
      </c>
      <c r="JG22" s="71">
        <v>112</v>
      </c>
      <c r="JH22" s="72">
        <v>172</v>
      </c>
      <c r="JI22" s="241"/>
      <c r="JJ22" s="71">
        <v>213</v>
      </c>
      <c r="JK22" s="71">
        <v>208</v>
      </c>
      <c r="JL22" s="71">
        <v>194</v>
      </c>
      <c r="JM22" s="71">
        <v>187</v>
      </c>
      <c r="JN22" s="71">
        <v>108</v>
      </c>
      <c r="JO22" s="72">
        <v>910</v>
      </c>
      <c r="JP22" s="73">
        <v>1082</v>
      </c>
      <c r="JQ22" s="70">
        <v>5</v>
      </c>
      <c r="JR22" s="71">
        <v>16</v>
      </c>
      <c r="JS22" s="72">
        <v>21</v>
      </c>
      <c r="JT22" s="241"/>
      <c r="JU22" s="71">
        <v>20</v>
      </c>
      <c r="JV22" s="71">
        <v>22</v>
      </c>
      <c r="JW22" s="71">
        <v>16</v>
      </c>
      <c r="JX22" s="71">
        <v>12</v>
      </c>
      <c r="JY22" s="71">
        <v>9</v>
      </c>
      <c r="JZ22" s="72">
        <v>79</v>
      </c>
      <c r="KA22" s="73">
        <v>100</v>
      </c>
      <c r="KB22" s="70">
        <v>487</v>
      </c>
      <c r="KC22" s="71">
        <v>557</v>
      </c>
      <c r="KD22" s="72">
        <v>1044</v>
      </c>
      <c r="KE22" s="241"/>
      <c r="KF22" s="71">
        <v>1020</v>
      </c>
      <c r="KG22" s="71">
        <v>837</v>
      </c>
      <c r="KH22" s="71">
        <v>628</v>
      </c>
      <c r="KI22" s="71">
        <v>509</v>
      </c>
      <c r="KJ22" s="71">
        <v>355</v>
      </c>
      <c r="KK22" s="72">
        <v>3349</v>
      </c>
      <c r="KL22" s="73">
        <v>4393</v>
      </c>
    </row>
    <row r="23" spans="1:298" ht="19.5" customHeight="1" x14ac:dyDescent="0.2">
      <c r="A23" s="126" t="s">
        <v>20</v>
      </c>
      <c r="B23" s="316">
        <v>248</v>
      </c>
      <c r="C23" s="82">
        <v>319</v>
      </c>
      <c r="D23" s="83">
        <v>567</v>
      </c>
      <c r="E23" s="241"/>
      <c r="F23" s="82">
        <v>539</v>
      </c>
      <c r="G23" s="82">
        <v>326</v>
      </c>
      <c r="H23" s="82">
        <v>240</v>
      </c>
      <c r="I23" s="82">
        <v>203</v>
      </c>
      <c r="J23" s="82">
        <v>101</v>
      </c>
      <c r="K23" s="84">
        <v>1409</v>
      </c>
      <c r="L23" s="85">
        <v>1976</v>
      </c>
      <c r="M23" s="70">
        <v>15</v>
      </c>
      <c r="N23" s="71">
        <v>9</v>
      </c>
      <c r="O23" s="72">
        <v>24</v>
      </c>
      <c r="P23" s="241"/>
      <c r="Q23" s="71">
        <v>24</v>
      </c>
      <c r="R23" s="71">
        <v>18</v>
      </c>
      <c r="S23" s="71">
        <v>14</v>
      </c>
      <c r="T23" s="71">
        <v>11</v>
      </c>
      <c r="U23" s="71">
        <v>6</v>
      </c>
      <c r="V23" s="72">
        <v>73</v>
      </c>
      <c r="W23" s="73">
        <v>97</v>
      </c>
      <c r="X23" s="70">
        <v>23</v>
      </c>
      <c r="Y23" s="71">
        <v>36</v>
      </c>
      <c r="Z23" s="72">
        <v>59</v>
      </c>
      <c r="AA23" s="241"/>
      <c r="AB23" s="71">
        <v>70</v>
      </c>
      <c r="AC23" s="71">
        <v>39</v>
      </c>
      <c r="AD23" s="71">
        <v>29</v>
      </c>
      <c r="AE23" s="71">
        <v>27</v>
      </c>
      <c r="AF23" s="71">
        <v>17</v>
      </c>
      <c r="AG23" s="72">
        <v>182</v>
      </c>
      <c r="AH23" s="73">
        <v>241</v>
      </c>
      <c r="AI23" s="70">
        <v>59</v>
      </c>
      <c r="AJ23" s="71">
        <v>55</v>
      </c>
      <c r="AK23" s="72">
        <v>114</v>
      </c>
      <c r="AL23" s="241"/>
      <c r="AM23" s="71">
        <v>86</v>
      </c>
      <c r="AN23" s="71">
        <v>53</v>
      </c>
      <c r="AO23" s="71">
        <v>40</v>
      </c>
      <c r="AP23" s="71">
        <v>42</v>
      </c>
      <c r="AQ23" s="71">
        <v>26</v>
      </c>
      <c r="AR23" s="72">
        <v>247</v>
      </c>
      <c r="AS23" s="73">
        <v>361</v>
      </c>
      <c r="AT23" s="70">
        <v>55</v>
      </c>
      <c r="AU23" s="71">
        <v>100</v>
      </c>
      <c r="AV23" s="72">
        <v>155</v>
      </c>
      <c r="AW23" s="241"/>
      <c r="AX23" s="71">
        <v>161</v>
      </c>
      <c r="AY23" s="71">
        <v>95</v>
      </c>
      <c r="AZ23" s="71">
        <v>68</v>
      </c>
      <c r="BA23" s="71">
        <v>50</v>
      </c>
      <c r="BB23" s="71">
        <v>26</v>
      </c>
      <c r="BC23" s="72">
        <v>400</v>
      </c>
      <c r="BD23" s="73">
        <v>555</v>
      </c>
      <c r="BE23" s="70">
        <v>62</v>
      </c>
      <c r="BF23" s="71">
        <v>82</v>
      </c>
      <c r="BG23" s="72">
        <v>144</v>
      </c>
      <c r="BH23" s="241"/>
      <c r="BI23" s="71">
        <v>140</v>
      </c>
      <c r="BJ23" s="71">
        <v>79</v>
      </c>
      <c r="BK23" s="71">
        <v>54</v>
      </c>
      <c r="BL23" s="71">
        <v>46</v>
      </c>
      <c r="BM23" s="71">
        <v>16</v>
      </c>
      <c r="BN23" s="72">
        <v>335</v>
      </c>
      <c r="BO23" s="73">
        <v>479</v>
      </c>
      <c r="BP23" s="70">
        <v>34</v>
      </c>
      <c r="BQ23" s="71">
        <v>37</v>
      </c>
      <c r="BR23" s="72">
        <v>71</v>
      </c>
      <c r="BS23" s="241"/>
      <c r="BT23" s="71">
        <v>58</v>
      </c>
      <c r="BU23" s="71">
        <v>42</v>
      </c>
      <c r="BV23" s="71">
        <v>35</v>
      </c>
      <c r="BW23" s="71">
        <v>27</v>
      </c>
      <c r="BX23" s="71">
        <v>10</v>
      </c>
      <c r="BY23" s="72">
        <v>172</v>
      </c>
      <c r="BZ23" s="73">
        <v>243</v>
      </c>
      <c r="CA23" s="70">
        <v>4</v>
      </c>
      <c r="CB23" s="71">
        <v>15</v>
      </c>
      <c r="CC23" s="72">
        <v>19</v>
      </c>
      <c r="CD23" s="241"/>
      <c r="CE23" s="71">
        <v>26</v>
      </c>
      <c r="CF23" s="71">
        <v>11</v>
      </c>
      <c r="CG23" s="71">
        <v>17</v>
      </c>
      <c r="CH23" s="71">
        <v>11</v>
      </c>
      <c r="CI23" s="71">
        <v>2</v>
      </c>
      <c r="CJ23" s="72">
        <v>67</v>
      </c>
      <c r="CK23" s="73">
        <v>86</v>
      </c>
      <c r="CL23" s="70">
        <v>252</v>
      </c>
      <c r="CM23" s="71">
        <v>334</v>
      </c>
      <c r="CN23" s="72">
        <v>586</v>
      </c>
      <c r="CO23" s="241"/>
      <c r="CP23" s="71">
        <v>565</v>
      </c>
      <c r="CQ23" s="71">
        <v>337</v>
      </c>
      <c r="CR23" s="71">
        <v>257</v>
      </c>
      <c r="CS23" s="71">
        <v>214</v>
      </c>
      <c r="CT23" s="71">
        <v>103</v>
      </c>
      <c r="CU23" s="72">
        <v>1476</v>
      </c>
      <c r="CV23" s="73">
        <v>2062</v>
      </c>
      <c r="CW23" s="123">
        <v>455</v>
      </c>
      <c r="CX23" s="82">
        <v>575</v>
      </c>
      <c r="CY23" s="83">
        <v>1030</v>
      </c>
      <c r="CZ23" s="241"/>
      <c r="DA23" s="82">
        <v>821</v>
      </c>
      <c r="DB23" s="82">
        <v>487</v>
      </c>
      <c r="DC23" s="82">
        <v>468</v>
      </c>
      <c r="DD23" s="82">
        <v>407</v>
      </c>
      <c r="DE23" s="82">
        <v>256</v>
      </c>
      <c r="DF23" s="84">
        <v>2439</v>
      </c>
      <c r="DG23" s="85">
        <v>3469</v>
      </c>
      <c r="DH23" s="70">
        <v>9</v>
      </c>
      <c r="DI23" s="71">
        <v>13</v>
      </c>
      <c r="DJ23" s="72">
        <v>22</v>
      </c>
      <c r="DK23" s="241"/>
      <c r="DL23" s="71">
        <v>22</v>
      </c>
      <c r="DM23" s="71">
        <v>11</v>
      </c>
      <c r="DN23" s="71">
        <v>7</v>
      </c>
      <c r="DO23" s="71">
        <v>15</v>
      </c>
      <c r="DP23" s="71">
        <v>6</v>
      </c>
      <c r="DQ23" s="72">
        <v>61</v>
      </c>
      <c r="DR23" s="73">
        <v>83</v>
      </c>
      <c r="DS23" s="70">
        <v>46</v>
      </c>
      <c r="DT23" s="71">
        <v>39</v>
      </c>
      <c r="DU23" s="72">
        <v>85</v>
      </c>
      <c r="DV23" s="241"/>
      <c r="DW23" s="71">
        <v>64</v>
      </c>
      <c r="DX23" s="71">
        <v>27</v>
      </c>
      <c r="DY23" s="71">
        <v>22</v>
      </c>
      <c r="DZ23" s="71">
        <v>25</v>
      </c>
      <c r="EA23" s="71">
        <v>23</v>
      </c>
      <c r="EB23" s="72">
        <v>161</v>
      </c>
      <c r="EC23" s="73">
        <v>246</v>
      </c>
      <c r="ED23" s="70">
        <v>87</v>
      </c>
      <c r="EE23" s="71">
        <v>85</v>
      </c>
      <c r="EF23" s="72">
        <v>172</v>
      </c>
      <c r="EG23" s="241"/>
      <c r="EH23" s="71">
        <v>121</v>
      </c>
      <c r="EI23" s="71">
        <v>56</v>
      </c>
      <c r="EJ23" s="71">
        <v>35</v>
      </c>
      <c r="EK23" s="71">
        <v>36</v>
      </c>
      <c r="EL23" s="71">
        <v>39</v>
      </c>
      <c r="EM23" s="72">
        <v>287</v>
      </c>
      <c r="EN23" s="73">
        <v>459</v>
      </c>
      <c r="EO23" s="70">
        <v>130</v>
      </c>
      <c r="EP23" s="71">
        <v>174</v>
      </c>
      <c r="EQ23" s="72">
        <v>304</v>
      </c>
      <c r="ER23" s="241"/>
      <c r="ES23" s="71">
        <v>187</v>
      </c>
      <c r="ET23" s="71">
        <v>114</v>
      </c>
      <c r="EU23" s="71">
        <v>102</v>
      </c>
      <c r="EV23" s="71">
        <v>75</v>
      </c>
      <c r="EW23" s="71">
        <v>43</v>
      </c>
      <c r="EX23" s="72">
        <v>521</v>
      </c>
      <c r="EY23" s="73">
        <v>825</v>
      </c>
      <c r="EZ23" s="70">
        <v>133</v>
      </c>
      <c r="FA23" s="71">
        <v>148</v>
      </c>
      <c r="FB23" s="72">
        <v>281</v>
      </c>
      <c r="FC23" s="241"/>
      <c r="FD23" s="71">
        <v>223</v>
      </c>
      <c r="FE23" s="71">
        <v>132</v>
      </c>
      <c r="FF23" s="71">
        <v>139</v>
      </c>
      <c r="FG23" s="71">
        <v>101</v>
      </c>
      <c r="FH23" s="71">
        <v>69</v>
      </c>
      <c r="FI23" s="72">
        <v>664</v>
      </c>
      <c r="FJ23" s="73">
        <v>945</v>
      </c>
      <c r="FK23" s="70">
        <v>50</v>
      </c>
      <c r="FL23" s="71">
        <v>116</v>
      </c>
      <c r="FM23" s="72">
        <v>166</v>
      </c>
      <c r="FN23" s="241"/>
      <c r="FO23" s="71">
        <v>204</v>
      </c>
      <c r="FP23" s="71">
        <v>147</v>
      </c>
      <c r="FQ23" s="71">
        <v>163</v>
      </c>
      <c r="FR23" s="71">
        <v>155</v>
      </c>
      <c r="FS23" s="71">
        <v>76</v>
      </c>
      <c r="FT23" s="72">
        <v>745</v>
      </c>
      <c r="FU23" s="73">
        <v>911</v>
      </c>
      <c r="FV23" s="70">
        <v>6</v>
      </c>
      <c r="FW23" s="71">
        <v>13</v>
      </c>
      <c r="FX23" s="72">
        <v>19</v>
      </c>
      <c r="FY23" s="241"/>
      <c r="FZ23" s="71">
        <v>16</v>
      </c>
      <c r="GA23" s="71">
        <v>10</v>
      </c>
      <c r="GB23" s="71">
        <v>7</v>
      </c>
      <c r="GC23" s="71">
        <v>8</v>
      </c>
      <c r="GD23" s="71">
        <v>6</v>
      </c>
      <c r="GE23" s="72">
        <v>47</v>
      </c>
      <c r="GF23" s="73">
        <v>66</v>
      </c>
      <c r="GG23" s="70">
        <v>461</v>
      </c>
      <c r="GH23" s="71">
        <v>588</v>
      </c>
      <c r="GI23" s="72">
        <v>1049</v>
      </c>
      <c r="GJ23" s="241"/>
      <c r="GK23" s="71">
        <v>837</v>
      </c>
      <c r="GL23" s="71">
        <v>497</v>
      </c>
      <c r="GM23" s="71">
        <v>475</v>
      </c>
      <c r="GN23" s="71">
        <v>415</v>
      </c>
      <c r="GO23" s="71">
        <v>262</v>
      </c>
      <c r="GP23" s="72">
        <v>2486</v>
      </c>
      <c r="GQ23" s="73">
        <v>3535</v>
      </c>
      <c r="GR23" s="123">
        <v>703</v>
      </c>
      <c r="GS23" s="82">
        <v>894</v>
      </c>
      <c r="GT23" s="83">
        <v>1597</v>
      </c>
      <c r="GU23" s="241"/>
      <c r="GV23" s="82">
        <v>1360</v>
      </c>
      <c r="GW23" s="82">
        <v>813</v>
      </c>
      <c r="GX23" s="82">
        <v>708</v>
      </c>
      <c r="GY23" s="82">
        <v>610</v>
      </c>
      <c r="GZ23" s="82">
        <v>357</v>
      </c>
      <c r="HA23" s="84">
        <v>3848</v>
      </c>
      <c r="HB23" s="85">
        <v>5445</v>
      </c>
      <c r="HC23" s="70">
        <v>24</v>
      </c>
      <c r="HD23" s="71">
        <v>22</v>
      </c>
      <c r="HE23" s="72">
        <v>46</v>
      </c>
      <c r="HF23" s="241"/>
      <c r="HG23" s="71">
        <v>46</v>
      </c>
      <c r="HH23" s="71">
        <v>29</v>
      </c>
      <c r="HI23" s="71">
        <v>21</v>
      </c>
      <c r="HJ23" s="71">
        <v>26</v>
      </c>
      <c r="HK23" s="71">
        <v>12</v>
      </c>
      <c r="HL23" s="72">
        <v>134</v>
      </c>
      <c r="HM23" s="73">
        <v>180</v>
      </c>
      <c r="HN23" s="70">
        <v>69</v>
      </c>
      <c r="HO23" s="71">
        <v>75</v>
      </c>
      <c r="HP23" s="72">
        <v>144</v>
      </c>
      <c r="HQ23" s="241"/>
      <c r="HR23" s="71">
        <v>134</v>
      </c>
      <c r="HS23" s="71">
        <v>66</v>
      </c>
      <c r="HT23" s="71">
        <v>51</v>
      </c>
      <c r="HU23" s="71">
        <v>52</v>
      </c>
      <c r="HV23" s="71">
        <v>40</v>
      </c>
      <c r="HW23" s="72">
        <v>343</v>
      </c>
      <c r="HX23" s="73">
        <v>487</v>
      </c>
      <c r="HY23" s="70">
        <v>146</v>
      </c>
      <c r="HZ23" s="71">
        <v>140</v>
      </c>
      <c r="IA23" s="72">
        <v>286</v>
      </c>
      <c r="IB23" s="241"/>
      <c r="IC23" s="71">
        <v>207</v>
      </c>
      <c r="ID23" s="71">
        <v>109</v>
      </c>
      <c r="IE23" s="71">
        <v>75</v>
      </c>
      <c r="IF23" s="71">
        <v>78</v>
      </c>
      <c r="IG23" s="71">
        <v>65</v>
      </c>
      <c r="IH23" s="72">
        <v>534</v>
      </c>
      <c r="II23" s="73">
        <v>820</v>
      </c>
      <c r="IJ23" s="70">
        <v>185</v>
      </c>
      <c r="IK23" s="71">
        <v>274</v>
      </c>
      <c r="IL23" s="72">
        <v>459</v>
      </c>
      <c r="IM23" s="241"/>
      <c r="IN23" s="71">
        <v>348</v>
      </c>
      <c r="IO23" s="71">
        <v>209</v>
      </c>
      <c r="IP23" s="71">
        <v>170</v>
      </c>
      <c r="IQ23" s="71">
        <v>125</v>
      </c>
      <c r="IR23" s="71">
        <v>69</v>
      </c>
      <c r="IS23" s="72">
        <v>921</v>
      </c>
      <c r="IT23" s="73">
        <v>1380</v>
      </c>
      <c r="IU23" s="70">
        <v>195</v>
      </c>
      <c r="IV23" s="71">
        <v>230</v>
      </c>
      <c r="IW23" s="72">
        <v>425</v>
      </c>
      <c r="IX23" s="241"/>
      <c r="IY23" s="71">
        <v>363</v>
      </c>
      <c r="IZ23" s="71">
        <v>211</v>
      </c>
      <c r="JA23" s="71">
        <v>193</v>
      </c>
      <c r="JB23" s="71">
        <v>147</v>
      </c>
      <c r="JC23" s="71">
        <v>85</v>
      </c>
      <c r="JD23" s="72">
        <v>999</v>
      </c>
      <c r="JE23" s="73">
        <v>1424</v>
      </c>
      <c r="JF23" s="70">
        <v>84</v>
      </c>
      <c r="JG23" s="71">
        <v>153</v>
      </c>
      <c r="JH23" s="72">
        <v>237</v>
      </c>
      <c r="JI23" s="241"/>
      <c r="JJ23" s="71">
        <v>262</v>
      </c>
      <c r="JK23" s="71">
        <v>189</v>
      </c>
      <c r="JL23" s="71">
        <v>198</v>
      </c>
      <c r="JM23" s="71">
        <v>182</v>
      </c>
      <c r="JN23" s="71">
        <v>86</v>
      </c>
      <c r="JO23" s="72">
        <v>917</v>
      </c>
      <c r="JP23" s="73">
        <v>1154</v>
      </c>
      <c r="JQ23" s="70">
        <v>10</v>
      </c>
      <c r="JR23" s="71">
        <v>28</v>
      </c>
      <c r="JS23" s="72">
        <v>38</v>
      </c>
      <c r="JT23" s="241"/>
      <c r="JU23" s="71">
        <v>42</v>
      </c>
      <c r="JV23" s="71">
        <v>21</v>
      </c>
      <c r="JW23" s="71">
        <v>24</v>
      </c>
      <c r="JX23" s="71">
        <v>19</v>
      </c>
      <c r="JY23" s="71">
        <v>8</v>
      </c>
      <c r="JZ23" s="72">
        <v>114</v>
      </c>
      <c r="KA23" s="73">
        <v>152</v>
      </c>
      <c r="KB23" s="70">
        <v>713</v>
      </c>
      <c r="KC23" s="71">
        <v>922</v>
      </c>
      <c r="KD23" s="72">
        <v>1635</v>
      </c>
      <c r="KE23" s="241"/>
      <c r="KF23" s="71">
        <v>1402</v>
      </c>
      <c r="KG23" s="71">
        <v>834</v>
      </c>
      <c r="KH23" s="71">
        <v>732</v>
      </c>
      <c r="KI23" s="71">
        <v>629</v>
      </c>
      <c r="KJ23" s="71">
        <v>365</v>
      </c>
      <c r="KK23" s="72">
        <v>3962</v>
      </c>
      <c r="KL23" s="73">
        <v>5597</v>
      </c>
    </row>
    <row r="24" spans="1:298" ht="19.5" customHeight="1" x14ac:dyDescent="0.2">
      <c r="A24" s="126" t="s">
        <v>21</v>
      </c>
      <c r="B24" s="316">
        <v>284</v>
      </c>
      <c r="C24" s="82">
        <v>231</v>
      </c>
      <c r="D24" s="83">
        <v>515</v>
      </c>
      <c r="E24" s="241"/>
      <c r="F24" s="82">
        <v>413</v>
      </c>
      <c r="G24" s="82">
        <v>439</v>
      </c>
      <c r="H24" s="82">
        <v>298</v>
      </c>
      <c r="I24" s="82">
        <v>211</v>
      </c>
      <c r="J24" s="82">
        <v>116</v>
      </c>
      <c r="K24" s="84">
        <v>1477</v>
      </c>
      <c r="L24" s="85">
        <v>1992</v>
      </c>
      <c r="M24" s="70">
        <v>13</v>
      </c>
      <c r="N24" s="71">
        <v>15</v>
      </c>
      <c r="O24" s="72">
        <v>28</v>
      </c>
      <c r="P24" s="241"/>
      <c r="Q24" s="71">
        <v>17</v>
      </c>
      <c r="R24" s="71">
        <v>21</v>
      </c>
      <c r="S24" s="71">
        <v>14</v>
      </c>
      <c r="T24" s="71">
        <v>17</v>
      </c>
      <c r="U24" s="71">
        <v>10</v>
      </c>
      <c r="V24" s="72">
        <v>79</v>
      </c>
      <c r="W24" s="73">
        <v>107</v>
      </c>
      <c r="X24" s="70">
        <v>34</v>
      </c>
      <c r="Y24" s="71">
        <v>32</v>
      </c>
      <c r="Z24" s="72">
        <v>66</v>
      </c>
      <c r="AA24" s="241"/>
      <c r="AB24" s="71">
        <v>42</v>
      </c>
      <c r="AC24" s="71">
        <v>53</v>
      </c>
      <c r="AD24" s="71">
        <v>36</v>
      </c>
      <c r="AE24" s="71">
        <v>36</v>
      </c>
      <c r="AF24" s="71">
        <v>17</v>
      </c>
      <c r="AG24" s="72">
        <v>184</v>
      </c>
      <c r="AH24" s="73">
        <v>250</v>
      </c>
      <c r="AI24" s="70">
        <v>54</v>
      </c>
      <c r="AJ24" s="71">
        <v>36</v>
      </c>
      <c r="AK24" s="72">
        <v>90</v>
      </c>
      <c r="AL24" s="241"/>
      <c r="AM24" s="71">
        <v>70</v>
      </c>
      <c r="AN24" s="71">
        <v>82</v>
      </c>
      <c r="AO24" s="71">
        <v>54</v>
      </c>
      <c r="AP24" s="71">
        <v>35</v>
      </c>
      <c r="AQ24" s="71">
        <v>12</v>
      </c>
      <c r="AR24" s="72">
        <v>253</v>
      </c>
      <c r="AS24" s="73">
        <v>343</v>
      </c>
      <c r="AT24" s="70">
        <v>75</v>
      </c>
      <c r="AU24" s="71">
        <v>64</v>
      </c>
      <c r="AV24" s="72">
        <v>139</v>
      </c>
      <c r="AW24" s="241"/>
      <c r="AX24" s="71">
        <v>102</v>
      </c>
      <c r="AY24" s="71">
        <v>122</v>
      </c>
      <c r="AZ24" s="71">
        <v>73</v>
      </c>
      <c r="BA24" s="71">
        <v>42</v>
      </c>
      <c r="BB24" s="71">
        <v>32</v>
      </c>
      <c r="BC24" s="72">
        <v>371</v>
      </c>
      <c r="BD24" s="73">
        <v>510</v>
      </c>
      <c r="BE24" s="70">
        <v>73</v>
      </c>
      <c r="BF24" s="71">
        <v>60</v>
      </c>
      <c r="BG24" s="72">
        <v>133</v>
      </c>
      <c r="BH24" s="241"/>
      <c r="BI24" s="71">
        <v>124</v>
      </c>
      <c r="BJ24" s="71">
        <v>99</v>
      </c>
      <c r="BK24" s="71">
        <v>76</v>
      </c>
      <c r="BL24" s="71">
        <v>57</v>
      </c>
      <c r="BM24" s="71">
        <v>26</v>
      </c>
      <c r="BN24" s="72">
        <v>382</v>
      </c>
      <c r="BO24" s="73">
        <v>515</v>
      </c>
      <c r="BP24" s="70">
        <v>35</v>
      </c>
      <c r="BQ24" s="71">
        <v>24</v>
      </c>
      <c r="BR24" s="72">
        <v>59</v>
      </c>
      <c r="BS24" s="241"/>
      <c r="BT24" s="71">
        <v>58</v>
      </c>
      <c r="BU24" s="71">
        <v>62</v>
      </c>
      <c r="BV24" s="71">
        <v>45</v>
      </c>
      <c r="BW24" s="71">
        <v>24</v>
      </c>
      <c r="BX24" s="71">
        <v>19</v>
      </c>
      <c r="BY24" s="72">
        <v>208</v>
      </c>
      <c r="BZ24" s="73">
        <v>267</v>
      </c>
      <c r="CA24" s="70">
        <v>5</v>
      </c>
      <c r="CB24" s="71">
        <v>14</v>
      </c>
      <c r="CC24" s="72">
        <v>19</v>
      </c>
      <c r="CD24" s="241"/>
      <c r="CE24" s="71">
        <v>11</v>
      </c>
      <c r="CF24" s="71">
        <v>16</v>
      </c>
      <c r="CG24" s="71">
        <v>7</v>
      </c>
      <c r="CH24" s="71">
        <v>7</v>
      </c>
      <c r="CI24" s="71">
        <v>13</v>
      </c>
      <c r="CJ24" s="72">
        <v>54</v>
      </c>
      <c r="CK24" s="73">
        <v>73</v>
      </c>
      <c r="CL24" s="70">
        <v>289</v>
      </c>
      <c r="CM24" s="71">
        <v>245</v>
      </c>
      <c r="CN24" s="72">
        <v>534</v>
      </c>
      <c r="CO24" s="241"/>
      <c r="CP24" s="71">
        <v>424</v>
      </c>
      <c r="CQ24" s="71">
        <v>455</v>
      </c>
      <c r="CR24" s="71">
        <v>305</v>
      </c>
      <c r="CS24" s="71">
        <v>218</v>
      </c>
      <c r="CT24" s="71">
        <v>129</v>
      </c>
      <c r="CU24" s="72">
        <v>1531</v>
      </c>
      <c r="CV24" s="73">
        <v>2065</v>
      </c>
      <c r="CW24" s="123">
        <v>511</v>
      </c>
      <c r="CX24" s="82">
        <v>586</v>
      </c>
      <c r="CY24" s="83">
        <v>1097</v>
      </c>
      <c r="CZ24" s="241"/>
      <c r="DA24" s="82">
        <v>693</v>
      </c>
      <c r="DB24" s="82">
        <v>699</v>
      </c>
      <c r="DC24" s="82">
        <v>526</v>
      </c>
      <c r="DD24" s="82">
        <v>441</v>
      </c>
      <c r="DE24" s="82">
        <v>338</v>
      </c>
      <c r="DF24" s="84">
        <v>2697</v>
      </c>
      <c r="DG24" s="85">
        <v>3794</v>
      </c>
      <c r="DH24" s="70">
        <v>12</v>
      </c>
      <c r="DI24" s="71">
        <v>18</v>
      </c>
      <c r="DJ24" s="72">
        <v>30</v>
      </c>
      <c r="DK24" s="241"/>
      <c r="DL24" s="71">
        <v>15</v>
      </c>
      <c r="DM24" s="71">
        <v>17</v>
      </c>
      <c r="DN24" s="71">
        <v>18</v>
      </c>
      <c r="DO24" s="71">
        <v>14</v>
      </c>
      <c r="DP24" s="71">
        <v>10</v>
      </c>
      <c r="DQ24" s="72">
        <v>74</v>
      </c>
      <c r="DR24" s="73">
        <v>104</v>
      </c>
      <c r="DS24" s="70">
        <v>47</v>
      </c>
      <c r="DT24" s="71">
        <v>50</v>
      </c>
      <c r="DU24" s="72">
        <v>97</v>
      </c>
      <c r="DV24" s="241"/>
      <c r="DW24" s="71">
        <v>45</v>
      </c>
      <c r="DX24" s="71">
        <v>36</v>
      </c>
      <c r="DY24" s="71">
        <v>28</v>
      </c>
      <c r="DZ24" s="71">
        <v>25</v>
      </c>
      <c r="EA24" s="71">
        <v>27</v>
      </c>
      <c r="EB24" s="72">
        <v>161</v>
      </c>
      <c r="EC24" s="73">
        <v>258</v>
      </c>
      <c r="ED24" s="70">
        <v>88</v>
      </c>
      <c r="EE24" s="71">
        <v>97</v>
      </c>
      <c r="EF24" s="72">
        <v>185</v>
      </c>
      <c r="EG24" s="241"/>
      <c r="EH24" s="71">
        <v>100</v>
      </c>
      <c r="EI24" s="71">
        <v>81</v>
      </c>
      <c r="EJ24" s="71">
        <v>61</v>
      </c>
      <c r="EK24" s="71">
        <v>46</v>
      </c>
      <c r="EL24" s="71">
        <v>32</v>
      </c>
      <c r="EM24" s="72">
        <v>320</v>
      </c>
      <c r="EN24" s="73">
        <v>505</v>
      </c>
      <c r="EO24" s="70">
        <v>165</v>
      </c>
      <c r="EP24" s="71">
        <v>155</v>
      </c>
      <c r="EQ24" s="72">
        <v>320</v>
      </c>
      <c r="ER24" s="241"/>
      <c r="ES24" s="71">
        <v>201</v>
      </c>
      <c r="ET24" s="71">
        <v>145</v>
      </c>
      <c r="EU24" s="71">
        <v>108</v>
      </c>
      <c r="EV24" s="71">
        <v>89</v>
      </c>
      <c r="EW24" s="71">
        <v>84</v>
      </c>
      <c r="EX24" s="72">
        <v>627</v>
      </c>
      <c r="EY24" s="73">
        <v>947</v>
      </c>
      <c r="EZ24" s="70">
        <v>132</v>
      </c>
      <c r="FA24" s="71">
        <v>174</v>
      </c>
      <c r="FB24" s="72">
        <v>306</v>
      </c>
      <c r="FC24" s="241"/>
      <c r="FD24" s="71">
        <v>179</v>
      </c>
      <c r="FE24" s="71">
        <v>208</v>
      </c>
      <c r="FF24" s="71">
        <v>143</v>
      </c>
      <c r="FG24" s="71">
        <v>119</v>
      </c>
      <c r="FH24" s="71">
        <v>85</v>
      </c>
      <c r="FI24" s="72">
        <v>734</v>
      </c>
      <c r="FJ24" s="73">
        <v>1040</v>
      </c>
      <c r="FK24" s="70">
        <v>67</v>
      </c>
      <c r="FL24" s="71">
        <v>92</v>
      </c>
      <c r="FM24" s="72">
        <v>159</v>
      </c>
      <c r="FN24" s="241"/>
      <c r="FO24" s="71">
        <v>153</v>
      </c>
      <c r="FP24" s="71">
        <v>212</v>
      </c>
      <c r="FQ24" s="71">
        <v>168</v>
      </c>
      <c r="FR24" s="71">
        <v>148</v>
      </c>
      <c r="FS24" s="71">
        <v>100</v>
      </c>
      <c r="FT24" s="72">
        <v>781</v>
      </c>
      <c r="FU24" s="73">
        <v>940</v>
      </c>
      <c r="FV24" s="70">
        <v>12</v>
      </c>
      <c r="FW24" s="71">
        <v>11</v>
      </c>
      <c r="FX24" s="72">
        <v>23</v>
      </c>
      <c r="FY24" s="241"/>
      <c r="FZ24" s="71">
        <v>6</v>
      </c>
      <c r="GA24" s="71">
        <v>24</v>
      </c>
      <c r="GB24" s="71">
        <v>8</v>
      </c>
      <c r="GC24" s="71">
        <v>6</v>
      </c>
      <c r="GD24" s="71">
        <v>8</v>
      </c>
      <c r="GE24" s="72">
        <v>52</v>
      </c>
      <c r="GF24" s="73">
        <v>75</v>
      </c>
      <c r="GG24" s="70">
        <v>523</v>
      </c>
      <c r="GH24" s="71">
        <v>597</v>
      </c>
      <c r="GI24" s="72">
        <v>1120</v>
      </c>
      <c r="GJ24" s="241"/>
      <c r="GK24" s="71">
        <v>699</v>
      </c>
      <c r="GL24" s="71">
        <v>723</v>
      </c>
      <c r="GM24" s="71">
        <v>534</v>
      </c>
      <c r="GN24" s="71">
        <v>447</v>
      </c>
      <c r="GO24" s="71">
        <v>346</v>
      </c>
      <c r="GP24" s="72">
        <v>2749</v>
      </c>
      <c r="GQ24" s="73">
        <v>3869</v>
      </c>
      <c r="GR24" s="123">
        <v>795</v>
      </c>
      <c r="GS24" s="82">
        <v>817</v>
      </c>
      <c r="GT24" s="83">
        <v>1612</v>
      </c>
      <c r="GU24" s="241"/>
      <c r="GV24" s="82">
        <v>1106</v>
      </c>
      <c r="GW24" s="82">
        <v>1138</v>
      </c>
      <c r="GX24" s="82">
        <v>824</v>
      </c>
      <c r="GY24" s="82">
        <v>652</v>
      </c>
      <c r="GZ24" s="82">
        <v>454</v>
      </c>
      <c r="HA24" s="84">
        <v>4174</v>
      </c>
      <c r="HB24" s="85">
        <v>5786</v>
      </c>
      <c r="HC24" s="70">
        <v>25</v>
      </c>
      <c r="HD24" s="71">
        <v>33</v>
      </c>
      <c r="HE24" s="72">
        <v>58</v>
      </c>
      <c r="HF24" s="241"/>
      <c r="HG24" s="71">
        <v>32</v>
      </c>
      <c r="HH24" s="71">
        <v>38</v>
      </c>
      <c r="HI24" s="71">
        <v>32</v>
      </c>
      <c r="HJ24" s="71">
        <v>31</v>
      </c>
      <c r="HK24" s="71">
        <v>20</v>
      </c>
      <c r="HL24" s="72">
        <v>153</v>
      </c>
      <c r="HM24" s="73">
        <v>211</v>
      </c>
      <c r="HN24" s="70">
        <v>81</v>
      </c>
      <c r="HO24" s="71">
        <v>82</v>
      </c>
      <c r="HP24" s="72">
        <v>163</v>
      </c>
      <c r="HQ24" s="241"/>
      <c r="HR24" s="71">
        <v>87</v>
      </c>
      <c r="HS24" s="71">
        <v>89</v>
      </c>
      <c r="HT24" s="71">
        <v>64</v>
      </c>
      <c r="HU24" s="71">
        <v>61</v>
      </c>
      <c r="HV24" s="71">
        <v>44</v>
      </c>
      <c r="HW24" s="72">
        <v>345</v>
      </c>
      <c r="HX24" s="73">
        <v>508</v>
      </c>
      <c r="HY24" s="70">
        <v>142</v>
      </c>
      <c r="HZ24" s="71">
        <v>133</v>
      </c>
      <c r="IA24" s="72">
        <v>275</v>
      </c>
      <c r="IB24" s="241"/>
      <c r="IC24" s="71">
        <v>170</v>
      </c>
      <c r="ID24" s="71">
        <v>163</v>
      </c>
      <c r="IE24" s="71">
        <v>115</v>
      </c>
      <c r="IF24" s="71">
        <v>81</v>
      </c>
      <c r="IG24" s="71">
        <v>44</v>
      </c>
      <c r="IH24" s="72">
        <v>573</v>
      </c>
      <c r="II24" s="73">
        <v>848</v>
      </c>
      <c r="IJ24" s="70">
        <v>240</v>
      </c>
      <c r="IK24" s="71">
        <v>219</v>
      </c>
      <c r="IL24" s="72">
        <v>459</v>
      </c>
      <c r="IM24" s="241"/>
      <c r="IN24" s="71">
        <v>303</v>
      </c>
      <c r="IO24" s="71">
        <v>267</v>
      </c>
      <c r="IP24" s="71">
        <v>181</v>
      </c>
      <c r="IQ24" s="71">
        <v>131</v>
      </c>
      <c r="IR24" s="71">
        <v>116</v>
      </c>
      <c r="IS24" s="72">
        <v>998</v>
      </c>
      <c r="IT24" s="73">
        <v>1457</v>
      </c>
      <c r="IU24" s="70">
        <v>205</v>
      </c>
      <c r="IV24" s="71">
        <v>234</v>
      </c>
      <c r="IW24" s="72">
        <v>439</v>
      </c>
      <c r="IX24" s="241"/>
      <c r="IY24" s="71">
        <v>303</v>
      </c>
      <c r="IZ24" s="71">
        <v>307</v>
      </c>
      <c r="JA24" s="71">
        <v>219</v>
      </c>
      <c r="JB24" s="71">
        <v>176</v>
      </c>
      <c r="JC24" s="71">
        <v>111</v>
      </c>
      <c r="JD24" s="72">
        <v>1116</v>
      </c>
      <c r="JE24" s="73">
        <v>1555</v>
      </c>
      <c r="JF24" s="70">
        <v>102</v>
      </c>
      <c r="JG24" s="71">
        <v>116</v>
      </c>
      <c r="JH24" s="72">
        <v>218</v>
      </c>
      <c r="JI24" s="241"/>
      <c r="JJ24" s="71">
        <v>211</v>
      </c>
      <c r="JK24" s="71">
        <v>274</v>
      </c>
      <c r="JL24" s="71">
        <v>213</v>
      </c>
      <c r="JM24" s="71">
        <v>172</v>
      </c>
      <c r="JN24" s="71">
        <v>119</v>
      </c>
      <c r="JO24" s="72">
        <v>989</v>
      </c>
      <c r="JP24" s="73">
        <v>1207</v>
      </c>
      <c r="JQ24" s="70">
        <v>17</v>
      </c>
      <c r="JR24" s="71">
        <v>25</v>
      </c>
      <c r="JS24" s="72">
        <v>42</v>
      </c>
      <c r="JT24" s="241"/>
      <c r="JU24" s="71">
        <v>17</v>
      </c>
      <c r="JV24" s="71">
        <v>40</v>
      </c>
      <c r="JW24" s="71">
        <v>15</v>
      </c>
      <c r="JX24" s="71">
        <v>13</v>
      </c>
      <c r="JY24" s="71">
        <v>21</v>
      </c>
      <c r="JZ24" s="72">
        <v>106</v>
      </c>
      <c r="KA24" s="73">
        <v>148</v>
      </c>
      <c r="KB24" s="70">
        <v>812</v>
      </c>
      <c r="KC24" s="71">
        <v>842</v>
      </c>
      <c r="KD24" s="72">
        <v>1654</v>
      </c>
      <c r="KE24" s="241"/>
      <c r="KF24" s="71">
        <v>1123</v>
      </c>
      <c r="KG24" s="71">
        <v>1178</v>
      </c>
      <c r="KH24" s="71">
        <v>839</v>
      </c>
      <c r="KI24" s="71">
        <v>665</v>
      </c>
      <c r="KJ24" s="71">
        <v>475</v>
      </c>
      <c r="KK24" s="72">
        <v>4280</v>
      </c>
      <c r="KL24" s="73">
        <v>5934</v>
      </c>
    </row>
    <row r="25" spans="1:298" ht="19.5" customHeight="1" x14ac:dyDescent="0.2">
      <c r="A25" s="126" t="s">
        <v>22</v>
      </c>
      <c r="B25" s="316">
        <v>82</v>
      </c>
      <c r="C25" s="82">
        <v>62</v>
      </c>
      <c r="D25" s="83">
        <v>144</v>
      </c>
      <c r="E25" s="241"/>
      <c r="F25" s="82">
        <v>202</v>
      </c>
      <c r="G25" s="82">
        <v>155</v>
      </c>
      <c r="H25" s="82">
        <v>89</v>
      </c>
      <c r="I25" s="82">
        <v>76</v>
      </c>
      <c r="J25" s="82">
        <v>58</v>
      </c>
      <c r="K25" s="84">
        <v>580</v>
      </c>
      <c r="L25" s="85">
        <v>724</v>
      </c>
      <c r="M25" s="70">
        <v>3</v>
      </c>
      <c r="N25" s="71">
        <v>2</v>
      </c>
      <c r="O25" s="72">
        <v>5</v>
      </c>
      <c r="P25" s="241"/>
      <c r="Q25" s="71">
        <v>5</v>
      </c>
      <c r="R25" s="71">
        <v>6</v>
      </c>
      <c r="S25" s="71">
        <v>1</v>
      </c>
      <c r="T25" s="71">
        <v>4</v>
      </c>
      <c r="U25" s="71">
        <v>5</v>
      </c>
      <c r="V25" s="72">
        <v>21</v>
      </c>
      <c r="W25" s="73">
        <v>26</v>
      </c>
      <c r="X25" s="70">
        <v>10</v>
      </c>
      <c r="Y25" s="71">
        <v>13</v>
      </c>
      <c r="Z25" s="72">
        <v>23</v>
      </c>
      <c r="AA25" s="241"/>
      <c r="AB25" s="71">
        <v>22</v>
      </c>
      <c r="AC25" s="71">
        <v>9</v>
      </c>
      <c r="AD25" s="71">
        <v>7</v>
      </c>
      <c r="AE25" s="71">
        <v>8</v>
      </c>
      <c r="AF25" s="71">
        <v>9</v>
      </c>
      <c r="AG25" s="72">
        <v>55</v>
      </c>
      <c r="AH25" s="73">
        <v>78</v>
      </c>
      <c r="AI25" s="70">
        <v>9</v>
      </c>
      <c r="AJ25" s="71">
        <v>8</v>
      </c>
      <c r="AK25" s="72">
        <v>17</v>
      </c>
      <c r="AL25" s="241"/>
      <c r="AM25" s="71">
        <v>37</v>
      </c>
      <c r="AN25" s="71">
        <v>18</v>
      </c>
      <c r="AO25" s="71">
        <v>17</v>
      </c>
      <c r="AP25" s="71">
        <v>6</v>
      </c>
      <c r="AQ25" s="71">
        <v>14</v>
      </c>
      <c r="AR25" s="72">
        <v>92</v>
      </c>
      <c r="AS25" s="73">
        <v>109</v>
      </c>
      <c r="AT25" s="70">
        <v>23</v>
      </c>
      <c r="AU25" s="71">
        <v>12</v>
      </c>
      <c r="AV25" s="72">
        <v>35</v>
      </c>
      <c r="AW25" s="241"/>
      <c r="AX25" s="71">
        <v>53</v>
      </c>
      <c r="AY25" s="71">
        <v>48</v>
      </c>
      <c r="AZ25" s="71">
        <v>19</v>
      </c>
      <c r="BA25" s="71">
        <v>22</v>
      </c>
      <c r="BB25" s="71">
        <v>12</v>
      </c>
      <c r="BC25" s="72">
        <v>154</v>
      </c>
      <c r="BD25" s="73">
        <v>189</v>
      </c>
      <c r="BE25" s="70">
        <v>21</v>
      </c>
      <c r="BF25" s="71">
        <v>20</v>
      </c>
      <c r="BG25" s="72">
        <v>41</v>
      </c>
      <c r="BH25" s="241"/>
      <c r="BI25" s="71">
        <v>54</v>
      </c>
      <c r="BJ25" s="71">
        <v>41</v>
      </c>
      <c r="BK25" s="71">
        <v>28</v>
      </c>
      <c r="BL25" s="71">
        <v>19</v>
      </c>
      <c r="BM25" s="71">
        <v>9</v>
      </c>
      <c r="BN25" s="72">
        <v>151</v>
      </c>
      <c r="BO25" s="73">
        <v>192</v>
      </c>
      <c r="BP25" s="70">
        <v>16</v>
      </c>
      <c r="BQ25" s="71">
        <v>7</v>
      </c>
      <c r="BR25" s="72">
        <v>23</v>
      </c>
      <c r="BS25" s="241"/>
      <c r="BT25" s="71">
        <v>31</v>
      </c>
      <c r="BU25" s="71">
        <v>33</v>
      </c>
      <c r="BV25" s="71">
        <v>17</v>
      </c>
      <c r="BW25" s="71">
        <v>17</v>
      </c>
      <c r="BX25" s="71">
        <v>9</v>
      </c>
      <c r="BY25" s="72">
        <v>107</v>
      </c>
      <c r="BZ25" s="73">
        <v>130</v>
      </c>
      <c r="CA25" s="70">
        <v>1</v>
      </c>
      <c r="CB25" s="71">
        <v>6</v>
      </c>
      <c r="CC25" s="72">
        <v>7</v>
      </c>
      <c r="CD25" s="241"/>
      <c r="CE25" s="71">
        <v>8</v>
      </c>
      <c r="CF25" s="71">
        <v>5</v>
      </c>
      <c r="CG25" s="71">
        <v>2</v>
      </c>
      <c r="CH25" s="71">
        <v>3</v>
      </c>
      <c r="CI25" s="71">
        <v>2</v>
      </c>
      <c r="CJ25" s="72">
        <v>20</v>
      </c>
      <c r="CK25" s="73">
        <v>27</v>
      </c>
      <c r="CL25" s="70">
        <v>83</v>
      </c>
      <c r="CM25" s="71">
        <v>68</v>
      </c>
      <c r="CN25" s="72">
        <v>151</v>
      </c>
      <c r="CO25" s="241"/>
      <c r="CP25" s="71">
        <v>210</v>
      </c>
      <c r="CQ25" s="71">
        <v>160</v>
      </c>
      <c r="CR25" s="71">
        <v>91</v>
      </c>
      <c r="CS25" s="71">
        <v>79</v>
      </c>
      <c r="CT25" s="71">
        <v>60</v>
      </c>
      <c r="CU25" s="72">
        <v>600</v>
      </c>
      <c r="CV25" s="73">
        <v>751</v>
      </c>
      <c r="CW25" s="123">
        <v>116</v>
      </c>
      <c r="CX25" s="82">
        <v>236</v>
      </c>
      <c r="CY25" s="83">
        <v>352</v>
      </c>
      <c r="CZ25" s="241"/>
      <c r="DA25" s="82">
        <v>360</v>
      </c>
      <c r="DB25" s="82">
        <v>307</v>
      </c>
      <c r="DC25" s="82">
        <v>188</v>
      </c>
      <c r="DD25" s="82">
        <v>207</v>
      </c>
      <c r="DE25" s="82">
        <v>114</v>
      </c>
      <c r="DF25" s="84">
        <v>1176</v>
      </c>
      <c r="DG25" s="85">
        <v>1528</v>
      </c>
      <c r="DH25" s="70">
        <v>6</v>
      </c>
      <c r="DI25" s="71">
        <v>8</v>
      </c>
      <c r="DJ25" s="72">
        <v>14</v>
      </c>
      <c r="DK25" s="241"/>
      <c r="DL25" s="71">
        <v>7</v>
      </c>
      <c r="DM25" s="71">
        <v>8</v>
      </c>
      <c r="DN25" s="71">
        <v>2</v>
      </c>
      <c r="DO25" s="71">
        <v>1</v>
      </c>
      <c r="DP25" s="71">
        <v>3</v>
      </c>
      <c r="DQ25" s="72">
        <v>21</v>
      </c>
      <c r="DR25" s="73">
        <v>35</v>
      </c>
      <c r="DS25" s="70">
        <v>6</v>
      </c>
      <c r="DT25" s="71">
        <v>11</v>
      </c>
      <c r="DU25" s="72">
        <v>17</v>
      </c>
      <c r="DV25" s="241"/>
      <c r="DW25" s="71">
        <v>24</v>
      </c>
      <c r="DX25" s="71">
        <v>13</v>
      </c>
      <c r="DY25" s="71">
        <v>10</v>
      </c>
      <c r="DZ25" s="71">
        <v>8</v>
      </c>
      <c r="EA25" s="71">
        <v>8</v>
      </c>
      <c r="EB25" s="72">
        <v>63</v>
      </c>
      <c r="EC25" s="73">
        <v>80</v>
      </c>
      <c r="ED25" s="70">
        <v>22</v>
      </c>
      <c r="EE25" s="71">
        <v>37</v>
      </c>
      <c r="EF25" s="72">
        <v>59</v>
      </c>
      <c r="EG25" s="241"/>
      <c r="EH25" s="71">
        <v>45</v>
      </c>
      <c r="EI25" s="71">
        <v>33</v>
      </c>
      <c r="EJ25" s="71">
        <v>14</v>
      </c>
      <c r="EK25" s="71">
        <v>15</v>
      </c>
      <c r="EL25" s="71">
        <v>14</v>
      </c>
      <c r="EM25" s="72">
        <v>121</v>
      </c>
      <c r="EN25" s="73">
        <v>180</v>
      </c>
      <c r="EO25" s="70">
        <v>36</v>
      </c>
      <c r="EP25" s="71">
        <v>61</v>
      </c>
      <c r="EQ25" s="72">
        <v>97</v>
      </c>
      <c r="ER25" s="241"/>
      <c r="ES25" s="71">
        <v>84</v>
      </c>
      <c r="ET25" s="71">
        <v>54</v>
      </c>
      <c r="EU25" s="71">
        <v>33</v>
      </c>
      <c r="EV25" s="71">
        <v>45</v>
      </c>
      <c r="EW25" s="71">
        <v>18</v>
      </c>
      <c r="EX25" s="72">
        <v>234</v>
      </c>
      <c r="EY25" s="73">
        <v>331</v>
      </c>
      <c r="EZ25" s="70">
        <v>32</v>
      </c>
      <c r="FA25" s="71">
        <v>73</v>
      </c>
      <c r="FB25" s="72">
        <v>105</v>
      </c>
      <c r="FC25" s="241"/>
      <c r="FD25" s="71">
        <v>107</v>
      </c>
      <c r="FE25" s="71">
        <v>88</v>
      </c>
      <c r="FF25" s="71">
        <v>47</v>
      </c>
      <c r="FG25" s="71">
        <v>51</v>
      </c>
      <c r="FH25" s="71">
        <v>37</v>
      </c>
      <c r="FI25" s="72">
        <v>330</v>
      </c>
      <c r="FJ25" s="73">
        <v>435</v>
      </c>
      <c r="FK25" s="70">
        <v>14</v>
      </c>
      <c r="FL25" s="71">
        <v>46</v>
      </c>
      <c r="FM25" s="72">
        <v>60</v>
      </c>
      <c r="FN25" s="241"/>
      <c r="FO25" s="71">
        <v>93</v>
      </c>
      <c r="FP25" s="71">
        <v>111</v>
      </c>
      <c r="FQ25" s="71">
        <v>82</v>
      </c>
      <c r="FR25" s="71">
        <v>87</v>
      </c>
      <c r="FS25" s="71">
        <v>34</v>
      </c>
      <c r="FT25" s="72">
        <v>407</v>
      </c>
      <c r="FU25" s="73">
        <v>467</v>
      </c>
      <c r="FV25" s="70">
        <v>1</v>
      </c>
      <c r="FW25" s="71">
        <v>2</v>
      </c>
      <c r="FX25" s="72">
        <v>3</v>
      </c>
      <c r="FY25" s="241"/>
      <c r="FZ25" s="71">
        <v>6</v>
      </c>
      <c r="GA25" s="71">
        <v>4</v>
      </c>
      <c r="GB25" s="71">
        <v>5</v>
      </c>
      <c r="GC25" s="71">
        <v>5</v>
      </c>
      <c r="GD25" s="71">
        <v>1</v>
      </c>
      <c r="GE25" s="72">
        <v>21</v>
      </c>
      <c r="GF25" s="73">
        <v>24</v>
      </c>
      <c r="GG25" s="70">
        <v>117</v>
      </c>
      <c r="GH25" s="71">
        <v>238</v>
      </c>
      <c r="GI25" s="72">
        <v>355</v>
      </c>
      <c r="GJ25" s="241"/>
      <c r="GK25" s="71">
        <v>366</v>
      </c>
      <c r="GL25" s="71">
        <v>311</v>
      </c>
      <c r="GM25" s="71">
        <v>193</v>
      </c>
      <c r="GN25" s="71">
        <v>212</v>
      </c>
      <c r="GO25" s="71">
        <v>115</v>
      </c>
      <c r="GP25" s="72">
        <v>1197</v>
      </c>
      <c r="GQ25" s="73">
        <v>1552</v>
      </c>
      <c r="GR25" s="123">
        <v>198</v>
      </c>
      <c r="GS25" s="82">
        <v>298</v>
      </c>
      <c r="GT25" s="83">
        <v>496</v>
      </c>
      <c r="GU25" s="241"/>
      <c r="GV25" s="82">
        <v>562</v>
      </c>
      <c r="GW25" s="82">
        <v>462</v>
      </c>
      <c r="GX25" s="82">
        <v>277</v>
      </c>
      <c r="GY25" s="82">
        <v>283</v>
      </c>
      <c r="GZ25" s="82">
        <v>172</v>
      </c>
      <c r="HA25" s="84">
        <v>1756</v>
      </c>
      <c r="HB25" s="85">
        <v>2252</v>
      </c>
      <c r="HC25" s="70">
        <v>9</v>
      </c>
      <c r="HD25" s="71">
        <v>10</v>
      </c>
      <c r="HE25" s="72">
        <v>19</v>
      </c>
      <c r="HF25" s="241"/>
      <c r="HG25" s="71">
        <v>12</v>
      </c>
      <c r="HH25" s="71">
        <v>14</v>
      </c>
      <c r="HI25" s="71">
        <v>3</v>
      </c>
      <c r="HJ25" s="71">
        <v>5</v>
      </c>
      <c r="HK25" s="71">
        <v>8</v>
      </c>
      <c r="HL25" s="72">
        <v>42</v>
      </c>
      <c r="HM25" s="73">
        <v>61</v>
      </c>
      <c r="HN25" s="70">
        <v>16</v>
      </c>
      <c r="HO25" s="71">
        <v>24</v>
      </c>
      <c r="HP25" s="72">
        <v>40</v>
      </c>
      <c r="HQ25" s="241"/>
      <c r="HR25" s="71">
        <v>46</v>
      </c>
      <c r="HS25" s="71">
        <v>22</v>
      </c>
      <c r="HT25" s="71">
        <v>17</v>
      </c>
      <c r="HU25" s="71">
        <v>16</v>
      </c>
      <c r="HV25" s="71">
        <v>17</v>
      </c>
      <c r="HW25" s="72">
        <v>118</v>
      </c>
      <c r="HX25" s="73">
        <v>158</v>
      </c>
      <c r="HY25" s="70">
        <v>31</v>
      </c>
      <c r="HZ25" s="71">
        <v>45</v>
      </c>
      <c r="IA25" s="72">
        <v>76</v>
      </c>
      <c r="IB25" s="241"/>
      <c r="IC25" s="71">
        <v>82</v>
      </c>
      <c r="ID25" s="71">
        <v>51</v>
      </c>
      <c r="IE25" s="71">
        <v>31</v>
      </c>
      <c r="IF25" s="71">
        <v>21</v>
      </c>
      <c r="IG25" s="71">
        <v>28</v>
      </c>
      <c r="IH25" s="72">
        <v>213</v>
      </c>
      <c r="II25" s="73">
        <v>289</v>
      </c>
      <c r="IJ25" s="70">
        <v>59</v>
      </c>
      <c r="IK25" s="71">
        <v>73</v>
      </c>
      <c r="IL25" s="72">
        <v>132</v>
      </c>
      <c r="IM25" s="241"/>
      <c r="IN25" s="71">
        <v>137</v>
      </c>
      <c r="IO25" s="71">
        <v>102</v>
      </c>
      <c r="IP25" s="71">
        <v>52</v>
      </c>
      <c r="IQ25" s="71">
        <v>67</v>
      </c>
      <c r="IR25" s="71">
        <v>30</v>
      </c>
      <c r="IS25" s="72">
        <v>388</v>
      </c>
      <c r="IT25" s="73">
        <v>520</v>
      </c>
      <c r="IU25" s="70">
        <v>53</v>
      </c>
      <c r="IV25" s="71">
        <v>93</v>
      </c>
      <c r="IW25" s="72">
        <v>146</v>
      </c>
      <c r="IX25" s="241"/>
      <c r="IY25" s="71">
        <v>161</v>
      </c>
      <c r="IZ25" s="71">
        <v>129</v>
      </c>
      <c r="JA25" s="71">
        <v>75</v>
      </c>
      <c r="JB25" s="71">
        <v>70</v>
      </c>
      <c r="JC25" s="71">
        <v>46</v>
      </c>
      <c r="JD25" s="72">
        <v>481</v>
      </c>
      <c r="JE25" s="73">
        <v>627</v>
      </c>
      <c r="JF25" s="70">
        <v>30</v>
      </c>
      <c r="JG25" s="71">
        <v>53</v>
      </c>
      <c r="JH25" s="72">
        <v>83</v>
      </c>
      <c r="JI25" s="241"/>
      <c r="JJ25" s="71">
        <v>124</v>
      </c>
      <c r="JK25" s="71">
        <v>144</v>
      </c>
      <c r="JL25" s="71">
        <v>99</v>
      </c>
      <c r="JM25" s="71">
        <v>104</v>
      </c>
      <c r="JN25" s="71">
        <v>43</v>
      </c>
      <c r="JO25" s="72">
        <v>514</v>
      </c>
      <c r="JP25" s="73">
        <v>597</v>
      </c>
      <c r="JQ25" s="70">
        <v>2</v>
      </c>
      <c r="JR25" s="71">
        <v>8</v>
      </c>
      <c r="JS25" s="72">
        <v>10</v>
      </c>
      <c r="JT25" s="241"/>
      <c r="JU25" s="71">
        <v>14</v>
      </c>
      <c r="JV25" s="71">
        <v>9</v>
      </c>
      <c r="JW25" s="71">
        <v>7</v>
      </c>
      <c r="JX25" s="71">
        <v>8</v>
      </c>
      <c r="JY25" s="71">
        <v>3</v>
      </c>
      <c r="JZ25" s="72">
        <v>41</v>
      </c>
      <c r="KA25" s="73">
        <v>51</v>
      </c>
      <c r="KB25" s="70">
        <v>200</v>
      </c>
      <c r="KC25" s="71">
        <v>306</v>
      </c>
      <c r="KD25" s="72">
        <v>506</v>
      </c>
      <c r="KE25" s="241"/>
      <c r="KF25" s="71">
        <v>576</v>
      </c>
      <c r="KG25" s="71">
        <v>471</v>
      </c>
      <c r="KH25" s="71">
        <v>284</v>
      </c>
      <c r="KI25" s="71">
        <v>291</v>
      </c>
      <c r="KJ25" s="71">
        <v>175</v>
      </c>
      <c r="KK25" s="72">
        <v>1797</v>
      </c>
      <c r="KL25" s="73">
        <v>2303</v>
      </c>
    </row>
    <row r="26" spans="1:298" ht="19.5" customHeight="1" x14ac:dyDescent="0.2">
      <c r="A26" s="126" t="s">
        <v>23</v>
      </c>
      <c r="B26" s="316">
        <v>176</v>
      </c>
      <c r="C26" s="82">
        <v>169</v>
      </c>
      <c r="D26" s="83">
        <v>345</v>
      </c>
      <c r="E26" s="241"/>
      <c r="F26" s="82">
        <v>303</v>
      </c>
      <c r="G26" s="82">
        <v>261</v>
      </c>
      <c r="H26" s="82">
        <v>188</v>
      </c>
      <c r="I26" s="82">
        <v>162</v>
      </c>
      <c r="J26" s="82">
        <v>85</v>
      </c>
      <c r="K26" s="84">
        <v>999</v>
      </c>
      <c r="L26" s="85">
        <v>1344</v>
      </c>
      <c r="M26" s="70">
        <v>11</v>
      </c>
      <c r="N26" s="71">
        <v>11</v>
      </c>
      <c r="O26" s="72">
        <v>22</v>
      </c>
      <c r="P26" s="241"/>
      <c r="Q26" s="71">
        <v>11</v>
      </c>
      <c r="R26" s="71">
        <v>12</v>
      </c>
      <c r="S26" s="71">
        <v>7</v>
      </c>
      <c r="T26" s="71">
        <v>9</v>
      </c>
      <c r="U26" s="71">
        <v>3</v>
      </c>
      <c r="V26" s="72">
        <v>42</v>
      </c>
      <c r="W26" s="73">
        <v>64</v>
      </c>
      <c r="X26" s="70">
        <v>29</v>
      </c>
      <c r="Y26" s="71">
        <v>18</v>
      </c>
      <c r="Z26" s="72">
        <v>47</v>
      </c>
      <c r="AA26" s="241"/>
      <c r="AB26" s="71">
        <v>32</v>
      </c>
      <c r="AC26" s="71">
        <v>33</v>
      </c>
      <c r="AD26" s="71">
        <v>19</v>
      </c>
      <c r="AE26" s="71">
        <v>20</v>
      </c>
      <c r="AF26" s="71">
        <v>13</v>
      </c>
      <c r="AG26" s="72">
        <v>117</v>
      </c>
      <c r="AH26" s="73">
        <v>164</v>
      </c>
      <c r="AI26" s="70">
        <v>37</v>
      </c>
      <c r="AJ26" s="71">
        <v>39</v>
      </c>
      <c r="AK26" s="72">
        <v>76</v>
      </c>
      <c r="AL26" s="241"/>
      <c r="AM26" s="71">
        <v>62</v>
      </c>
      <c r="AN26" s="71">
        <v>55</v>
      </c>
      <c r="AO26" s="71">
        <v>22</v>
      </c>
      <c r="AP26" s="71">
        <v>24</v>
      </c>
      <c r="AQ26" s="71">
        <v>25</v>
      </c>
      <c r="AR26" s="72">
        <v>188</v>
      </c>
      <c r="AS26" s="73">
        <v>264</v>
      </c>
      <c r="AT26" s="70">
        <v>48</v>
      </c>
      <c r="AU26" s="71">
        <v>46</v>
      </c>
      <c r="AV26" s="72">
        <v>94</v>
      </c>
      <c r="AW26" s="241"/>
      <c r="AX26" s="71">
        <v>91</v>
      </c>
      <c r="AY26" s="71">
        <v>74</v>
      </c>
      <c r="AZ26" s="71">
        <v>55</v>
      </c>
      <c r="BA26" s="71">
        <v>39</v>
      </c>
      <c r="BB26" s="71">
        <v>19</v>
      </c>
      <c r="BC26" s="72">
        <v>278</v>
      </c>
      <c r="BD26" s="73">
        <v>372</v>
      </c>
      <c r="BE26" s="70">
        <v>44</v>
      </c>
      <c r="BF26" s="71">
        <v>37</v>
      </c>
      <c r="BG26" s="72">
        <v>81</v>
      </c>
      <c r="BH26" s="241"/>
      <c r="BI26" s="71">
        <v>81</v>
      </c>
      <c r="BJ26" s="71">
        <v>53</v>
      </c>
      <c r="BK26" s="71">
        <v>54</v>
      </c>
      <c r="BL26" s="71">
        <v>43</v>
      </c>
      <c r="BM26" s="71">
        <v>13</v>
      </c>
      <c r="BN26" s="72">
        <v>244</v>
      </c>
      <c r="BO26" s="73">
        <v>325</v>
      </c>
      <c r="BP26" s="70">
        <v>7</v>
      </c>
      <c r="BQ26" s="71">
        <v>18</v>
      </c>
      <c r="BR26" s="72">
        <v>25</v>
      </c>
      <c r="BS26" s="241"/>
      <c r="BT26" s="71">
        <v>26</v>
      </c>
      <c r="BU26" s="71">
        <v>34</v>
      </c>
      <c r="BV26" s="71">
        <v>31</v>
      </c>
      <c r="BW26" s="71">
        <v>27</v>
      </c>
      <c r="BX26" s="71">
        <v>12</v>
      </c>
      <c r="BY26" s="72">
        <v>130</v>
      </c>
      <c r="BZ26" s="73">
        <v>155</v>
      </c>
      <c r="CA26" s="70">
        <v>5</v>
      </c>
      <c r="CB26" s="71">
        <v>8</v>
      </c>
      <c r="CC26" s="72">
        <v>13</v>
      </c>
      <c r="CD26" s="241"/>
      <c r="CE26" s="71">
        <v>6</v>
      </c>
      <c r="CF26" s="71">
        <v>11</v>
      </c>
      <c r="CG26" s="71">
        <v>5</v>
      </c>
      <c r="CH26" s="71">
        <v>9</v>
      </c>
      <c r="CI26" s="71">
        <v>6</v>
      </c>
      <c r="CJ26" s="72">
        <v>37</v>
      </c>
      <c r="CK26" s="73">
        <v>50</v>
      </c>
      <c r="CL26" s="70">
        <v>181</v>
      </c>
      <c r="CM26" s="71">
        <v>177</v>
      </c>
      <c r="CN26" s="72">
        <v>358</v>
      </c>
      <c r="CO26" s="241"/>
      <c r="CP26" s="71">
        <v>309</v>
      </c>
      <c r="CQ26" s="71">
        <v>272</v>
      </c>
      <c r="CR26" s="71">
        <v>193</v>
      </c>
      <c r="CS26" s="71">
        <v>171</v>
      </c>
      <c r="CT26" s="71">
        <v>91</v>
      </c>
      <c r="CU26" s="72">
        <v>1036</v>
      </c>
      <c r="CV26" s="73">
        <v>1394</v>
      </c>
      <c r="CW26" s="123">
        <v>315</v>
      </c>
      <c r="CX26" s="82">
        <v>382</v>
      </c>
      <c r="CY26" s="83">
        <v>697</v>
      </c>
      <c r="CZ26" s="241"/>
      <c r="DA26" s="82">
        <v>516</v>
      </c>
      <c r="DB26" s="82">
        <v>430</v>
      </c>
      <c r="DC26" s="82">
        <v>294</v>
      </c>
      <c r="DD26" s="82">
        <v>335</v>
      </c>
      <c r="DE26" s="82">
        <v>216</v>
      </c>
      <c r="DF26" s="84">
        <v>1791</v>
      </c>
      <c r="DG26" s="85">
        <v>2488</v>
      </c>
      <c r="DH26" s="70">
        <v>6</v>
      </c>
      <c r="DI26" s="71">
        <v>18</v>
      </c>
      <c r="DJ26" s="72">
        <v>24</v>
      </c>
      <c r="DK26" s="241"/>
      <c r="DL26" s="71">
        <v>10</v>
      </c>
      <c r="DM26" s="71">
        <v>12</v>
      </c>
      <c r="DN26" s="71">
        <v>6</v>
      </c>
      <c r="DO26" s="71">
        <v>7</v>
      </c>
      <c r="DP26" s="71">
        <v>1</v>
      </c>
      <c r="DQ26" s="72">
        <v>36</v>
      </c>
      <c r="DR26" s="73">
        <v>60</v>
      </c>
      <c r="DS26" s="70">
        <v>24</v>
      </c>
      <c r="DT26" s="71">
        <v>33</v>
      </c>
      <c r="DU26" s="72">
        <v>57</v>
      </c>
      <c r="DV26" s="241"/>
      <c r="DW26" s="71">
        <v>32</v>
      </c>
      <c r="DX26" s="71">
        <v>37</v>
      </c>
      <c r="DY26" s="71">
        <v>20</v>
      </c>
      <c r="DZ26" s="71">
        <v>31</v>
      </c>
      <c r="EA26" s="71">
        <v>14</v>
      </c>
      <c r="EB26" s="72">
        <v>134</v>
      </c>
      <c r="EC26" s="73">
        <v>191</v>
      </c>
      <c r="ED26" s="70">
        <v>55</v>
      </c>
      <c r="EE26" s="71">
        <v>73</v>
      </c>
      <c r="EF26" s="72">
        <v>128</v>
      </c>
      <c r="EG26" s="241"/>
      <c r="EH26" s="71">
        <v>90</v>
      </c>
      <c r="EI26" s="71">
        <v>54</v>
      </c>
      <c r="EJ26" s="71">
        <v>32</v>
      </c>
      <c r="EK26" s="71">
        <v>39</v>
      </c>
      <c r="EL26" s="71">
        <v>36</v>
      </c>
      <c r="EM26" s="72">
        <v>251</v>
      </c>
      <c r="EN26" s="73">
        <v>379</v>
      </c>
      <c r="EO26" s="70">
        <v>127</v>
      </c>
      <c r="EP26" s="71">
        <v>116</v>
      </c>
      <c r="EQ26" s="72">
        <v>243</v>
      </c>
      <c r="ER26" s="241"/>
      <c r="ES26" s="71">
        <v>137</v>
      </c>
      <c r="ET26" s="71">
        <v>100</v>
      </c>
      <c r="EU26" s="71">
        <v>65</v>
      </c>
      <c r="EV26" s="71">
        <v>71</v>
      </c>
      <c r="EW26" s="71">
        <v>51</v>
      </c>
      <c r="EX26" s="72">
        <v>424</v>
      </c>
      <c r="EY26" s="73">
        <v>667</v>
      </c>
      <c r="EZ26" s="70">
        <v>79</v>
      </c>
      <c r="FA26" s="71">
        <v>97</v>
      </c>
      <c r="FB26" s="72">
        <v>176</v>
      </c>
      <c r="FC26" s="241"/>
      <c r="FD26" s="71">
        <v>144</v>
      </c>
      <c r="FE26" s="71">
        <v>122</v>
      </c>
      <c r="FF26" s="71">
        <v>85</v>
      </c>
      <c r="FG26" s="71">
        <v>75</v>
      </c>
      <c r="FH26" s="71">
        <v>52</v>
      </c>
      <c r="FI26" s="72">
        <v>478</v>
      </c>
      <c r="FJ26" s="73">
        <v>654</v>
      </c>
      <c r="FK26" s="70">
        <v>24</v>
      </c>
      <c r="FL26" s="71">
        <v>45</v>
      </c>
      <c r="FM26" s="72">
        <v>69</v>
      </c>
      <c r="FN26" s="241"/>
      <c r="FO26" s="71">
        <v>103</v>
      </c>
      <c r="FP26" s="71">
        <v>105</v>
      </c>
      <c r="FQ26" s="71">
        <v>86</v>
      </c>
      <c r="FR26" s="71">
        <v>112</v>
      </c>
      <c r="FS26" s="71">
        <v>62</v>
      </c>
      <c r="FT26" s="72">
        <v>468</v>
      </c>
      <c r="FU26" s="73">
        <v>537</v>
      </c>
      <c r="FV26" s="70">
        <v>6</v>
      </c>
      <c r="FW26" s="71">
        <v>8</v>
      </c>
      <c r="FX26" s="72">
        <v>14</v>
      </c>
      <c r="FY26" s="241"/>
      <c r="FZ26" s="71">
        <v>5</v>
      </c>
      <c r="GA26" s="71">
        <v>6</v>
      </c>
      <c r="GB26" s="71">
        <v>2</v>
      </c>
      <c r="GC26" s="71">
        <v>2</v>
      </c>
      <c r="GD26" s="71">
        <v>7</v>
      </c>
      <c r="GE26" s="72">
        <v>22</v>
      </c>
      <c r="GF26" s="73">
        <v>36</v>
      </c>
      <c r="GG26" s="70">
        <v>321</v>
      </c>
      <c r="GH26" s="71">
        <v>390</v>
      </c>
      <c r="GI26" s="72">
        <v>711</v>
      </c>
      <c r="GJ26" s="241"/>
      <c r="GK26" s="71">
        <v>521</v>
      </c>
      <c r="GL26" s="71">
        <v>436</v>
      </c>
      <c r="GM26" s="71">
        <v>296</v>
      </c>
      <c r="GN26" s="71">
        <v>337</v>
      </c>
      <c r="GO26" s="71">
        <v>223</v>
      </c>
      <c r="GP26" s="72">
        <v>1813</v>
      </c>
      <c r="GQ26" s="73">
        <v>2524</v>
      </c>
      <c r="GR26" s="123">
        <v>491</v>
      </c>
      <c r="GS26" s="82">
        <v>551</v>
      </c>
      <c r="GT26" s="83">
        <v>1042</v>
      </c>
      <c r="GU26" s="241"/>
      <c r="GV26" s="82">
        <v>819</v>
      </c>
      <c r="GW26" s="82">
        <v>691</v>
      </c>
      <c r="GX26" s="82">
        <v>482</v>
      </c>
      <c r="GY26" s="82">
        <v>497</v>
      </c>
      <c r="GZ26" s="82">
        <v>301</v>
      </c>
      <c r="HA26" s="84">
        <v>2790</v>
      </c>
      <c r="HB26" s="85">
        <v>3832</v>
      </c>
      <c r="HC26" s="70">
        <v>17</v>
      </c>
      <c r="HD26" s="71">
        <v>29</v>
      </c>
      <c r="HE26" s="72">
        <v>46</v>
      </c>
      <c r="HF26" s="241"/>
      <c r="HG26" s="71">
        <v>21</v>
      </c>
      <c r="HH26" s="71">
        <v>24</v>
      </c>
      <c r="HI26" s="71">
        <v>13</v>
      </c>
      <c r="HJ26" s="71">
        <v>16</v>
      </c>
      <c r="HK26" s="71">
        <v>4</v>
      </c>
      <c r="HL26" s="72">
        <v>78</v>
      </c>
      <c r="HM26" s="73">
        <v>124</v>
      </c>
      <c r="HN26" s="70">
        <v>53</v>
      </c>
      <c r="HO26" s="71">
        <v>51</v>
      </c>
      <c r="HP26" s="72">
        <v>104</v>
      </c>
      <c r="HQ26" s="241"/>
      <c r="HR26" s="71">
        <v>64</v>
      </c>
      <c r="HS26" s="71">
        <v>70</v>
      </c>
      <c r="HT26" s="71">
        <v>39</v>
      </c>
      <c r="HU26" s="71">
        <v>51</v>
      </c>
      <c r="HV26" s="71">
        <v>27</v>
      </c>
      <c r="HW26" s="72">
        <v>251</v>
      </c>
      <c r="HX26" s="73">
        <v>355</v>
      </c>
      <c r="HY26" s="70">
        <v>92</v>
      </c>
      <c r="HZ26" s="71">
        <v>112</v>
      </c>
      <c r="IA26" s="72">
        <v>204</v>
      </c>
      <c r="IB26" s="241"/>
      <c r="IC26" s="71">
        <v>152</v>
      </c>
      <c r="ID26" s="71">
        <v>109</v>
      </c>
      <c r="IE26" s="71">
        <v>54</v>
      </c>
      <c r="IF26" s="71">
        <v>63</v>
      </c>
      <c r="IG26" s="71">
        <v>61</v>
      </c>
      <c r="IH26" s="72">
        <v>439</v>
      </c>
      <c r="II26" s="73">
        <v>643</v>
      </c>
      <c r="IJ26" s="70">
        <v>175</v>
      </c>
      <c r="IK26" s="71">
        <v>162</v>
      </c>
      <c r="IL26" s="72">
        <v>337</v>
      </c>
      <c r="IM26" s="241"/>
      <c r="IN26" s="71">
        <v>228</v>
      </c>
      <c r="IO26" s="71">
        <v>174</v>
      </c>
      <c r="IP26" s="71">
        <v>120</v>
      </c>
      <c r="IQ26" s="71">
        <v>110</v>
      </c>
      <c r="IR26" s="71">
        <v>70</v>
      </c>
      <c r="IS26" s="72">
        <v>702</v>
      </c>
      <c r="IT26" s="73">
        <v>1039</v>
      </c>
      <c r="IU26" s="70">
        <v>123</v>
      </c>
      <c r="IV26" s="71">
        <v>134</v>
      </c>
      <c r="IW26" s="72">
        <v>257</v>
      </c>
      <c r="IX26" s="241"/>
      <c r="IY26" s="71">
        <v>225</v>
      </c>
      <c r="IZ26" s="71">
        <v>175</v>
      </c>
      <c r="JA26" s="71">
        <v>139</v>
      </c>
      <c r="JB26" s="71">
        <v>118</v>
      </c>
      <c r="JC26" s="71">
        <v>65</v>
      </c>
      <c r="JD26" s="72">
        <v>722</v>
      </c>
      <c r="JE26" s="73">
        <v>979</v>
      </c>
      <c r="JF26" s="70">
        <v>31</v>
      </c>
      <c r="JG26" s="71">
        <v>63</v>
      </c>
      <c r="JH26" s="72">
        <v>94</v>
      </c>
      <c r="JI26" s="241"/>
      <c r="JJ26" s="71">
        <v>129</v>
      </c>
      <c r="JK26" s="71">
        <v>139</v>
      </c>
      <c r="JL26" s="71">
        <v>117</v>
      </c>
      <c r="JM26" s="71">
        <v>139</v>
      </c>
      <c r="JN26" s="71">
        <v>74</v>
      </c>
      <c r="JO26" s="72">
        <v>598</v>
      </c>
      <c r="JP26" s="73">
        <v>692</v>
      </c>
      <c r="JQ26" s="70">
        <v>11</v>
      </c>
      <c r="JR26" s="71">
        <v>16</v>
      </c>
      <c r="JS26" s="72">
        <v>27</v>
      </c>
      <c r="JT26" s="241"/>
      <c r="JU26" s="71">
        <v>11</v>
      </c>
      <c r="JV26" s="71">
        <v>17</v>
      </c>
      <c r="JW26" s="71">
        <v>7</v>
      </c>
      <c r="JX26" s="71">
        <v>11</v>
      </c>
      <c r="JY26" s="71">
        <v>13</v>
      </c>
      <c r="JZ26" s="72">
        <v>59</v>
      </c>
      <c r="KA26" s="73">
        <v>86</v>
      </c>
      <c r="KB26" s="70">
        <v>502</v>
      </c>
      <c r="KC26" s="71">
        <v>567</v>
      </c>
      <c r="KD26" s="72">
        <v>1069</v>
      </c>
      <c r="KE26" s="241"/>
      <c r="KF26" s="71">
        <v>830</v>
      </c>
      <c r="KG26" s="71">
        <v>708</v>
      </c>
      <c r="KH26" s="71">
        <v>489</v>
      </c>
      <c r="KI26" s="71">
        <v>508</v>
      </c>
      <c r="KJ26" s="71">
        <v>314</v>
      </c>
      <c r="KK26" s="72">
        <v>2849</v>
      </c>
      <c r="KL26" s="73">
        <v>3918</v>
      </c>
    </row>
    <row r="27" spans="1:298" ht="19.5" customHeight="1" x14ac:dyDescent="0.2">
      <c r="A27" s="126" t="s">
        <v>24</v>
      </c>
      <c r="B27" s="316">
        <v>108</v>
      </c>
      <c r="C27" s="82">
        <v>71</v>
      </c>
      <c r="D27" s="83">
        <v>179</v>
      </c>
      <c r="E27" s="241"/>
      <c r="F27" s="82">
        <v>167</v>
      </c>
      <c r="G27" s="82">
        <v>87</v>
      </c>
      <c r="H27" s="82">
        <v>69</v>
      </c>
      <c r="I27" s="82">
        <v>62</v>
      </c>
      <c r="J27" s="82">
        <v>54</v>
      </c>
      <c r="K27" s="84">
        <v>439</v>
      </c>
      <c r="L27" s="85">
        <v>618</v>
      </c>
      <c r="M27" s="70">
        <v>2</v>
      </c>
      <c r="N27" s="71">
        <v>0</v>
      </c>
      <c r="O27" s="72">
        <v>2</v>
      </c>
      <c r="P27" s="241"/>
      <c r="Q27" s="71">
        <v>8</v>
      </c>
      <c r="R27" s="71">
        <v>4</v>
      </c>
      <c r="S27" s="71">
        <v>3</v>
      </c>
      <c r="T27" s="71">
        <v>1</v>
      </c>
      <c r="U27" s="71">
        <v>4</v>
      </c>
      <c r="V27" s="72">
        <v>20</v>
      </c>
      <c r="W27" s="73">
        <v>22</v>
      </c>
      <c r="X27" s="70">
        <v>7</v>
      </c>
      <c r="Y27" s="71">
        <v>5</v>
      </c>
      <c r="Z27" s="72">
        <v>12</v>
      </c>
      <c r="AA27" s="241"/>
      <c r="AB27" s="71">
        <v>14</v>
      </c>
      <c r="AC27" s="71">
        <v>10</v>
      </c>
      <c r="AD27" s="71">
        <v>6</v>
      </c>
      <c r="AE27" s="71">
        <v>4</v>
      </c>
      <c r="AF27" s="71">
        <v>6</v>
      </c>
      <c r="AG27" s="72">
        <v>40</v>
      </c>
      <c r="AH27" s="73">
        <v>52</v>
      </c>
      <c r="AI27" s="70">
        <v>15</v>
      </c>
      <c r="AJ27" s="71">
        <v>10</v>
      </c>
      <c r="AK27" s="72">
        <v>25</v>
      </c>
      <c r="AL27" s="241"/>
      <c r="AM27" s="71">
        <v>24</v>
      </c>
      <c r="AN27" s="71">
        <v>11</v>
      </c>
      <c r="AO27" s="71">
        <v>9</v>
      </c>
      <c r="AP27" s="71">
        <v>7</v>
      </c>
      <c r="AQ27" s="71">
        <v>7</v>
      </c>
      <c r="AR27" s="72">
        <v>58</v>
      </c>
      <c r="AS27" s="73">
        <v>83</v>
      </c>
      <c r="AT27" s="70">
        <v>24</v>
      </c>
      <c r="AU27" s="71">
        <v>19</v>
      </c>
      <c r="AV27" s="72">
        <v>43</v>
      </c>
      <c r="AW27" s="241"/>
      <c r="AX27" s="71">
        <v>37</v>
      </c>
      <c r="AY27" s="71">
        <v>18</v>
      </c>
      <c r="AZ27" s="71">
        <v>10</v>
      </c>
      <c r="BA27" s="71">
        <v>13</v>
      </c>
      <c r="BB27" s="71">
        <v>14</v>
      </c>
      <c r="BC27" s="72">
        <v>92</v>
      </c>
      <c r="BD27" s="73">
        <v>135</v>
      </c>
      <c r="BE27" s="70">
        <v>33</v>
      </c>
      <c r="BF27" s="71">
        <v>20</v>
      </c>
      <c r="BG27" s="72">
        <v>53</v>
      </c>
      <c r="BH27" s="241"/>
      <c r="BI27" s="71">
        <v>46</v>
      </c>
      <c r="BJ27" s="71">
        <v>28</v>
      </c>
      <c r="BK27" s="71">
        <v>16</v>
      </c>
      <c r="BL27" s="71">
        <v>19</v>
      </c>
      <c r="BM27" s="71">
        <v>16</v>
      </c>
      <c r="BN27" s="72">
        <v>125</v>
      </c>
      <c r="BO27" s="73">
        <v>178</v>
      </c>
      <c r="BP27" s="70">
        <v>27</v>
      </c>
      <c r="BQ27" s="71">
        <v>17</v>
      </c>
      <c r="BR27" s="72">
        <v>44</v>
      </c>
      <c r="BS27" s="241"/>
      <c r="BT27" s="71">
        <v>38</v>
      </c>
      <c r="BU27" s="71">
        <v>16</v>
      </c>
      <c r="BV27" s="71">
        <v>25</v>
      </c>
      <c r="BW27" s="71">
        <v>18</v>
      </c>
      <c r="BX27" s="71">
        <v>7</v>
      </c>
      <c r="BY27" s="72">
        <v>104</v>
      </c>
      <c r="BZ27" s="73">
        <v>148</v>
      </c>
      <c r="CA27" s="70">
        <v>6</v>
      </c>
      <c r="CB27" s="71">
        <v>5</v>
      </c>
      <c r="CC27" s="72">
        <v>11</v>
      </c>
      <c r="CD27" s="241"/>
      <c r="CE27" s="71">
        <v>2</v>
      </c>
      <c r="CF27" s="71">
        <v>4</v>
      </c>
      <c r="CG27" s="71">
        <v>1</v>
      </c>
      <c r="CH27" s="71">
        <v>2</v>
      </c>
      <c r="CI27" s="71">
        <v>1</v>
      </c>
      <c r="CJ27" s="72">
        <v>10</v>
      </c>
      <c r="CK27" s="73">
        <v>21</v>
      </c>
      <c r="CL27" s="70">
        <v>114</v>
      </c>
      <c r="CM27" s="71">
        <v>76</v>
      </c>
      <c r="CN27" s="72">
        <v>190</v>
      </c>
      <c r="CO27" s="241"/>
      <c r="CP27" s="71">
        <v>169</v>
      </c>
      <c r="CQ27" s="71">
        <v>91</v>
      </c>
      <c r="CR27" s="71">
        <v>70</v>
      </c>
      <c r="CS27" s="71">
        <v>64</v>
      </c>
      <c r="CT27" s="71">
        <v>55</v>
      </c>
      <c r="CU27" s="72">
        <v>449</v>
      </c>
      <c r="CV27" s="73">
        <v>639</v>
      </c>
      <c r="CW27" s="123">
        <v>219</v>
      </c>
      <c r="CX27" s="82">
        <v>146</v>
      </c>
      <c r="CY27" s="83">
        <v>365</v>
      </c>
      <c r="CZ27" s="241"/>
      <c r="DA27" s="82">
        <v>284</v>
      </c>
      <c r="DB27" s="82">
        <v>182</v>
      </c>
      <c r="DC27" s="82">
        <v>165</v>
      </c>
      <c r="DD27" s="82">
        <v>172</v>
      </c>
      <c r="DE27" s="82">
        <v>116</v>
      </c>
      <c r="DF27" s="84">
        <v>919</v>
      </c>
      <c r="DG27" s="85">
        <v>1284</v>
      </c>
      <c r="DH27" s="70">
        <v>6</v>
      </c>
      <c r="DI27" s="71">
        <v>2</v>
      </c>
      <c r="DJ27" s="72">
        <v>8</v>
      </c>
      <c r="DK27" s="241"/>
      <c r="DL27" s="71">
        <v>1</v>
      </c>
      <c r="DM27" s="71">
        <v>3</v>
      </c>
      <c r="DN27" s="71">
        <v>4</v>
      </c>
      <c r="DO27" s="71">
        <v>1</v>
      </c>
      <c r="DP27" s="71">
        <v>3</v>
      </c>
      <c r="DQ27" s="72">
        <v>12</v>
      </c>
      <c r="DR27" s="73">
        <v>20</v>
      </c>
      <c r="DS27" s="70">
        <v>16</v>
      </c>
      <c r="DT27" s="71">
        <v>6</v>
      </c>
      <c r="DU27" s="72">
        <v>22</v>
      </c>
      <c r="DV27" s="241"/>
      <c r="DW27" s="71">
        <v>9</v>
      </c>
      <c r="DX27" s="71">
        <v>7</v>
      </c>
      <c r="DY27" s="71">
        <v>6</v>
      </c>
      <c r="DZ27" s="71">
        <v>6</v>
      </c>
      <c r="EA27" s="71">
        <v>2</v>
      </c>
      <c r="EB27" s="72">
        <v>30</v>
      </c>
      <c r="EC27" s="73">
        <v>52</v>
      </c>
      <c r="ED27" s="70">
        <v>25</v>
      </c>
      <c r="EE27" s="71">
        <v>20</v>
      </c>
      <c r="EF27" s="72">
        <v>45</v>
      </c>
      <c r="EG27" s="241"/>
      <c r="EH27" s="71">
        <v>33</v>
      </c>
      <c r="EI27" s="71">
        <v>20</v>
      </c>
      <c r="EJ27" s="71">
        <v>10</v>
      </c>
      <c r="EK27" s="71">
        <v>9</v>
      </c>
      <c r="EL27" s="71">
        <v>4</v>
      </c>
      <c r="EM27" s="72">
        <v>76</v>
      </c>
      <c r="EN27" s="73">
        <v>121</v>
      </c>
      <c r="EO27" s="70">
        <v>60</v>
      </c>
      <c r="EP27" s="71">
        <v>31</v>
      </c>
      <c r="EQ27" s="72">
        <v>91</v>
      </c>
      <c r="ER27" s="241"/>
      <c r="ES27" s="71">
        <v>78</v>
      </c>
      <c r="ET27" s="71">
        <v>33</v>
      </c>
      <c r="EU27" s="71">
        <v>20</v>
      </c>
      <c r="EV27" s="71">
        <v>24</v>
      </c>
      <c r="EW27" s="71">
        <v>20</v>
      </c>
      <c r="EX27" s="72">
        <v>175</v>
      </c>
      <c r="EY27" s="73">
        <v>266</v>
      </c>
      <c r="EZ27" s="70">
        <v>65</v>
      </c>
      <c r="FA27" s="71">
        <v>55</v>
      </c>
      <c r="FB27" s="72">
        <v>120</v>
      </c>
      <c r="FC27" s="241"/>
      <c r="FD27" s="71">
        <v>80</v>
      </c>
      <c r="FE27" s="71">
        <v>55</v>
      </c>
      <c r="FF27" s="71">
        <v>52</v>
      </c>
      <c r="FG27" s="71">
        <v>37</v>
      </c>
      <c r="FH27" s="71">
        <v>27</v>
      </c>
      <c r="FI27" s="72">
        <v>251</v>
      </c>
      <c r="FJ27" s="73">
        <v>371</v>
      </c>
      <c r="FK27" s="70">
        <v>47</v>
      </c>
      <c r="FL27" s="71">
        <v>32</v>
      </c>
      <c r="FM27" s="72">
        <v>79</v>
      </c>
      <c r="FN27" s="241"/>
      <c r="FO27" s="71">
        <v>83</v>
      </c>
      <c r="FP27" s="71">
        <v>64</v>
      </c>
      <c r="FQ27" s="71">
        <v>73</v>
      </c>
      <c r="FR27" s="71">
        <v>95</v>
      </c>
      <c r="FS27" s="71">
        <v>60</v>
      </c>
      <c r="FT27" s="72">
        <v>375</v>
      </c>
      <c r="FU27" s="73">
        <v>454</v>
      </c>
      <c r="FV27" s="70">
        <v>2</v>
      </c>
      <c r="FW27" s="71">
        <v>2</v>
      </c>
      <c r="FX27" s="72">
        <v>4</v>
      </c>
      <c r="FY27" s="241"/>
      <c r="FZ27" s="71">
        <v>2</v>
      </c>
      <c r="GA27" s="71">
        <v>5</v>
      </c>
      <c r="GB27" s="71">
        <v>3</v>
      </c>
      <c r="GC27" s="71">
        <v>1</v>
      </c>
      <c r="GD27" s="71">
        <v>1</v>
      </c>
      <c r="GE27" s="72">
        <v>12</v>
      </c>
      <c r="GF27" s="73">
        <v>16</v>
      </c>
      <c r="GG27" s="70">
        <v>221</v>
      </c>
      <c r="GH27" s="71">
        <v>148</v>
      </c>
      <c r="GI27" s="72">
        <v>369</v>
      </c>
      <c r="GJ27" s="241"/>
      <c r="GK27" s="71">
        <v>286</v>
      </c>
      <c r="GL27" s="71">
        <v>187</v>
      </c>
      <c r="GM27" s="71">
        <v>168</v>
      </c>
      <c r="GN27" s="71">
        <v>173</v>
      </c>
      <c r="GO27" s="71">
        <v>117</v>
      </c>
      <c r="GP27" s="72">
        <v>931</v>
      </c>
      <c r="GQ27" s="73">
        <v>1300</v>
      </c>
      <c r="GR27" s="123">
        <v>327</v>
      </c>
      <c r="GS27" s="82">
        <v>217</v>
      </c>
      <c r="GT27" s="83">
        <v>544</v>
      </c>
      <c r="GU27" s="241"/>
      <c r="GV27" s="82">
        <v>451</v>
      </c>
      <c r="GW27" s="82">
        <v>269</v>
      </c>
      <c r="GX27" s="82">
        <v>234</v>
      </c>
      <c r="GY27" s="82">
        <v>234</v>
      </c>
      <c r="GZ27" s="82">
        <v>170</v>
      </c>
      <c r="HA27" s="84">
        <v>1358</v>
      </c>
      <c r="HB27" s="85">
        <v>1902</v>
      </c>
      <c r="HC27" s="70">
        <v>8</v>
      </c>
      <c r="HD27" s="71">
        <v>2</v>
      </c>
      <c r="HE27" s="72">
        <v>10</v>
      </c>
      <c r="HF27" s="241"/>
      <c r="HG27" s="71">
        <v>9</v>
      </c>
      <c r="HH27" s="71">
        <v>7</v>
      </c>
      <c r="HI27" s="71">
        <v>7</v>
      </c>
      <c r="HJ27" s="71">
        <v>2</v>
      </c>
      <c r="HK27" s="71">
        <v>7</v>
      </c>
      <c r="HL27" s="72">
        <v>32</v>
      </c>
      <c r="HM27" s="73">
        <v>42</v>
      </c>
      <c r="HN27" s="70">
        <v>23</v>
      </c>
      <c r="HO27" s="71">
        <v>11</v>
      </c>
      <c r="HP27" s="72">
        <v>34</v>
      </c>
      <c r="HQ27" s="241"/>
      <c r="HR27" s="71">
        <v>23</v>
      </c>
      <c r="HS27" s="71">
        <v>17</v>
      </c>
      <c r="HT27" s="71">
        <v>12</v>
      </c>
      <c r="HU27" s="71">
        <v>10</v>
      </c>
      <c r="HV27" s="71">
        <v>8</v>
      </c>
      <c r="HW27" s="72">
        <v>70</v>
      </c>
      <c r="HX27" s="73">
        <v>104</v>
      </c>
      <c r="HY27" s="70">
        <v>40</v>
      </c>
      <c r="HZ27" s="71">
        <v>30</v>
      </c>
      <c r="IA27" s="72">
        <v>70</v>
      </c>
      <c r="IB27" s="241"/>
      <c r="IC27" s="71">
        <v>57</v>
      </c>
      <c r="ID27" s="71">
        <v>31</v>
      </c>
      <c r="IE27" s="71">
        <v>19</v>
      </c>
      <c r="IF27" s="71">
        <v>16</v>
      </c>
      <c r="IG27" s="71">
        <v>11</v>
      </c>
      <c r="IH27" s="72">
        <v>134</v>
      </c>
      <c r="II27" s="73">
        <v>204</v>
      </c>
      <c r="IJ27" s="70">
        <v>84</v>
      </c>
      <c r="IK27" s="71">
        <v>50</v>
      </c>
      <c r="IL27" s="72">
        <v>134</v>
      </c>
      <c r="IM27" s="241"/>
      <c r="IN27" s="71">
        <v>115</v>
      </c>
      <c r="IO27" s="71">
        <v>51</v>
      </c>
      <c r="IP27" s="71">
        <v>30</v>
      </c>
      <c r="IQ27" s="71">
        <v>37</v>
      </c>
      <c r="IR27" s="71">
        <v>34</v>
      </c>
      <c r="IS27" s="72">
        <v>267</v>
      </c>
      <c r="IT27" s="73">
        <v>401</v>
      </c>
      <c r="IU27" s="70">
        <v>98</v>
      </c>
      <c r="IV27" s="71">
        <v>75</v>
      </c>
      <c r="IW27" s="72">
        <v>173</v>
      </c>
      <c r="IX27" s="241"/>
      <c r="IY27" s="71">
        <v>126</v>
      </c>
      <c r="IZ27" s="71">
        <v>83</v>
      </c>
      <c r="JA27" s="71">
        <v>68</v>
      </c>
      <c r="JB27" s="71">
        <v>56</v>
      </c>
      <c r="JC27" s="71">
        <v>43</v>
      </c>
      <c r="JD27" s="72">
        <v>376</v>
      </c>
      <c r="JE27" s="73">
        <v>549</v>
      </c>
      <c r="JF27" s="70">
        <v>74</v>
      </c>
      <c r="JG27" s="71">
        <v>49</v>
      </c>
      <c r="JH27" s="72">
        <v>123</v>
      </c>
      <c r="JI27" s="241"/>
      <c r="JJ27" s="71">
        <v>121</v>
      </c>
      <c r="JK27" s="71">
        <v>80</v>
      </c>
      <c r="JL27" s="71">
        <v>98</v>
      </c>
      <c r="JM27" s="71">
        <v>113</v>
      </c>
      <c r="JN27" s="71">
        <v>67</v>
      </c>
      <c r="JO27" s="72">
        <v>479</v>
      </c>
      <c r="JP27" s="73">
        <v>602</v>
      </c>
      <c r="JQ27" s="70">
        <v>8</v>
      </c>
      <c r="JR27" s="71">
        <v>7</v>
      </c>
      <c r="JS27" s="72">
        <v>15</v>
      </c>
      <c r="JT27" s="241"/>
      <c r="JU27" s="71">
        <v>4</v>
      </c>
      <c r="JV27" s="71">
        <v>9</v>
      </c>
      <c r="JW27" s="71">
        <v>4</v>
      </c>
      <c r="JX27" s="71">
        <v>3</v>
      </c>
      <c r="JY27" s="71">
        <v>2</v>
      </c>
      <c r="JZ27" s="72">
        <v>22</v>
      </c>
      <c r="KA27" s="73">
        <v>37</v>
      </c>
      <c r="KB27" s="70">
        <v>335</v>
      </c>
      <c r="KC27" s="71">
        <v>224</v>
      </c>
      <c r="KD27" s="72">
        <v>559</v>
      </c>
      <c r="KE27" s="241"/>
      <c r="KF27" s="71">
        <v>455</v>
      </c>
      <c r="KG27" s="71">
        <v>278</v>
      </c>
      <c r="KH27" s="71">
        <v>238</v>
      </c>
      <c r="KI27" s="71">
        <v>237</v>
      </c>
      <c r="KJ27" s="71">
        <v>172</v>
      </c>
      <c r="KK27" s="72">
        <v>1380</v>
      </c>
      <c r="KL27" s="73">
        <v>1939</v>
      </c>
    </row>
    <row r="28" spans="1:298" ht="19.5" customHeight="1" x14ac:dyDescent="0.2">
      <c r="A28" s="126" t="s">
        <v>25</v>
      </c>
      <c r="B28" s="316">
        <v>94</v>
      </c>
      <c r="C28" s="82">
        <v>97</v>
      </c>
      <c r="D28" s="83">
        <v>191</v>
      </c>
      <c r="E28" s="241"/>
      <c r="F28" s="82">
        <v>206</v>
      </c>
      <c r="G28" s="82">
        <v>124</v>
      </c>
      <c r="H28" s="82">
        <v>100</v>
      </c>
      <c r="I28" s="82">
        <v>107</v>
      </c>
      <c r="J28" s="82">
        <v>55</v>
      </c>
      <c r="K28" s="84">
        <v>592</v>
      </c>
      <c r="L28" s="85">
        <v>783</v>
      </c>
      <c r="M28" s="70">
        <v>2</v>
      </c>
      <c r="N28" s="71">
        <v>4</v>
      </c>
      <c r="O28" s="72">
        <v>6</v>
      </c>
      <c r="P28" s="241"/>
      <c r="Q28" s="71">
        <v>3</v>
      </c>
      <c r="R28" s="71">
        <v>8</v>
      </c>
      <c r="S28" s="71">
        <v>2</v>
      </c>
      <c r="T28" s="71">
        <v>4</v>
      </c>
      <c r="U28" s="71">
        <v>2</v>
      </c>
      <c r="V28" s="72">
        <v>19</v>
      </c>
      <c r="W28" s="73">
        <v>25</v>
      </c>
      <c r="X28" s="70">
        <v>10</v>
      </c>
      <c r="Y28" s="71">
        <v>14</v>
      </c>
      <c r="Z28" s="72">
        <v>24</v>
      </c>
      <c r="AA28" s="241"/>
      <c r="AB28" s="71">
        <v>18</v>
      </c>
      <c r="AC28" s="71">
        <v>20</v>
      </c>
      <c r="AD28" s="71">
        <v>9</v>
      </c>
      <c r="AE28" s="71">
        <v>13</v>
      </c>
      <c r="AF28" s="71">
        <v>7</v>
      </c>
      <c r="AG28" s="72">
        <v>67</v>
      </c>
      <c r="AH28" s="73">
        <v>91</v>
      </c>
      <c r="AI28" s="70">
        <v>19</v>
      </c>
      <c r="AJ28" s="71">
        <v>23</v>
      </c>
      <c r="AK28" s="72">
        <v>42</v>
      </c>
      <c r="AL28" s="241"/>
      <c r="AM28" s="71">
        <v>34</v>
      </c>
      <c r="AN28" s="71">
        <v>20</v>
      </c>
      <c r="AO28" s="71">
        <v>15</v>
      </c>
      <c r="AP28" s="71">
        <v>25</v>
      </c>
      <c r="AQ28" s="71">
        <v>12</v>
      </c>
      <c r="AR28" s="72">
        <v>106</v>
      </c>
      <c r="AS28" s="73">
        <v>148</v>
      </c>
      <c r="AT28" s="70">
        <v>29</v>
      </c>
      <c r="AU28" s="71">
        <v>28</v>
      </c>
      <c r="AV28" s="72">
        <v>57</v>
      </c>
      <c r="AW28" s="241"/>
      <c r="AX28" s="71">
        <v>65</v>
      </c>
      <c r="AY28" s="71">
        <v>31</v>
      </c>
      <c r="AZ28" s="71">
        <v>34</v>
      </c>
      <c r="BA28" s="71">
        <v>29</v>
      </c>
      <c r="BB28" s="71">
        <v>17</v>
      </c>
      <c r="BC28" s="72">
        <v>176</v>
      </c>
      <c r="BD28" s="73">
        <v>233</v>
      </c>
      <c r="BE28" s="70">
        <v>24</v>
      </c>
      <c r="BF28" s="71">
        <v>17</v>
      </c>
      <c r="BG28" s="72">
        <v>41</v>
      </c>
      <c r="BH28" s="241"/>
      <c r="BI28" s="71">
        <v>56</v>
      </c>
      <c r="BJ28" s="71">
        <v>34</v>
      </c>
      <c r="BK28" s="71">
        <v>22</v>
      </c>
      <c r="BL28" s="71">
        <v>20</v>
      </c>
      <c r="BM28" s="71">
        <v>13</v>
      </c>
      <c r="BN28" s="72">
        <v>145</v>
      </c>
      <c r="BO28" s="73">
        <v>186</v>
      </c>
      <c r="BP28" s="70">
        <v>10</v>
      </c>
      <c r="BQ28" s="71">
        <v>11</v>
      </c>
      <c r="BR28" s="72">
        <v>21</v>
      </c>
      <c r="BS28" s="241"/>
      <c r="BT28" s="71">
        <v>30</v>
      </c>
      <c r="BU28" s="71">
        <v>11</v>
      </c>
      <c r="BV28" s="71">
        <v>18</v>
      </c>
      <c r="BW28" s="71">
        <v>16</v>
      </c>
      <c r="BX28" s="71">
        <v>4</v>
      </c>
      <c r="BY28" s="72">
        <v>79</v>
      </c>
      <c r="BZ28" s="73">
        <v>100</v>
      </c>
      <c r="CA28" s="70">
        <v>1</v>
      </c>
      <c r="CB28" s="71">
        <v>1</v>
      </c>
      <c r="CC28" s="72">
        <v>2</v>
      </c>
      <c r="CD28" s="241"/>
      <c r="CE28" s="71">
        <v>5</v>
      </c>
      <c r="CF28" s="71">
        <v>9</v>
      </c>
      <c r="CG28" s="71">
        <v>2</v>
      </c>
      <c r="CH28" s="71">
        <v>3</v>
      </c>
      <c r="CI28" s="71">
        <v>2</v>
      </c>
      <c r="CJ28" s="72">
        <v>21</v>
      </c>
      <c r="CK28" s="73">
        <v>23</v>
      </c>
      <c r="CL28" s="70">
        <v>95</v>
      </c>
      <c r="CM28" s="71">
        <v>98</v>
      </c>
      <c r="CN28" s="72">
        <v>193</v>
      </c>
      <c r="CO28" s="241"/>
      <c r="CP28" s="71">
        <v>211</v>
      </c>
      <c r="CQ28" s="71">
        <v>133</v>
      </c>
      <c r="CR28" s="71">
        <v>102</v>
      </c>
      <c r="CS28" s="71">
        <v>110</v>
      </c>
      <c r="CT28" s="71">
        <v>57</v>
      </c>
      <c r="CU28" s="72">
        <v>613</v>
      </c>
      <c r="CV28" s="73">
        <v>806</v>
      </c>
      <c r="CW28" s="123">
        <v>182</v>
      </c>
      <c r="CX28" s="82">
        <v>171</v>
      </c>
      <c r="CY28" s="83">
        <v>353</v>
      </c>
      <c r="CZ28" s="241"/>
      <c r="DA28" s="82">
        <v>321</v>
      </c>
      <c r="DB28" s="82">
        <v>205</v>
      </c>
      <c r="DC28" s="82">
        <v>137</v>
      </c>
      <c r="DD28" s="82">
        <v>187</v>
      </c>
      <c r="DE28" s="82">
        <v>116</v>
      </c>
      <c r="DF28" s="84">
        <v>966</v>
      </c>
      <c r="DG28" s="85">
        <v>1319</v>
      </c>
      <c r="DH28" s="70">
        <v>4</v>
      </c>
      <c r="DI28" s="71">
        <v>6</v>
      </c>
      <c r="DJ28" s="72">
        <v>10</v>
      </c>
      <c r="DK28" s="241"/>
      <c r="DL28" s="71">
        <v>9</v>
      </c>
      <c r="DM28" s="71">
        <v>7</v>
      </c>
      <c r="DN28" s="71">
        <v>4</v>
      </c>
      <c r="DO28" s="71">
        <v>5</v>
      </c>
      <c r="DP28" s="71">
        <v>3</v>
      </c>
      <c r="DQ28" s="72">
        <v>28</v>
      </c>
      <c r="DR28" s="73">
        <v>38</v>
      </c>
      <c r="DS28" s="70">
        <v>15</v>
      </c>
      <c r="DT28" s="71">
        <v>13</v>
      </c>
      <c r="DU28" s="72">
        <v>28</v>
      </c>
      <c r="DV28" s="241"/>
      <c r="DW28" s="71">
        <v>23</v>
      </c>
      <c r="DX28" s="71">
        <v>9</v>
      </c>
      <c r="DY28" s="71">
        <v>11</v>
      </c>
      <c r="DZ28" s="71">
        <v>10</v>
      </c>
      <c r="EA28" s="71">
        <v>9</v>
      </c>
      <c r="EB28" s="72">
        <v>62</v>
      </c>
      <c r="EC28" s="73">
        <v>90</v>
      </c>
      <c r="ED28" s="70">
        <v>42</v>
      </c>
      <c r="EE28" s="71">
        <v>28</v>
      </c>
      <c r="EF28" s="72">
        <v>70</v>
      </c>
      <c r="EG28" s="241"/>
      <c r="EH28" s="71">
        <v>48</v>
      </c>
      <c r="EI28" s="71">
        <v>24</v>
      </c>
      <c r="EJ28" s="71">
        <v>18</v>
      </c>
      <c r="EK28" s="71">
        <v>25</v>
      </c>
      <c r="EL28" s="71">
        <v>18</v>
      </c>
      <c r="EM28" s="72">
        <v>133</v>
      </c>
      <c r="EN28" s="73">
        <v>203</v>
      </c>
      <c r="EO28" s="70">
        <v>52</v>
      </c>
      <c r="EP28" s="71">
        <v>44</v>
      </c>
      <c r="EQ28" s="72">
        <v>96</v>
      </c>
      <c r="ER28" s="241"/>
      <c r="ES28" s="71">
        <v>74</v>
      </c>
      <c r="ET28" s="71">
        <v>49</v>
      </c>
      <c r="EU28" s="71">
        <v>22</v>
      </c>
      <c r="EV28" s="71">
        <v>39</v>
      </c>
      <c r="EW28" s="71">
        <v>17</v>
      </c>
      <c r="EX28" s="72">
        <v>201</v>
      </c>
      <c r="EY28" s="73">
        <v>297</v>
      </c>
      <c r="EZ28" s="70">
        <v>48</v>
      </c>
      <c r="FA28" s="71">
        <v>48</v>
      </c>
      <c r="FB28" s="72">
        <v>96</v>
      </c>
      <c r="FC28" s="241"/>
      <c r="FD28" s="71">
        <v>91</v>
      </c>
      <c r="FE28" s="71">
        <v>50</v>
      </c>
      <c r="FF28" s="71">
        <v>46</v>
      </c>
      <c r="FG28" s="71">
        <v>49</v>
      </c>
      <c r="FH28" s="71">
        <v>41</v>
      </c>
      <c r="FI28" s="72">
        <v>277</v>
      </c>
      <c r="FJ28" s="73">
        <v>373</v>
      </c>
      <c r="FK28" s="70">
        <v>21</v>
      </c>
      <c r="FL28" s="71">
        <v>32</v>
      </c>
      <c r="FM28" s="72">
        <v>53</v>
      </c>
      <c r="FN28" s="241"/>
      <c r="FO28" s="71">
        <v>76</v>
      </c>
      <c r="FP28" s="71">
        <v>66</v>
      </c>
      <c r="FQ28" s="71">
        <v>36</v>
      </c>
      <c r="FR28" s="71">
        <v>59</v>
      </c>
      <c r="FS28" s="71">
        <v>28</v>
      </c>
      <c r="FT28" s="72">
        <v>265</v>
      </c>
      <c r="FU28" s="73">
        <v>318</v>
      </c>
      <c r="FV28" s="70">
        <v>2</v>
      </c>
      <c r="FW28" s="71">
        <v>4</v>
      </c>
      <c r="FX28" s="72">
        <v>6</v>
      </c>
      <c r="FY28" s="241"/>
      <c r="FZ28" s="71">
        <v>3</v>
      </c>
      <c r="GA28" s="71">
        <v>3</v>
      </c>
      <c r="GB28" s="71">
        <v>3</v>
      </c>
      <c r="GC28" s="71">
        <v>3</v>
      </c>
      <c r="GD28" s="71">
        <v>7</v>
      </c>
      <c r="GE28" s="72">
        <v>19</v>
      </c>
      <c r="GF28" s="73">
        <v>25</v>
      </c>
      <c r="GG28" s="70">
        <v>184</v>
      </c>
      <c r="GH28" s="71">
        <v>175</v>
      </c>
      <c r="GI28" s="72">
        <v>359</v>
      </c>
      <c r="GJ28" s="241"/>
      <c r="GK28" s="71">
        <v>324</v>
      </c>
      <c r="GL28" s="71">
        <v>208</v>
      </c>
      <c r="GM28" s="71">
        <v>140</v>
      </c>
      <c r="GN28" s="71">
        <v>190</v>
      </c>
      <c r="GO28" s="71">
        <v>123</v>
      </c>
      <c r="GP28" s="72">
        <v>985</v>
      </c>
      <c r="GQ28" s="73">
        <v>1344</v>
      </c>
      <c r="GR28" s="123">
        <v>276</v>
      </c>
      <c r="GS28" s="82">
        <v>268</v>
      </c>
      <c r="GT28" s="83">
        <v>544</v>
      </c>
      <c r="GU28" s="241"/>
      <c r="GV28" s="82">
        <v>527</v>
      </c>
      <c r="GW28" s="82">
        <v>329</v>
      </c>
      <c r="GX28" s="82">
        <v>237</v>
      </c>
      <c r="GY28" s="82">
        <v>294</v>
      </c>
      <c r="GZ28" s="82">
        <v>171</v>
      </c>
      <c r="HA28" s="84">
        <v>1558</v>
      </c>
      <c r="HB28" s="85">
        <v>2102</v>
      </c>
      <c r="HC28" s="70">
        <v>6</v>
      </c>
      <c r="HD28" s="71">
        <v>10</v>
      </c>
      <c r="HE28" s="72">
        <v>16</v>
      </c>
      <c r="HF28" s="241"/>
      <c r="HG28" s="71">
        <v>12</v>
      </c>
      <c r="HH28" s="71">
        <v>15</v>
      </c>
      <c r="HI28" s="71">
        <v>6</v>
      </c>
      <c r="HJ28" s="71">
        <v>9</v>
      </c>
      <c r="HK28" s="71">
        <v>5</v>
      </c>
      <c r="HL28" s="72">
        <v>47</v>
      </c>
      <c r="HM28" s="73">
        <v>63</v>
      </c>
      <c r="HN28" s="70">
        <v>25</v>
      </c>
      <c r="HO28" s="71">
        <v>27</v>
      </c>
      <c r="HP28" s="72">
        <v>52</v>
      </c>
      <c r="HQ28" s="241"/>
      <c r="HR28" s="71">
        <v>41</v>
      </c>
      <c r="HS28" s="71">
        <v>29</v>
      </c>
      <c r="HT28" s="71">
        <v>20</v>
      </c>
      <c r="HU28" s="71">
        <v>23</v>
      </c>
      <c r="HV28" s="71">
        <v>16</v>
      </c>
      <c r="HW28" s="72">
        <v>129</v>
      </c>
      <c r="HX28" s="73">
        <v>181</v>
      </c>
      <c r="HY28" s="70">
        <v>61</v>
      </c>
      <c r="HZ28" s="71">
        <v>51</v>
      </c>
      <c r="IA28" s="72">
        <v>112</v>
      </c>
      <c r="IB28" s="241"/>
      <c r="IC28" s="71">
        <v>82</v>
      </c>
      <c r="ID28" s="71">
        <v>44</v>
      </c>
      <c r="IE28" s="71">
        <v>33</v>
      </c>
      <c r="IF28" s="71">
        <v>50</v>
      </c>
      <c r="IG28" s="71">
        <v>30</v>
      </c>
      <c r="IH28" s="72">
        <v>239</v>
      </c>
      <c r="II28" s="73">
        <v>351</v>
      </c>
      <c r="IJ28" s="70">
        <v>81</v>
      </c>
      <c r="IK28" s="71">
        <v>72</v>
      </c>
      <c r="IL28" s="72">
        <v>153</v>
      </c>
      <c r="IM28" s="241"/>
      <c r="IN28" s="71">
        <v>139</v>
      </c>
      <c r="IO28" s="71">
        <v>80</v>
      </c>
      <c r="IP28" s="71">
        <v>56</v>
      </c>
      <c r="IQ28" s="71">
        <v>68</v>
      </c>
      <c r="IR28" s="71">
        <v>34</v>
      </c>
      <c r="IS28" s="72">
        <v>377</v>
      </c>
      <c r="IT28" s="73">
        <v>530</v>
      </c>
      <c r="IU28" s="70">
        <v>72</v>
      </c>
      <c r="IV28" s="71">
        <v>65</v>
      </c>
      <c r="IW28" s="72">
        <v>137</v>
      </c>
      <c r="IX28" s="241"/>
      <c r="IY28" s="71">
        <v>147</v>
      </c>
      <c r="IZ28" s="71">
        <v>84</v>
      </c>
      <c r="JA28" s="71">
        <v>68</v>
      </c>
      <c r="JB28" s="71">
        <v>69</v>
      </c>
      <c r="JC28" s="71">
        <v>54</v>
      </c>
      <c r="JD28" s="72">
        <v>422</v>
      </c>
      <c r="JE28" s="73">
        <v>559</v>
      </c>
      <c r="JF28" s="70">
        <v>31</v>
      </c>
      <c r="JG28" s="71">
        <v>43</v>
      </c>
      <c r="JH28" s="72">
        <v>74</v>
      </c>
      <c r="JI28" s="241"/>
      <c r="JJ28" s="71">
        <v>106</v>
      </c>
      <c r="JK28" s="71">
        <v>77</v>
      </c>
      <c r="JL28" s="71">
        <v>54</v>
      </c>
      <c r="JM28" s="71">
        <v>75</v>
      </c>
      <c r="JN28" s="71">
        <v>32</v>
      </c>
      <c r="JO28" s="72">
        <v>344</v>
      </c>
      <c r="JP28" s="73">
        <v>418</v>
      </c>
      <c r="JQ28" s="70">
        <v>3</v>
      </c>
      <c r="JR28" s="71">
        <v>5</v>
      </c>
      <c r="JS28" s="72">
        <v>8</v>
      </c>
      <c r="JT28" s="241"/>
      <c r="JU28" s="71">
        <v>8</v>
      </c>
      <c r="JV28" s="71">
        <v>12</v>
      </c>
      <c r="JW28" s="71">
        <v>5</v>
      </c>
      <c r="JX28" s="71">
        <v>6</v>
      </c>
      <c r="JY28" s="71">
        <v>9</v>
      </c>
      <c r="JZ28" s="72">
        <v>40</v>
      </c>
      <c r="KA28" s="73">
        <v>48</v>
      </c>
      <c r="KB28" s="70">
        <v>279</v>
      </c>
      <c r="KC28" s="71">
        <v>273</v>
      </c>
      <c r="KD28" s="72">
        <v>552</v>
      </c>
      <c r="KE28" s="241"/>
      <c r="KF28" s="71">
        <v>535</v>
      </c>
      <c r="KG28" s="71">
        <v>341</v>
      </c>
      <c r="KH28" s="71">
        <v>242</v>
      </c>
      <c r="KI28" s="71">
        <v>300</v>
      </c>
      <c r="KJ28" s="71">
        <v>180</v>
      </c>
      <c r="KK28" s="72">
        <v>1598</v>
      </c>
      <c r="KL28" s="73">
        <v>2150</v>
      </c>
    </row>
    <row r="29" spans="1:298" ht="19.5" customHeight="1" x14ac:dyDescent="0.2">
      <c r="A29" s="126" t="s">
        <v>26</v>
      </c>
      <c r="B29" s="316">
        <v>96</v>
      </c>
      <c r="C29" s="82">
        <v>58</v>
      </c>
      <c r="D29" s="83">
        <v>154</v>
      </c>
      <c r="E29" s="241"/>
      <c r="F29" s="82">
        <v>138</v>
      </c>
      <c r="G29" s="82">
        <v>120</v>
      </c>
      <c r="H29" s="82">
        <v>93</v>
      </c>
      <c r="I29" s="82">
        <v>74</v>
      </c>
      <c r="J29" s="82">
        <v>35</v>
      </c>
      <c r="K29" s="84">
        <v>460</v>
      </c>
      <c r="L29" s="85">
        <v>614</v>
      </c>
      <c r="M29" s="70">
        <v>3</v>
      </c>
      <c r="N29" s="71">
        <v>2</v>
      </c>
      <c r="O29" s="72">
        <v>5</v>
      </c>
      <c r="P29" s="241"/>
      <c r="Q29" s="71">
        <v>7</v>
      </c>
      <c r="R29" s="71">
        <v>4</v>
      </c>
      <c r="S29" s="71">
        <v>4</v>
      </c>
      <c r="T29" s="71">
        <v>2</v>
      </c>
      <c r="U29" s="71">
        <v>2</v>
      </c>
      <c r="V29" s="72">
        <v>19</v>
      </c>
      <c r="W29" s="73">
        <v>24</v>
      </c>
      <c r="X29" s="70">
        <v>13</v>
      </c>
      <c r="Y29" s="71">
        <v>4</v>
      </c>
      <c r="Z29" s="72">
        <v>17</v>
      </c>
      <c r="AA29" s="241"/>
      <c r="AB29" s="71">
        <v>10</v>
      </c>
      <c r="AC29" s="71">
        <v>10</v>
      </c>
      <c r="AD29" s="71">
        <v>11</v>
      </c>
      <c r="AE29" s="71">
        <v>8</v>
      </c>
      <c r="AF29" s="71">
        <v>9</v>
      </c>
      <c r="AG29" s="72">
        <v>48</v>
      </c>
      <c r="AH29" s="73">
        <v>65</v>
      </c>
      <c r="AI29" s="70">
        <v>19</v>
      </c>
      <c r="AJ29" s="71">
        <v>8</v>
      </c>
      <c r="AK29" s="72">
        <v>27</v>
      </c>
      <c r="AL29" s="241"/>
      <c r="AM29" s="71">
        <v>19</v>
      </c>
      <c r="AN29" s="71">
        <v>17</v>
      </c>
      <c r="AO29" s="71">
        <v>18</v>
      </c>
      <c r="AP29" s="71">
        <v>9</v>
      </c>
      <c r="AQ29" s="71">
        <v>4</v>
      </c>
      <c r="AR29" s="72">
        <v>67</v>
      </c>
      <c r="AS29" s="73">
        <v>94</v>
      </c>
      <c r="AT29" s="70">
        <v>21</v>
      </c>
      <c r="AU29" s="71">
        <v>14</v>
      </c>
      <c r="AV29" s="72">
        <v>35</v>
      </c>
      <c r="AW29" s="241"/>
      <c r="AX29" s="71">
        <v>46</v>
      </c>
      <c r="AY29" s="71">
        <v>26</v>
      </c>
      <c r="AZ29" s="71">
        <v>20</v>
      </c>
      <c r="BA29" s="71">
        <v>15</v>
      </c>
      <c r="BB29" s="71">
        <v>6</v>
      </c>
      <c r="BC29" s="72">
        <v>113</v>
      </c>
      <c r="BD29" s="73">
        <v>148</v>
      </c>
      <c r="BE29" s="70">
        <v>22</v>
      </c>
      <c r="BF29" s="71">
        <v>17</v>
      </c>
      <c r="BG29" s="72">
        <v>39</v>
      </c>
      <c r="BH29" s="241"/>
      <c r="BI29" s="71">
        <v>27</v>
      </c>
      <c r="BJ29" s="71">
        <v>36</v>
      </c>
      <c r="BK29" s="71">
        <v>23</v>
      </c>
      <c r="BL29" s="71">
        <v>17</v>
      </c>
      <c r="BM29" s="71">
        <v>10</v>
      </c>
      <c r="BN29" s="72">
        <v>113</v>
      </c>
      <c r="BO29" s="73">
        <v>152</v>
      </c>
      <c r="BP29" s="70">
        <v>18</v>
      </c>
      <c r="BQ29" s="71">
        <v>13</v>
      </c>
      <c r="BR29" s="72">
        <v>31</v>
      </c>
      <c r="BS29" s="241"/>
      <c r="BT29" s="71">
        <v>29</v>
      </c>
      <c r="BU29" s="71">
        <v>27</v>
      </c>
      <c r="BV29" s="71">
        <v>17</v>
      </c>
      <c r="BW29" s="71">
        <v>23</v>
      </c>
      <c r="BX29" s="71">
        <v>4</v>
      </c>
      <c r="BY29" s="72">
        <v>100</v>
      </c>
      <c r="BZ29" s="73">
        <v>131</v>
      </c>
      <c r="CA29" s="70">
        <v>3</v>
      </c>
      <c r="CB29" s="71">
        <v>1</v>
      </c>
      <c r="CC29" s="72">
        <v>4</v>
      </c>
      <c r="CD29" s="241"/>
      <c r="CE29" s="71">
        <v>5</v>
      </c>
      <c r="CF29" s="71">
        <v>2</v>
      </c>
      <c r="CG29" s="71">
        <v>1</v>
      </c>
      <c r="CH29" s="71">
        <v>3</v>
      </c>
      <c r="CI29" s="71">
        <v>1</v>
      </c>
      <c r="CJ29" s="72">
        <v>12</v>
      </c>
      <c r="CK29" s="73">
        <v>16</v>
      </c>
      <c r="CL29" s="70">
        <v>99</v>
      </c>
      <c r="CM29" s="71">
        <v>59</v>
      </c>
      <c r="CN29" s="72">
        <v>158</v>
      </c>
      <c r="CO29" s="241"/>
      <c r="CP29" s="71">
        <v>143</v>
      </c>
      <c r="CQ29" s="71">
        <v>122</v>
      </c>
      <c r="CR29" s="71">
        <v>94</v>
      </c>
      <c r="CS29" s="71">
        <v>77</v>
      </c>
      <c r="CT29" s="71">
        <v>36</v>
      </c>
      <c r="CU29" s="72">
        <v>472</v>
      </c>
      <c r="CV29" s="73">
        <v>630</v>
      </c>
      <c r="CW29" s="123">
        <v>174</v>
      </c>
      <c r="CX29" s="82">
        <v>187</v>
      </c>
      <c r="CY29" s="83">
        <v>361</v>
      </c>
      <c r="CZ29" s="241"/>
      <c r="DA29" s="82">
        <v>259</v>
      </c>
      <c r="DB29" s="82">
        <v>212</v>
      </c>
      <c r="DC29" s="82">
        <v>149</v>
      </c>
      <c r="DD29" s="82">
        <v>150</v>
      </c>
      <c r="DE29" s="82">
        <v>122</v>
      </c>
      <c r="DF29" s="84">
        <v>892</v>
      </c>
      <c r="DG29" s="85">
        <v>1253</v>
      </c>
      <c r="DH29" s="70">
        <v>4</v>
      </c>
      <c r="DI29" s="71">
        <v>4</v>
      </c>
      <c r="DJ29" s="72">
        <v>8</v>
      </c>
      <c r="DK29" s="241"/>
      <c r="DL29" s="71">
        <v>6</v>
      </c>
      <c r="DM29" s="71">
        <v>6</v>
      </c>
      <c r="DN29" s="71">
        <v>4</v>
      </c>
      <c r="DO29" s="71">
        <v>2</v>
      </c>
      <c r="DP29" s="71">
        <v>2</v>
      </c>
      <c r="DQ29" s="72">
        <v>20</v>
      </c>
      <c r="DR29" s="73">
        <v>28</v>
      </c>
      <c r="DS29" s="70">
        <v>14</v>
      </c>
      <c r="DT29" s="71">
        <v>11</v>
      </c>
      <c r="DU29" s="72">
        <v>25</v>
      </c>
      <c r="DV29" s="241"/>
      <c r="DW29" s="71">
        <v>14</v>
      </c>
      <c r="DX29" s="71">
        <v>11</v>
      </c>
      <c r="DY29" s="71">
        <v>6</v>
      </c>
      <c r="DZ29" s="71">
        <v>7</v>
      </c>
      <c r="EA29" s="71">
        <v>8</v>
      </c>
      <c r="EB29" s="72">
        <v>46</v>
      </c>
      <c r="EC29" s="73">
        <v>71</v>
      </c>
      <c r="ED29" s="70">
        <v>24</v>
      </c>
      <c r="EE29" s="71">
        <v>25</v>
      </c>
      <c r="EF29" s="72">
        <v>49</v>
      </c>
      <c r="EG29" s="241"/>
      <c r="EH29" s="71">
        <v>38</v>
      </c>
      <c r="EI29" s="71">
        <v>28</v>
      </c>
      <c r="EJ29" s="71">
        <v>15</v>
      </c>
      <c r="EK29" s="71">
        <v>10</v>
      </c>
      <c r="EL29" s="71">
        <v>7</v>
      </c>
      <c r="EM29" s="72">
        <v>98</v>
      </c>
      <c r="EN29" s="73">
        <v>147</v>
      </c>
      <c r="EO29" s="70">
        <v>49</v>
      </c>
      <c r="EP29" s="71">
        <v>47</v>
      </c>
      <c r="EQ29" s="72">
        <v>96</v>
      </c>
      <c r="ER29" s="241"/>
      <c r="ES29" s="71">
        <v>56</v>
      </c>
      <c r="ET29" s="71">
        <v>32</v>
      </c>
      <c r="EU29" s="71">
        <v>31</v>
      </c>
      <c r="EV29" s="71">
        <v>18</v>
      </c>
      <c r="EW29" s="71">
        <v>21</v>
      </c>
      <c r="EX29" s="72">
        <v>158</v>
      </c>
      <c r="EY29" s="73">
        <v>254</v>
      </c>
      <c r="EZ29" s="70">
        <v>52</v>
      </c>
      <c r="FA29" s="71">
        <v>62</v>
      </c>
      <c r="FB29" s="72">
        <v>114</v>
      </c>
      <c r="FC29" s="241"/>
      <c r="FD29" s="71">
        <v>73</v>
      </c>
      <c r="FE29" s="71">
        <v>53</v>
      </c>
      <c r="FF29" s="71">
        <v>32</v>
      </c>
      <c r="FG29" s="71">
        <v>38</v>
      </c>
      <c r="FH29" s="71">
        <v>24</v>
      </c>
      <c r="FI29" s="72">
        <v>220</v>
      </c>
      <c r="FJ29" s="73">
        <v>334</v>
      </c>
      <c r="FK29" s="70">
        <v>31</v>
      </c>
      <c r="FL29" s="71">
        <v>38</v>
      </c>
      <c r="FM29" s="72">
        <v>69</v>
      </c>
      <c r="FN29" s="241"/>
      <c r="FO29" s="71">
        <v>72</v>
      </c>
      <c r="FP29" s="71">
        <v>82</v>
      </c>
      <c r="FQ29" s="71">
        <v>61</v>
      </c>
      <c r="FR29" s="71">
        <v>75</v>
      </c>
      <c r="FS29" s="71">
        <v>60</v>
      </c>
      <c r="FT29" s="72">
        <v>350</v>
      </c>
      <c r="FU29" s="73">
        <v>419</v>
      </c>
      <c r="FV29" s="70">
        <v>1</v>
      </c>
      <c r="FW29" s="71">
        <v>3</v>
      </c>
      <c r="FX29" s="72">
        <v>4</v>
      </c>
      <c r="FY29" s="241"/>
      <c r="FZ29" s="71">
        <v>7</v>
      </c>
      <c r="GA29" s="71">
        <v>2</v>
      </c>
      <c r="GB29" s="71">
        <v>2</v>
      </c>
      <c r="GC29" s="71">
        <v>4</v>
      </c>
      <c r="GD29" s="71">
        <v>2</v>
      </c>
      <c r="GE29" s="72">
        <v>17</v>
      </c>
      <c r="GF29" s="73">
        <v>21</v>
      </c>
      <c r="GG29" s="70">
        <v>175</v>
      </c>
      <c r="GH29" s="71">
        <v>190</v>
      </c>
      <c r="GI29" s="72">
        <v>365</v>
      </c>
      <c r="GJ29" s="241"/>
      <c r="GK29" s="71">
        <v>266</v>
      </c>
      <c r="GL29" s="71">
        <v>214</v>
      </c>
      <c r="GM29" s="71">
        <v>151</v>
      </c>
      <c r="GN29" s="71">
        <v>154</v>
      </c>
      <c r="GO29" s="71">
        <v>124</v>
      </c>
      <c r="GP29" s="72">
        <v>909</v>
      </c>
      <c r="GQ29" s="73">
        <v>1274</v>
      </c>
      <c r="GR29" s="123">
        <v>270</v>
      </c>
      <c r="GS29" s="82">
        <v>245</v>
      </c>
      <c r="GT29" s="83">
        <v>515</v>
      </c>
      <c r="GU29" s="241"/>
      <c r="GV29" s="82">
        <v>397</v>
      </c>
      <c r="GW29" s="82">
        <v>332</v>
      </c>
      <c r="GX29" s="82">
        <v>242</v>
      </c>
      <c r="GY29" s="82">
        <v>224</v>
      </c>
      <c r="GZ29" s="82">
        <v>157</v>
      </c>
      <c r="HA29" s="84">
        <v>1352</v>
      </c>
      <c r="HB29" s="85">
        <v>1867</v>
      </c>
      <c r="HC29" s="70">
        <v>7</v>
      </c>
      <c r="HD29" s="71">
        <v>6</v>
      </c>
      <c r="HE29" s="72">
        <v>13</v>
      </c>
      <c r="HF29" s="241"/>
      <c r="HG29" s="71">
        <v>13</v>
      </c>
      <c r="HH29" s="71">
        <v>10</v>
      </c>
      <c r="HI29" s="71">
        <v>8</v>
      </c>
      <c r="HJ29" s="71">
        <v>4</v>
      </c>
      <c r="HK29" s="71">
        <v>4</v>
      </c>
      <c r="HL29" s="72">
        <v>39</v>
      </c>
      <c r="HM29" s="73">
        <v>52</v>
      </c>
      <c r="HN29" s="70">
        <v>27</v>
      </c>
      <c r="HO29" s="71">
        <v>15</v>
      </c>
      <c r="HP29" s="72">
        <v>42</v>
      </c>
      <c r="HQ29" s="241"/>
      <c r="HR29" s="71">
        <v>24</v>
      </c>
      <c r="HS29" s="71">
        <v>21</v>
      </c>
      <c r="HT29" s="71">
        <v>17</v>
      </c>
      <c r="HU29" s="71">
        <v>15</v>
      </c>
      <c r="HV29" s="71">
        <v>17</v>
      </c>
      <c r="HW29" s="72">
        <v>94</v>
      </c>
      <c r="HX29" s="73">
        <v>136</v>
      </c>
      <c r="HY29" s="70">
        <v>43</v>
      </c>
      <c r="HZ29" s="71">
        <v>33</v>
      </c>
      <c r="IA29" s="72">
        <v>76</v>
      </c>
      <c r="IB29" s="241"/>
      <c r="IC29" s="71">
        <v>57</v>
      </c>
      <c r="ID29" s="71">
        <v>45</v>
      </c>
      <c r="IE29" s="71">
        <v>33</v>
      </c>
      <c r="IF29" s="71">
        <v>19</v>
      </c>
      <c r="IG29" s="71">
        <v>11</v>
      </c>
      <c r="IH29" s="72">
        <v>165</v>
      </c>
      <c r="II29" s="73">
        <v>241</v>
      </c>
      <c r="IJ29" s="70">
        <v>70</v>
      </c>
      <c r="IK29" s="71">
        <v>61</v>
      </c>
      <c r="IL29" s="72">
        <v>131</v>
      </c>
      <c r="IM29" s="241"/>
      <c r="IN29" s="71">
        <v>102</v>
      </c>
      <c r="IO29" s="71">
        <v>58</v>
      </c>
      <c r="IP29" s="71">
        <v>51</v>
      </c>
      <c r="IQ29" s="71">
        <v>33</v>
      </c>
      <c r="IR29" s="71">
        <v>27</v>
      </c>
      <c r="IS29" s="72">
        <v>271</v>
      </c>
      <c r="IT29" s="73">
        <v>402</v>
      </c>
      <c r="IU29" s="70">
        <v>74</v>
      </c>
      <c r="IV29" s="71">
        <v>79</v>
      </c>
      <c r="IW29" s="72">
        <v>153</v>
      </c>
      <c r="IX29" s="241"/>
      <c r="IY29" s="71">
        <v>100</v>
      </c>
      <c r="IZ29" s="71">
        <v>89</v>
      </c>
      <c r="JA29" s="71">
        <v>55</v>
      </c>
      <c r="JB29" s="71">
        <v>55</v>
      </c>
      <c r="JC29" s="71">
        <v>34</v>
      </c>
      <c r="JD29" s="72">
        <v>333</v>
      </c>
      <c r="JE29" s="73">
        <v>486</v>
      </c>
      <c r="JF29" s="70">
        <v>49</v>
      </c>
      <c r="JG29" s="71">
        <v>51</v>
      </c>
      <c r="JH29" s="72">
        <v>100</v>
      </c>
      <c r="JI29" s="241"/>
      <c r="JJ29" s="71">
        <v>101</v>
      </c>
      <c r="JK29" s="71">
        <v>109</v>
      </c>
      <c r="JL29" s="71">
        <v>78</v>
      </c>
      <c r="JM29" s="71">
        <v>98</v>
      </c>
      <c r="JN29" s="71">
        <v>64</v>
      </c>
      <c r="JO29" s="72">
        <v>450</v>
      </c>
      <c r="JP29" s="73">
        <v>550</v>
      </c>
      <c r="JQ29" s="70">
        <v>4</v>
      </c>
      <c r="JR29" s="71">
        <v>4</v>
      </c>
      <c r="JS29" s="72">
        <v>8</v>
      </c>
      <c r="JT29" s="241"/>
      <c r="JU29" s="71">
        <v>12</v>
      </c>
      <c r="JV29" s="71">
        <v>4</v>
      </c>
      <c r="JW29" s="71">
        <v>3</v>
      </c>
      <c r="JX29" s="71">
        <v>7</v>
      </c>
      <c r="JY29" s="71">
        <v>3</v>
      </c>
      <c r="JZ29" s="72">
        <v>29</v>
      </c>
      <c r="KA29" s="73">
        <v>37</v>
      </c>
      <c r="KB29" s="70">
        <v>274</v>
      </c>
      <c r="KC29" s="71">
        <v>249</v>
      </c>
      <c r="KD29" s="72">
        <v>523</v>
      </c>
      <c r="KE29" s="241"/>
      <c r="KF29" s="71">
        <v>409</v>
      </c>
      <c r="KG29" s="71">
        <v>336</v>
      </c>
      <c r="KH29" s="71">
        <v>245</v>
      </c>
      <c r="KI29" s="71">
        <v>231</v>
      </c>
      <c r="KJ29" s="71">
        <v>160</v>
      </c>
      <c r="KK29" s="72">
        <v>1381</v>
      </c>
      <c r="KL29" s="73">
        <v>1904</v>
      </c>
    </row>
    <row r="30" spans="1:298" ht="19.5" customHeight="1" x14ac:dyDescent="0.2">
      <c r="A30" s="126" t="s">
        <v>27</v>
      </c>
      <c r="B30" s="316">
        <v>83</v>
      </c>
      <c r="C30" s="82">
        <v>115</v>
      </c>
      <c r="D30" s="83">
        <v>198</v>
      </c>
      <c r="E30" s="241"/>
      <c r="F30" s="82">
        <v>105</v>
      </c>
      <c r="G30" s="82">
        <v>93</v>
      </c>
      <c r="H30" s="82">
        <v>72</v>
      </c>
      <c r="I30" s="82">
        <v>73</v>
      </c>
      <c r="J30" s="82">
        <v>30</v>
      </c>
      <c r="K30" s="84">
        <v>373</v>
      </c>
      <c r="L30" s="85">
        <v>571</v>
      </c>
      <c r="M30" s="70">
        <v>4</v>
      </c>
      <c r="N30" s="71">
        <v>3</v>
      </c>
      <c r="O30" s="72">
        <v>7</v>
      </c>
      <c r="P30" s="241"/>
      <c r="Q30" s="71">
        <v>1</v>
      </c>
      <c r="R30" s="71">
        <v>4</v>
      </c>
      <c r="S30" s="71">
        <v>2</v>
      </c>
      <c r="T30" s="71">
        <v>0</v>
      </c>
      <c r="U30" s="71">
        <v>1</v>
      </c>
      <c r="V30" s="72">
        <v>8</v>
      </c>
      <c r="W30" s="73">
        <v>15</v>
      </c>
      <c r="X30" s="70">
        <v>8</v>
      </c>
      <c r="Y30" s="71">
        <v>9</v>
      </c>
      <c r="Z30" s="72">
        <v>17</v>
      </c>
      <c r="AA30" s="241"/>
      <c r="AB30" s="71">
        <v>11</v>
      </c>
      <c r="AC30" s="71">
        <v>19</v>
      </c>
      <c r="AD30" s="71">
        <v>6</v>
      </c>
      <c r="AE30" s="71">
        <v>14</v>
      </c>
      <c r="AF30" s="71">
        <v>3</v>
      </c>
      <c r="AG30" s="72">
        <v>53</v>
      </c>
      <c r="AH30" s="73">
        <v>70</v>
      </c>
      <c r="AI30" s="70">
        <v>12</v>
      </c>
      <c r="AJ30" s="71">
        <v>19</v>
      </c>
      <c r="AK30" s="72">
        <v>31</v>
      </c>
      <c r="AL30" s="241"/>
      <c r="AM30" s="71">
        <v>16</v>
      </c>
      <c r="AN30" s="71">
        <v>18</v>
      </c>
      <c r="AO30" s="71">
        <v>14</v>
      </c>
      <c r="AP30" s="71">
        <v>7</v>
      </c>
      <c r="AQ30" s="71">
        <v>6</v>
      </c>
      <c r="AR30" s="72">
        <v>61</v>
      </c>
      <c r="AS30" s="73">
        <v>92</v>
      </c>
      <c r="AT30" s="70">
        <v>25</v>
      </c>
      <c r="AU30" s="71">
        <v>29</v>
      </c>
      <c r="AV30" s="72">
        <v>54</v>
      </c>
      <c r="AW30" s="241"/>
      <c r="AX30" s="71">
        <v>32</v>
      </c>
      <c r="AY30" s="71">
        <v>12</v>
      </c>
      <c r="AZ30" s="71">
        <v>18</v>
      </c>
      <c r="BA30" s="71">
        <v>13</v>
      </c>
      <c r="BB30" s="71">
        <v>5</v>
      </c>
      <c r="BC30" s="72">
        <v>80</v>
      </c>
      <c r="BD30" s="73">
        <v>134</v>
      </c>
      <c r="BE30" s="70">
        <v>21</v>
      </c>
      <c r="BF30" s="71">
        <v>30</v>
      </c>
      <c r="BG30" s="72">
        <v>51</v>
      </c>
      <c r="BH30" s="241"/>
      <c r="BI30" s="71">
        <v>26</v>
      </c>
      <c r="BJ30" s="71">
        <v>22</v>
      </c>
      <c r="BK30" s="71">
        <v>17</v>
      </c>
      <c r="BL30" s="71">
        <v>21</v>
      </c>
      <c r="BM30" s="71">
        <v>10</v>
      </c>
      <c r="BN30" s="72">
        <v>96</v>
      </c>
      <c r="BO30" s="73">
        <v>147</v>
      </c>
      <c r="BP30" s="70">
        <v>13</v>
      </c>
      <c r="BQ30" s="71">
        <v>25</v>
      </c>
      <c r="BR30" s="72">
        <v>38</v>
      </c>
      <c r="BS30" s="241"/>
      <c r="BT30" s="71">
        <v>19</v>
      </c>
      <c r="BU30" s="71">
        <v>18</v>
      </c>
      <c r="BV30" s="71">
        <v>15</v>
      </c>
      <c r="BW30" s="71">
        <v>18</v>
      </c>
      <c r="BX30" s="71">
        <v>5</v>
      </c>
      <c r="BY30" s="72">
        <v>75</v>
      </c>
      <c r="BZ30" s="73">
        <v>113</v>
      </c>
      <c r="CA30" s="70">
        <v>1</v>
      </c>
      <c r="CB30" s="71">
        <v>2</v>
      </c>
      <c r="CC30" s="72">
        <v>3</v>
      </c>
      <c r="CD30" s="241"/>
      <c r="CE30" s="71">
        <v>4</v>
      </c>
      <c r="CF30" s="71">
        <v>3</v>
      </c>
      <c r="CG30" s="71">
        <v>5</v>
      </c>
      <c r="CH30" s="71">
        <v>0</v>
      </c>
      <c r="CI30" s="71">
        <v>2</v>
      </c>
      <c r="CJ30" s="72">
        <v>14</v>
      </c>
      <c r="CK30" s="73">
        <v>17</v>
      </c>
      <c r="CL30" s="70">
        <v>84</v>
      </c>
      <c r="CM30" s="71">
        <v>117</v>
      </c>
      <c r="CN30" s="72">
        <v>201</v>
      </c>
      <c r="CO30" s="241"/>
      <c r="CP30" s="71">
        <v>109</v>
      </c>
      <c r="CQ30" s="71">
        <v>96</v>
      </c>
      <c r="CR30" s="71">
        <v>77</v>
      </c>
      <c r="CS30" s="71">
        <v>73</v>
      </c>
      <c r="CT30" s="71">
        <v>32</v>
      </c>
      <c r="CU30" s="72">
        <v>387</v>
      </c>
      <c r="CV30" s="73">
        <v>588</v>
      </c>
      <c r="CW30" s="123">
        <v>245</v>
      </c>
      <c r="CX30" s="82">
        <v>164</v>
      </c>
      <c r="CY30" s="83">
        <v>409</v>
      </c>
      <c r="CZ30" s="241"/>
      <c r="DA30" s="82">
        <v>203</v>
      </c>
      <c r="DB30" s="82">
        <v>162</v>
      </c>
      <c r="DC30" s="82">
        <v>163</v>
      </c>
      <c r="DD30" s="82">
        <v>134</v>
      </c>
      <c r="DE30" s="82">
        <v>99</v>
      </c>
      <c r="DF30" s="84">
        <v>761</v>
      </c>
      <c r="DG30" s="85">
        <v>1170</v>
      </c>
      <c r="DH30" s="70">
        <v>2</v>
      </c>
      <c r="DI30" s="71">
        <v>2</v>
      </c>
      <c r="DJ30" s="72">
        <v>4</v>
      </c>
      <c r="DK30" s="241"/>
      <c r="DL30" s="71">
        <v>1</v>
      </c>
      <c r="DM30" s="71">
        <v>1</v>
      </c>
      <c r="DN30" s="71">
        <v>2</v>
      </c>
      <c r="DO30" s="71">
        <v>2</v>
      </c>
      <c r="DP30" s="71">
        <v>2</v>
      </c>
      <c r="DQ30" s="72">
        <v>8</v>
      </c>
      <c r="DR30" s="73">
        <v>12</v>
      </c>
      <c r="DS30" s="70">
        <v>18</v>
      </c>
      <c r="DT30" s="71">
        <v>9</v>
      </c>
      <c r="DU30" s="72">
        <v>27</v>
      </c>
      <c r="DV30" s="241"/>
      <c r="DW30" s="71">
        <v>10</v>
      </c>
      <c r="DX30" s="71">
        <v>11</v>
      </c>
      <c r="DY30" s="71">
        <v>9</v>
      </c>
      <c r="DZ30" s="71">
        <v>9</v>
      </c>
      <c r="EA30" s="71">
        <v>3</v>
      </c>
      <c r="EB30" s="72">
        <v>42</v>
      </c>
      <c r="EC30" s="73">
        <v>69</v>
      </c>
      <c r="ED30" s="70">
        <v>29</v>
      </c>
      <c r="EE30" s="71">
        <v>18</v>
      </c>
      <c r="EF30" s="72">
        <v>47</v>
      </c>
      <c r="EG30" s="241"/>
      <c r="EH30" s="71">
        <v>17</v>
      </c>
      <c r="EI30" s="71">
        <v>19</v>
      </c>
      <c r="EJ30" s="71">
        <v>10</v>
      </c>
      <c r="EK30" s="71">
        <v>11</v>
      </c>
      <c r="EL30" s="71">
        <v>11</v>
      </c>
      <c r="EM30" s="72">
        <v>68</v>
      </c>
      <c r="EN30" s="73">
        <v>115</v>
      </c>
      <c r="EO30" s="70">
        <v>66</v>
      </c>
      <c r="EP30" s="71">
        <v>46</v>
      </c>
      <c r="EQ30" s="72">
        <v>112</v>
      </c>
      <c r="ER30" s="241"/>
      <c r="ES30" s="71">
        <v>46</v>
      </c>
      <c r="ET30" s="71">
        <v>26</v>
      </c>
      <c r="EU30" s="71">
        <v>32</v>
      </c>
      <c r="EV30" s="71">
        <v>19</v>
      </c>
      <c r="EW30" s="71">
        <v>23</v>
      </c>
      <c r="EX30" s="72">
        <v>146</v>
      </c>
      <c r="EY30" s="73">
        <v>258</v>
      </c>
      <c r="EZ30" s="70">
        <v>82</v>
      </c>
      <c r="FA30" s="71">
        <v>53</v>
      </c>
      <c r="FB30" s="72">
        <v>135</v>
      </c>
      <c r="FC30" s="241"/>
      <c r="FD30" s="71">
        <v>66</v>
      </c>
      <c r="FE30" s="71">
        <v>45</v>
      </c>
      <c r="FF30" s="71">
        <v>35</v>
      </c>
      <c r="FG30" s="71">
        <v>25</v>
      </c>
      <c r="FH30" s="71">
        <v>25</v>
      </c>
      <c r="FI30" s="72">
        <v>196</v>
      </c>
      <c r="FJ30" s="73">
        <v>331</v>
      </c>
      <c r="FK30" s="70">
        <v>48</v>
      </c>
      <c r="FL30" s="71">
        <v>36</v>
      </c>
      <c r="FM30" s="72">
        <v>84</v>
      </c>
      <c r="FN30" s="241"/>
      <c r="FO30" s="71">
        <v>63</v>
      </c>
      <c r="FP30" s="71">
        <v>60</v>
      </c>
      <c r="FQ30" s="71">
        <v>75</v>
      </c>
      <c r="FR30" s="71">
        <v>68</v>
      </c>
      <c r="FS30" s="71">
        <v>35</v>
      </c>
      <c r="FT30" s="72">
        <v>301</v>
      </c>
      <c r="FU30" s="73">
        <v>385</v>
      </c>
      <c r="FV30" s="70">
        <v>0</v>
      </c>
      <c r="FW30" s="71">
        <v>3</v>
      </c>
      <c r="FX30" s="72">
        <v>3</v>
      </c>
      <c r="FY30" s="241"/>
      <c r="FZ30" s="71">
        <v>4</v>
      </c>
      <c r="GA30" s="71">
        <v>3</v>
      </c>
      <c r="GB30" s="71">
        <v>1</v>
      </c>
      <c r="GC30" s="71">
        <v>1</v>
      </c>
      <c r="GD30" s="71">
        <v>3</v>
      </c>
      <c r="GE30" s="72">
        <v>12</v>
      </c>
      <c r="GF30" s="73">
        <v>15</v>
      </c>
      <c r="GG30" s="70">
        <v>245</v>
      </c>
      <c r="GH30" s="71">
        <v>167</v>
      </c>
      <c r="GI30" s="72">
        <v>412</v>
      </c>
      <c r="GJ30" s="241"/>
      <c r="GK30" s="71">
        <v>207</v>
      </c>
      <c r="GL30" s="71">
        <v>165</v>
      </c>
      <c r="GM30" s="71">
        <v>164</v>
      </c>
      <c r="GN30" s="71">
        <v>135</v>
      </c>
      <c r="GO30" s="71">
        <v>102</v>
      </c>
      <c r="GP30" s="72">
        <v>773</v>
      </c>
      <c r="GQ30" s="73">
        <v>1185</v>
      </c>
      <c r="GR30" s="123">
        <v>328</v>
      </c>
      <c r="GS30" s="82">
        <v>279</v>
      </c>
      <c r="GT30" s="83">
        <v>607</v>
      </c>
      <c r="GU30" s="241"/>
      <c r="GV30" s="82">
        <v>308</v>
      </c>
      <c r="GW30" s="82">
        <v>255</v>
      </c>
      <c r="GX30" s="82">
        <v>235</v>
      </c>
      <c r="GY30" s="82">
        <v>207</v>
      </c>
      <c r="GZ30" s="82">
        <v>129</v>
      </c>
      <c r="HA30" s="84">
        <v>1134</v>
      </c>
      <c r="HB30" s="85">
        <v>1741</v>
      </c>
      <c r="HC30" s="70">
        <v>6</v>
      </c>
      <c r="HD30" s="71">
        <v>5</v>
      </c>
      <c r="HE30" s="72">
        <v>11</v>
      </c>
      <c r="HF30" s="241"/>
      <c r="HG30" s="71">
        <v>2</v>
      </c>
      <c r="HH30" s="71">
        <v>5</v>
      </c>
      <c r="HI30" s="71">
        <v>4</v>
      </c>
      <c r="HJ30" s="71">
        <v>2</v>
      </c>
      <c r="HK30" s="71">
        <v>3</v>
      </c>
      <c r="HL30" s="72">
        <v>16</v>
      </c>
      <c r="HM30" s="73">
        <v>27</v>
      </c>
      <c r="HN30" s="70">
        <v>26</v>
      </c>
      <c r="HO30" s="71">
        <v>18</v>
      </c>
      <c r="HP30" s="72">
        <v>44</v>
      </c>
      <c r="HQ30" s="241"/>
      <c r="HR30" s="71">
        <v>21</v>
      </c>
      <c r="HS30" s="71">
        <v>30</v>
      </c>
      <c r="HT30" s="71">
        <v>15</v>
      </c>
      <c r="HU30" s="71">
        <v>23</v>
      </c>
      <c r="HV30" s="71">
        <v>6</v>
      </c>
      <c r="HW30" s="72">
        <v>95</v>
      </c>
      <c r="HX30" s="73">
        <v>139</v>
      </c>
      <c r="HY30" s="70">
        <v>41</v>
      </c>
      <c r="HZ30" s="71">
        <v>37</v>
      </c>
      <c r="IA30" s="72">
        <v>78</v>
      </c>
      <c r="IB30" s="241"/>
      <c r="IC30" s="71">
        <v>33</v>
      </c>
      <c r="ID30" s="71">
        <v>37</v>
      </c>
      <c r="IE30" s="71">
        <v>24</v>
      </c>
      <c r="IF30" s="71">
        <v>18</v>
      </c>
      <c r="IG30" s="71">
        <v>17</v>
      </c>
      <c r="IH30" s="72">
        <v>129</v>
      </c>
      <c r="II30" s="73">
        <v>207</v>
      </c>
      <c r="IJ30" s="70">
        <v>91</v>
      </c>
      <c r="IK30" s="71">
        <v>75</v>
      </c>
      <c r="IL30" s="72">
        <v>166</v>
      </c>
      <c r="IM30" s="241"/>
      <c r="IN30" s="71">
        <v>78</v>
      </c>
      <c r="IO30" s="71">
        <v>38</v>
      </c>
      <c r="IP30" s="71">
        <v>50</v>
      </c>
      <c r="IQ30" s="71">
        <v>32</v>
      </c>
      <c r="IR30" s="71">
        <v>28</v>
      </c>
      <c r="IS30" s="72">
        <v>226</v>
      </c>
      <c r="IT30" s="73">
        <v>392</v>
      </c>
      <c r="IU30" s="70">
        <v>103</v>
      </c>
      <c r="IV30" s="71">
        <v>83</v>
      </c>
      <c r="IW30" s="72">
        <v>186</v>
      </c>
      <c r="IX30" s="241"/>
      <c r="IY30" s="71">
        <v>92</v>
      </c>
      <c r="IZ30" s="71">
        <v>67</v>
      </c>
      <c r="JA30" s="71">
        <v>52</v>
      </c>
      <c r="JB30" s="71">
        <v>46</v>
      </c>
      <c r="JC30" s="71">
        <v>35</v>
      </c>
      <c r="JD30" s="72">
        <v>292</v>
      </c>
      <c r="JE30" s="73">
        <v>478</v>
      </c>
      <c r="JF30" s="70">
        <v>61</v>
      </c>
      <c r="JG30" s="71">
        <v>61</v>
      </c>
      <c r="JH30" s="72">
        <v>122</v>
      </c>
      <c r="JI30" s="241"/>
      <c r="JJ30" s="71">
        <v>82</v>
      </c>
      <c r="JK30" s="71">
        <v>78</v>
      </c>
      <c r="JL30" s="71">
        <v>90</v>
      </c>
      <c r="JM30" s="71">
        <v>86</v>
      </c>
      <c r="JN30" s="71">
        <v>40</v>
      </c>
      <c r="JO30" s="72">
        <v>376</v>
      </c>
      <c r="JP30" s="73">
        <v>498</v>
      </c>
      <c r="JQ30" s="70">
        <v>1</v>
      </c>
      <c r="JR30" s="71">
        <v>5</v>
      </c>
      <c r="JS30" s="72">
        <v>6</v>
      </c>
      <c r="JT30" s="241"/>
      <c r="JU30" s="71">
        <v>8</v>
      </c>
      <c r="JV30" s="71">
        <v>6</v>
      </c>
      <c r="JW30" s="71">
        <v>6</v>
      </c>
      <c r="JX30" s="71">
        <v>1</v>
      </c>
      <c r="JY30" s="71">
        <v>5</v>
      </c>
      <c r="JZ30" s="72">
        <v>26</v>
      </c>
      <c r="KA30" s="73">
        <v>32</v>
      </c>
      <c r="KB30" s="70">
        <v>329</v>
      </c>
      <c r="KC30" s="71">
        <v>284</v>
      </c>
      <c r="KD30" s="72">
        <v>613</v>
      </c>
      <c r="KE30" s="241"/>
      <c r="KF30" s="71">
        <v>316</v>
      </c>
      <c r="KG30" s="71">
        <v>261</v>
      </c>
      <c r="KH30" s="71">
        <v>241</v>
      </c>
      <c r="KI30" s="71">
        <v>208</v>
      </c>
      <c r="KJ30" s="71">
        <v>134</v>
      </c>
      <c r="KK30" s="72">
        <v>1160</v>
      </c>
      <c r="KL30" s="73">
        <v>1773</v>
      </c>
    </row>
    <row r="31" spans="1:298" ht="19.5" customHeight="1" x14ac:dyDescent="0.2">
      <c r="A31" s="126" t="s">
        <v>28</v>
      </c>
      <c r="B31" s="316">
        <v>14</v>
      </c>
      <c r="C31" s="82">
        <v>15</v>
      </c>
      <c r="D31" s="83">
        <v>29</v>
      </c>
      <c r="E31" s="241"/>
      <c r="F31" s="82">
        <v>37</v>
      </c>
      <c r="G31" s="82">
        <v>48</v>
      </c>
      <c r="H31" s="82">
        <v>22</v>
      </c>
      <c r="I31" s="82">
        <v>21</v>
      </c>
      <c r="J31" s="82">
        <v>11</v>
      </c>
      <c r="K31" s="84">
        <v>139</v>
      </c>
      <c r="L31" s="85">
        <v>168</v>
      </c>
      <c r="M31" s="70">
        <v>0</v>
      </c>
      <c r="N31" s="71">
        <v>2</v>
      </c>
      <c r="O31" s="72">
        <v>2</v>
      </c>
      <c r="P31" s="241"/>
      <c r="Q31" s="71">
        <v>1</v>
      </c>
      <c r="R31" s="71">
        <v>1</v>
      </c>
      <c r="S31" s="71">
        <v>2</v>
      </c>
      <c r="T31" s="71">
        <v>0</v>
      </c>
      <c r="U31" s="71">
        <v>2</v>
      </c>
      <c r="V31" s="72">
        <v>6</v>
      </c>
      <c r="W31" s="73">
        <v>8</v>
      </c>
      <c r="X31" s="70">
        <v>1</v>
      </c>
      <c r="Y31" s="71">
        <v>3</v>
      </c>
      <c r="Z31" s="72">
        <v>4</v>
      </c>
      <c r="AA31" s="241"/>
      <c r="AB31" s="71">
        <v>3</v>
      </c>
      <c r="AC31" s="71">
        <v>10</v>
      </c>
      <c r="AD31" s="71">
        <v>2</v>
      </c>
      <c r="AE31" s="71">
        <v>3</v>
      </c>
      <c r="AF31" s="71">
        <v>0</v>
      </c>
      <c r="AG31" s="72">
        <v>18</v>
      </c>
      <c r="AH31" s="73">
        <v>22</v>
      </c>
      <c r="AI31" s="70">
        <v>4</v>
      </c>
      <c r="AJ31" s="71">
        <v>3</v>
      </c>
      <c r="AK31" s="72">
        <v>7</v>
      </c>
      <c r="AL31" s="241"/>
      <c r="AM31" s="71">
        <v>5</v>
      </c>
      <c r="AN31" s="71">
        <v>7</v>
      </c>
      <c r="AO31" s="71">
        <v>3</v>
      </c>
      <c r="AP31" s="71">
        <v>4</v>
      </c>
      <c r="AQ31" s="71">
        <v>2</v>
      </c>
      <c r="AR31" s="72">
        <v>21</v>
      </c>
      <c r="AS31" s="73">
        <v>28</v>
      </c>
      <c r="AT31" s="70">
        <v>5</v>
      </c>
      <c r="AU31" s="71">
        <v>3</v>
      </c>
      <c r="AV31" s="72">
        <v>8</v>
      </c>
      <c r="AW31" s="241"/>
      <c r="AX31" s="71">
        <v>6</v>
      </c>
      <c r="AY31" s="71">
        <v>8</v>
      </c>
      <c r="AZ31" s="71">
        <v>2</v>
      </c>
      <c r="BA31" s="71">
        <v>2</v>
      </c>
      <c r="BB31" s="71">
        <v>3</v>
      </c>
      <c r="BC31" s="72">
        <v>21</v>
      </c>
      <c r="BD31" s="73">
        <v>29</v>
      </c>
      <c r="BE31" s="70">
        <v>3</v>
      </c>
      <c r="BF31" s="71">
        <v>3</v>
      </c>
      <c r="BG31" s="72">
        <v>6</v>
      </c>
      <c r="BH31" s="241"/>
      <c r="BI31" s="71">
        <v>17</v>
      </c>
      <c r="BJ31" s="71">
        <v>6</v>
      </c>
      <c r="BK31" s="71">
        <v>5</v>
      </c>
      <c r="BL31" s="71">
        <v>8</v>
      </c>
      <c r="BM31" s="71">
        <v>2</v>
      </c>
      <c r="BN31" s="72">
        <v>38</v>
      </c>
      <c r="BO31" s="73">
        <v>44</v>
      </c>
      <c r="BP31" s="70">
        <v>1</v>
      </c>
      <c r="BQ31" s="71">
        <v>1</v>
      </c>
      <c r="BR31" s="72">
        <v>2</v>
      </c>
      <c r="BS31" s="241"/>
      <c r="BT31" s="71">
        <v>5</v>
      </c>
      <c r="BU31" s="71">
        <v>16</v>
      </c>
      <c r="BV31" s="71">
        <v>8</v>
      </c>
      <c r="BW31" s="71">
        <v>4</v>
      </c>
      <c r="BX31" s="71">
        <v>2</v>
      </c>
      <c r="BY31" s="72">
        <v>35</v>
      </c>
      <c r="BZ31" s="73">
        <v>37</v>
      </c>
      <c r="CA31" s="70">
        <v>0</v>
      </c>
      <c r="CB31" s="71">
        <v>1</v>
      </c>
      <c r="CC31" s="72">
        <v>1</v>
      </c>
      <c r="CD31" s="241"/>
      <c r="CE31" s="71">
        <v>0</v>
      </c>
      <c r="CF31" s="71">
        <v>1</v>
      </c>
      <c r="CG31" s="71">
        <v>0</v>
      </c>
      <c r="CH31" s="71">
        <v>1</v>
      </c>
      <c r="CI31" s="71">
        <v>2</v>
      </c>
      <c r="CJ31" s="72">
        <v>4</v>
      </c>
      <c r="CK31" s="73">
        <v>5</v>
      </c>
      <c r="CL31" s="70">
        <v>14</v>
      </c>
      <c r="CM31" s="71">
        <v>16</v>
      </c>
      <c r="CN31" s="72">
        <v>30</v>
      </c>
      <c r="CO31" s="241"/>
      <c r="CP31" s="71">
        <v>37</v>
      </c>
      <c r="CQ31" s="71">
        <v>49</v>
      </c>
      <c r="CR31" s="71">
        <v>22</v>
      </c>
      <c r="CS31" s="71">
        <v>22</v>
      </c>
      <c r="CT31" s="71">
        <v>13</v>
      </c>
      <c r="CU31" s="72">
        <v>143</v>
      </c>
      <c r="CV31" s="73">
        <v>173</v>
      </c>
      <c r="CW31" s="123">
        <v>23</v>
      </c>
      <c r="CX31" s="82">
        <v>34</v>
      </c>
      <c r="CY31" s="83">
        <v>57</v>
      </c>
      <c r="CZ31" s="241"/>
      <c r="DA31" s="82">
        <v>54</v>
      </c>
      <c r="DB31" s="82">
        <v>69</v>
      </c>
      <c r="DC31" s="82">
        <v>44</v>
      </c>
      <c r="DD31" s="82">
        <v>53</v>
      </c>
      <c r="DE31" s="82">
        <v>32</v>
      </c>
      <c r="DF31" s="84">
        <v>252</v>
      </c>
      <c r="DG31" s="85">
        <v>309</v>
      </c>
      <c r="DH31" s="70">
        <v>4</v>
      </c>
      <c r="DI31" s="71">
        <v>4</v>
      </c>
      <c r="DJ31" s="72">
        <v>8</v>
      </c>
      <c r="DK31" s="241"/>
      <c r="DL31" s="71">
        <v>2</v>
      </c>
      <c r="DM31" s="71">
        <v>2</v>
      </c>
      <c r="DN31" s="71">
        <v>0</v>
      </c>
      <c r="DO31" s="71">
        <v>0</v>
      </c>
      <c r="DP31" s="71">
        <v>0</v>
      </c>
      <c r="DQ31" s="72">
        <v>4</v>
      </c>
      <c r="DR31" s="73">
        <v>12</v>
      </c>
      <c r="DS31" s="70">
        <v>2</v>
      </c>
      <c r="DT31" s="71">
        <v>3</v>
      </c>
      <c r="DU31" s="72">
        <v>5</v>
      </c>
      <c r="DV31" s="241"/>
      <c r="DW31" s="71">
        <v>2</v>
      </c>
      <c r="DX31" s="71">
        <v>3</v>
      </c>
      <c r="DY31" s="71">
        <v>1</v>
      </c>
      <c r="DZ31" s="71">
        <v>3</v>
      </c>
      <c r="EA31" s="71">
        <v>0</v>
      </c>
      <c r="EB31" s="72">
        <v>9</v>
      </c>
      <c r="EC31" s="73">
        <v>14</v>
      </c>
      <c r="ED31" s="70">
        <v>6</v>
      </c>
      <c r="EE31" s="71">
        <v>6</v>
      </c>
      <c r="EF31" s="72">
        <v>12</v>
      </c>
      <c r="EG31" s="241"/>
      <c r="EH31" s="71">
        <v>9</v>
      </c>
      <c r="EI31" s="71">
        <v>5</v>
      </c>
      <c r="EJ31" s="71">
        <v>9</v>
      </c>
      <c r="EK31" s="71">
        <v>5</v>
      </c>
      <c r="EL31" s="71">
        <v>4</v>
      </c>
      <c r="EM31" s="72">
        <v>32</v>
      </c>
      <c r="EN31" s="73">
        <v>44</v>
      </c>
      <c r="EO31" s="70">
        <v>7</v>
      </c>
      <c r="EP31" s="71">
        <v>8</v>
      </c>
      <c r="EQ31" s="72">
        <v>15</v>
      </c>
      <c r="ER31" s="241"/>
      <c r="ES31" s="71">
        <v>13</v>
      </c>
      <c r="ET31" s="71">
        <v>20</v>
      </c>
      <c r="EU31" s="71">
        <v>4</v>
      </c>
      <c r="EV31" s="71">
        <v>7</v>
      </c>
      <c r="EW31" s="71">
        <v>10</v>
      </c>
      <c r="EX31" s="72">
        <v>54</v>
      </c>
      <c r="EY31" s="73">
        <v>69</v>
      </c>
      <c r="EZ31" s="70">
        <v>4</v>
      </c>
      <c r="FA31" s="71">
        <v>7</v>
      </c>
      <c r="FB31" s="72">
        <v>11</v>
      </c>
      <c r="FC31" s="241"/>
      <c r="FD31" s="71">
        <v>17</v>
      </c>
      <c r="FE31" s="71">
        <v>19</v>
      </c>
      <c r="FF31" s="71">
        <v>8</v>
      </c>
      <c r="FG31" s="71">
        <v>17</v>
      </c>
      <c r="FH31" s="71">
        <v>6</v>
      </c>
      <c r="FI31" s="72">
        <v>67</v>
      </c>
      <c r="FJ31" s="73">
        <v>78</v>
      </c>
      <c r="FK31" s="70">
        <v>0</v>
      </c>
      <c r="FL31" s="71">
        <v>6</v>
      </c>
      <c r="FM31" s="72">
        <v>6</v>
      </c>
      <c r="FN31" s="241"/>
      <c r="FO31" s="71">
        <v>11</v>
      </c>
      <c r="FP31" s="71">
        <v>20</v>
      </c>
      <c r="FQ31" s="71">
        <v>22</v>
      </c>
      <c r="FR31" s="71">
        <v>21</v>
      </c>
      <c r="FS31" s="71">
        <v>12</v>
      </c>
      <c r="FT31" s="72">
        <v>86</v>
      </c>
      <c r="FU31" s="73">
        <v>92</v>
      </c>
      <c r="FV31" s="70">
        <v>0</v>
      </c>
      <c r="FW31" s="71">
        <v>1</v>
      </c>
      <c r="FX31" s="72">
        <v>1</v>
      </c>
      <c r="FY31" s="241"/>
      <c r="FZ31" s="71">
        <v>1</v>
      </c>
      <c r="GA31" s="71">
        <v>1</v>
      </c>
      <c r="GB31" s="71">
        <v>0</v>
      </c>
      <c r="GC31" s="71">
        <v>1</v>
      </c>
      <c r="GD31" s="71">
        <v>2</v>
      </c>
      <c r="GE31" s="72">
        <v>5</v>
      </c>
      <c r="GF31" s="73">
        <v>6</v>
      </c>
      <c r="GG31" s="70">
        <v>23</v>
      </c>
      <c r="GH31" s="71">
        <v>35</v>
      </c>
      <c r="GI31" s="72">
        <v>58</v>
      </c>
      <c r="GJ31" s="241"/>
      <c r="GK31" s="71">
        <v>55</v>
      </c>
      <c r="GL31" s="71">
        <v>70</v>
      </c>
      <c r="GM31" s="71">
        <v>44</v>
      </c>
      <c r="GN31" s="71">
        <v>54</v>
      </c>
      <c r="GO31" s="71">
        <v>34</v>
      </c>
      <c r="GP31" s="72">
        <v>257</v>
      </c>
      <c r="GQ31" s="73">
        <v>315</v>
      </c>
      <c r="GR31" s="123">
        <v>37</v>
      </c>
      <c r="GS31" s="82">
        <v>49</v>
      </c>
      <c r="GT31" s="83">
        <v>86</v>
      </c>
      <c r="GU31" s="241"/>
      <c r="GV31" s="82">
        <v>91</v>
      </c>
      <c r="GW31" s="82">
        <v>117</v>
      </c>
      <c r="GX31" s="82">
        <v>66</v>
      </c>
      <c r="GY31" s="82">
        <v>74</v>
      </c>
      <c r="GZ31" s="82">
        <v>43</v>
      </c>
      <c r="HA31" s="84">
        <v>391</v>
      </c>
      <c r="HB31" s="85">
        <v>477</v>
      </c>
      <c r="HC31" s="70">
        <v>4</v>
      </c>
      <c r="HD31" s="71">
        <v>6</v>
      </c>
      <c r="HE31" s="72">
        <v>10</v>
      </c>
      <c r="HF31" s="241"/>
      <c r="HG31" s="71">
        <v>3</v>
      </c>
      <c r="HH31" s="71">
        <v>3</v>
      </c>
      <c r="HI31" s="71">
        <v>2</v>
      </c>
      <c r="HJ31" s="71">
        <v>0</v>
      </c>
      <c r="HK31" s="71">
        <v>2</v>
      </c>
      <c r="HL31" s="72">
        <v>10</v>
      </c>
      <c r="HM31" s="73">
        <v>20</v>
      </c>
      <c r="HN31" s="70">
        <v>3</v>
      </c>
      <c r="HO31" s="71">
        <v>6</v>
      </c>
      <c r="HP31" s="72">
        <v>9</v>
      </c>
      <c r="HQ31" s="241"/>
      <c r="HR31" s="71">
        <v>5</v>
      </c>
      <c r="HS31" s="71">
        <v>13</v>
      </c>
      <c r="HT31" s="71">
        <v>3</v>
      </c>
      <c r="HU31" s="71">
        <v>6</v>
      </c>
      <c r="HV31" s="71">
        <v>0</v>
      </c>
      <c r="HW31" s="72">
        <v>27</v>
      </c>
      <c r="HX31" s="73">
        <v>36</v>
      </c>
      <c r="HY31" s="70">
        <v>10</v>
      </c>
      <c r="HZ31" s="71">
        <v>9</v>
      </c>
      <c r="IA31" s="72">
        <v>19</v>
      </c>
      <c r="IB31" s="241"/>
      <c r="IC31" s="71">
        <v>14</v>
      </c>
      <c r="ID31" s="71">
        <v>12</v>
      </c>
      <c r="IE31" s="71">
        <v>12</v>
      </c>
      <c r="IF31" s="71">
        <v>9</v>
      </c>
      <c r="IG31" s="71">
        <v>6</v>
      </c>
      <c r="IH31" s="72">
        <v>53</v>
      </c>
      <c r="II31" s="73">
        <v>72</v>
      </c>
      <c r="IJ31" s="70">
        <v>12</v>
      </c>
      <c r="IK31" s="71">
        <v>11</v>
      </c>
      <c r="IL31" s="72">
        <v>23</v>
      </c>
      <c r="IM31" s="241"/>
      <c r="IN31" s="71">
        <v>19</v>
      </c>
      <c r="IO31" s="71">
        <v>28</v>
      </c>
      <c r="IP31" s="71">
        <v>6</v>
      </c>
      <c r="IQ31" s="71">
        <v>9</v>
      </c>
      <c r="IR31" s="71">
        <v>13</v>
      </c>
      <c r="IS31" s="72">
        <v>75</v>
      </c>
      <c r="IT31" s="73">
        <v>98</v>
      </c>
      <c r="IU31" s="70">
        <v>7</v>
      </c>
      <c r="IV31" s="71">
        <v>10</v>
      </c>
      <c r="IW31" s="72">
        <v>17</v>
      </c>
      <c r="IX31" s="241"/>
      <c r="IY31" s="71">
        <v>34</v>
      </c>
      <c r="IZ31" s="71">
        <v>25</v>
      </c>
      <c r="JA31" s="71">
        <v>13</v>
      </c>
      <c r="JB31" s="71">
        <v>25</v>
      </c>
      <c r="JC31" s="71">
        <v>8</v>
      </c>
      <c r="JD31" s="72">
        <v>105</v>
      </c>
      <c r="JE31" s="73">
        <v>122</v>
      </c>
      <c r="JF31" s="70">
        <v>1</v>
      </c>
      <c r="JG31" s="71">
        <v>7</v>
      </c>
      <c r="JH31" s="72">
        <v>8</v>
      </c>
      <c r="JI31" s="241"/>
      <c r="JJ31" s="71">
        <v>16</v>
      </c>
      <c r="JK31" s="71">
        <v>36</v>
      </c>
      <c r="JL31" s="71">
        <v>30</v>
      </c>
      <c r="JM31" s="71">
        <v>25</v>
      </c>
      <c r="JN31" s="71">
        <v>14</v>
      </c>
      <c r="JO31" s="72">
        <v>121</v>
      </c>
      <c r="JP31" s="73">
        <v>129</v>
      </c>
      <c r="JQ31" s="70">
        <v>0</v>
      </c>
      <c r="JR31" s="71">
        <v>2</v>
      </c>
      <c r="JS31" s="72">
        <v>2</v>
      </c>
      <c r="JT31" s="241"/>
      <c r="JU31" s="71">
        <v>1</v>
      </c>
      <c r="JV31" s="71">
        <v>2</v>
      </c>
      <c r="JW31" s="71">
        <v>0</v>
      </c>
      <c r="JX31" s="71">
        <v>2</v>
      </c>
      <c r="JY31" s="71">
        <v>4</v>
      </c>
      <c r="JZ31" s="72">
        <v>9</v>
      </c>
      <c r="KA31" s="73">
        <v>11</v>
      </c>
      <c r="KB31" s="70">
        <v>37</v>
      </c>
      <c r="KC31" s="71">
        <v>51</v>
      </c>
      <c r="KD31" s="72">
        <v>88</v>
      </c>
      <c r="KE31" s="241"/>
      <c r="KF31" s="71">
        <v>92</v>
      </c>
      <c r="KG31" s="71">
        <v>119</v>
      </c>
      <c r="KH31" s="71">
        <v>66</v>
      </c>
      <c r="KI31" s="71">
        <v>76</v>
      </c>
      <c r="KJ31" s="71">
        <v>47</v>
      </c>
      <c r="KK31" s="72">
        <v>400</v>
      </c>
      <c r="KL31" s="73">
        <v>488</v>
      </c>
    </row>
    <row r="32" spans="1:298" ht="19.5" customHeight="1" x14ac:dyDescent="0.2">
      <c r="A32" s="126" t="s">
        <v>29</v>
      </c>
      <c r="B32" s="316">
        <v>27</v>
      </c>
      <c r="C32" s="82">
        <v>20</v>
      </c>
      <c r="D32" s="83">
        <v>47</v>
      </c>
      <c r="E32" s="241"/>
      <c r="F32" s="82">
        <v>45</v>
      </c>
      <c r="G32" s="82">
        <v>52</v>
      </c>
      <c r="H32" s="82">
        <v>41</v>
      </c>
      <c r="I32" s="82">
        <v>45</v>
      </c>
      <c r="J32" s="82">
        <v>13</v>
      </c>
      <c r="K32" s="84">
        <v>196</v>
      </c>
      <c r="L32" s="85">
        <v>243</v>
      </c>
      <c r="M32" s="70">
        <v>2</v>
      </c>
      <c r="N32" s="71">
        <v>1</v>
      </c>
      <c r="O32" s="72">
        <v>3</v>
      </c>
      <c r="P32" s="241"/>
      <c r="Q32" s="71">
        <v>3</v>
      </c>
      <c r="R32" s="71">
        <v>2</v>
      </c>
      <c r="S32" s="71">
        <v>6</v>
      </c>
      <c r="T32" s="71">
        <v>1</v>
      </c>
      <c r="U32" s="71">
        <v>0</v>
      </c>
      <c r="V32" s="72">
        <v>12</v>
      </c>
      <c r="W32" s="73">
        <v>15</v>
      </c>
      <c r="X32" s="70">
        <v>3</v>
      </c>
      <c r="Y32" s="71">
        <v>4</v>
      </c>
      <c r="Z32" s="72">
        <v>7</v>
      </c>
      <c r="AA32" s="241"/>
      <c r="AB32" s="71">
        <v>9</v>
      </c>
      <c r="AC32" s="71">
        <v>4</v>
      </c>
      <c r="AD32" s="71">
        <v>1</v>
      </c>
      <c r="AE32" s="71">
        <v>7</v>
      </c>
      <c r="AF32" s="71">
        <v>2</v>
      </c>
      <c r="AG32" s="72">
        <v>23</v>
      </c>
      <c r="AH32" s="73">
        <v>30</v>
      </c>
      <c r="AI32" s="70">
        <v>9</v>
      </c>
      <c r="AJ32" s="71">
        <v>5</v>
      </c>
      <c r="AK32" s="72">
        <v>14</v>
      </c>
      <c r="AL32" s="241"/>
      <c r="AM32" s="71">
        <v>8</v>
      </c>
      <c r="AN32" s="71">
        <v>10</v>
      </c>
      <c r="AO32" s="71">
        <v>6</v>
      </c>
      <c r="AP32" s="71">
        <v>5</v>
      </c>
      <c r="AQ32" s="71">
        <v>1</v>
      </c>
      <c r="AR32" s="72">
        <v>30</v>
      </c>
      <c r="AS32" s="73">
        <v>44</v>
      </c>
      <c r="AT32" s="70">
        <v>7</v>
      </c>
      <c r="AU32" s="71">
        <v>4</v>
      </c>
      <c r="AV32" s="72">
        <v>11</v>
      </c>
      <c r="AW32" s="241"/>
      <c r="AX32" s="71">
        <v>7</v>
      </c>
      <c r="AY32" s="71">
        <v>13</v>
      </c>
      <c r="AZ32" s="71">
        <v>10</v>
      </c>
      <c r="BA32" s="71">
        <v>12</v>
      </c>
      <c r="BB32" s="71">
        <v>2</v>
      </c>
      <c r="BC32" s="72">
        <v>44</v>
      </c>
      <c r="BD32" s="73">
        <v>55</v>
      </c>
      <c r="BE32" s="70">
        <v>4</v>
      </c>
      <c r="BF32" s="71">
        <v>3</v>
      </c>
      <c r="BG32" s="72">
        <v>7</v>
      </c>
      <c r="BH32" s="241"/>
      <c r="BI32" s="71">
        <v>11</v>
      </c>
      <c r="BJ32" s="71">
        <v>11</v>
      </c>
      <c r="BK32" s="71">
        <v>9</v>
      </c>
      <c r="BL32" s="71">
        <v>17</v>
      </c>
      <c r="BM32" s="71">
        <v>5</v>
      </c>
      <c r="BN32" s="72">
        <v>53</v>
      </c>
      <c r="BO32" s="73">
        <v>60</v>
      </c>
      <c r="BP32" s="70">
        <v>2</v>
      </c>
      <c r="BQ32" s="71">
        <v>3</v>
      </c>
      <c r="BR32" s="72">
        <v>5</v>
      </c>
      <c r="BS32" s="241"/>
      <c r="BT32" s="71">
        <v>7</v>
      </c>
      <c r="BU32" s="71">
        <v>12</v>
      </c>
      <c r="BV32" s="71">
        <v>9</v>
      </c>
      <c r="BW32" s="71">
        <v>3</v>
      </c>
      <c r="BX32" s="71">
        <v>3</v>
      </c>
      <c r="BY32" s="72">
        <v>34</v>
      </c>
      <c r="BZ32" s="73">
        <v>39</v>
      </c>
      <c r="CA32" s="70">
        <v>1</v>
      </c>
      <c r="CB32" s="71">
        <v>2</v>
      </c>
      <c r="CC32" s="72">
        <v>3</v>
      </c>
      <c r="CD32" s="241"/>
      <c r="CE32" s="71">
        <v>1</v>
      </c>
      <c r="CF32" s="71">
        <v>3</v>
      </c>
      <c r="CG32" s="71">
        <v>2</v>
      </c>
      <c r="CH32" s="71">
        <v>1</v>
      </c>
      <c r="CI32" s="71">
        <v>1</v>
      </c>
      <c r="CJ32" s="72">
        <v>8</v>
      </c>
      <c r="CK32" s="73">
        <v>11</v>
      </c>
      <c r="CL32" s="70">
        <v>28</v>
      </c>
      <c r="CM32" s="71">
        <v>22</v>
      </c>
      <c r="CN32" s="72">
        <v>50</v>
      </c>
      <c r="CO32" s="241"/>
      <c r="CP32" s="71">
        <v>46</v>
      </c>
      <c r="CQ32" s="71">
        <v>55</v>
      </c>
      <c r="CR32" s="71">
        <v>43</v>
      </c>
      <c r="CS32" s="71">
        <v>46</v>
      </c>
      <c r="CT32" s="71">
        <v>14</v>
      </c>
      <c r="CU32" s="72">
        <v>204</v>
      </c>
      <c r="CV32" s="73">
        <v>254</v>
      </c>
      <c r="CW32" s="123">
        <v>44</v>
      </c>
      <c r="CX32" s="82">
        <v>48</v>
      </c>
      <c r="CY32" s="83">
        <v>92</v>
      </c>
      <c r="CZ32" s="241"/>
      <c r="DA32" s="82">
        <v>83</v>
      </c>
      <c r="DB32" s="82">
        <v>77</v>
      </c>
      <c r="DC32" s="82">
        <v>57</v>
      </c>
      <c r="DD32" s="82">
        <v>76</v>
      </c>
      <c r="DE32" s="82">
        <v>56</v>
      </c>
      <c r="DF32" s="84">
        <v>349</v>
      </c>
      <c r="DG32" s="85">
        <v>441</v>
      </c>
      <c r="DH32" s="70">
        <v>1</v>
      </c>
      <c r="DI32" s="71">
        <v>3</v>
      </c>
      <c r="DJ32" s="72">
        <v>4</v>
      </c>
      <c r="DK32" s="241"/>
      <c r="DL32" s="71">
        <v>3</v>
      </c>
      <c r="DM32" s="71">
        <v>4</v>
      </c>
      <c r="DN32" s="71">
        <v>0</v>
      </c>
      <c r="DO32" s="71">
        <v>2</v>
      </c>
      <c r="DP32" s="71">
        <v>3</v>
      </c>
      <c r="DQ32" s="72">
        <v>12</v>
      </c>
      <c r="DR32" s="73">
        <v>16</v>
      </c>
      <c r="DS32" s="70">
        <v>4</v>
      </c>
      <c r="DT32" s="71">
        <v>1</v>
      </c>
      <c r="DU32" s="72">
        <v>5</v>
      </c>
      <c r="DV32" s="241"/>
      <c r="DW32" s="71">
        <v>4</v>
      </c>
      <c r="DX32" s="71">
        <v>4</v>
      </c>
      <c r="DY32" s="71">
        <v>5</v>
      </c>
      <c r="DZ32" s="71">
        <v>3</v>
      </c>
      <c r="EA32" s="71">
        <v>2</v>
      </c>
      <c r="EB32" s="72">
        <v>18</v>
      </c>
      <c r="EC32" s="73">
        <v>23</v>
      </c>
      <c r="ED32" s="70">
        <v>8</v>
      </c>
      <c r="EE32" s="71">
        <v>9</v>
      </c>
      <c r="EF32" s="72">
        <v>17</v>
      </c>
      <c r="EG32" s="241"/>
      <c r="EH32" s="71">
        <v>12</v>
      </c>
      <c r="EI32" s="71">
        <v>7</v>
      </c>
      <c r="EJ32" s="71">
        <v>3</v>
      </c>
      <c r="EK32" s="71">
        <v>7</v>
      </c>
      <c r="EL32" s="71">
        <v>7</v>
      </c>
      <c r="EM32" s="72">
        <v>36</v>
      </c>
      <c r="EN32" s="73">
        <v>53</v>
      </c>
      <c r="EO32" s="70">
        <v>9</v>
      </c>
      <c r="EP32" s="71">
        <v>15</v>
      </c>
      <c r="EQ32" s="72">
        <v>24</v>
      </c>
      <c r="ER32" s="241"/>
      <c r="ES32" s="71">
        <v>22</v>
      </c>
      <c r="ET32" s="71">
        <v>18</v>
      </c>
      <c r="EU32" s="71">
        <v>10</v>
      </c>
      <c r="EV32" s="71">
        <v>16</v>
      </c>
      <c r="EW32" s="71">
        <v>7</v>
      </c>
      <c r="EX32" s="72">
        <v>73</v>
      </c>
      <c r="EY32" s="73">
        <v>97</v>
      </c>
      <c r="EZ32" s="70">
        <v>15</v>
      </c>
      <c r="FA32" s="71">
        <v>13</v>
      </c>
      <c r="FB32" s="72">
        <v>28</v>
      </c>
      <c r="FC32" s="241"/>
      <c r="FD32" s="71">
        <v>30</v>
      </c>
      <c r="FE32" s="71">
        <v>15</v>
      </c>
      <c r="FF32" s="71">
        <v>16</v>
      </c>
      <c r="FG32" s="71">
        <v>22</v>
      </c>
      <c r="FH32" s="71">
        <v>15</v>
      </c>
      <c r="FI32" s="72">
        <v>98</v>
      </c>
      <c r="FJ32" s="73">
        <v>126</v>
      </c>
      <c r="FK32" s="70">
        <v>7</v>
      </c>
      <c r="FL32" s="71">
        <v>7</v>
      </c>
      <c r="FM32" s="72">
        <v>14</v>
      </c>
      <c r="FN32" s="241"/>
      <c r="FO32" s="71">
        <v>12</v>
      </c>
      <c r="FP32" s="71">
        <v>29</v>
      </c>
      <c r="FQ32" s="71">
        <v>23</v>
      </c>
      <c r="FR32" s="71">
        <v>26</v>
      </c>
      <c r="FS32" s="71">
        <v>22</v>
      </c>
      <c r="FT32" s="72">
        <v>112</v>
      </c>
      <c r="FU32" s="73">
        <v>126</v>
      </c>
      <c r="FV32" s="70">
        <v>1</v>
      </c>
      <c r="FW32" s="71">
        <v>1</v>
      </c>
      <c r="FX32" s="72">
        <v>2</v>
      </c>
      <c r="FY32" s="241"/>
      <c r="FZ32" s="71">
        <v>1</v>
      </c>
      <c r="GA32" s="71">
        <v>1</v>
      </c>
      <c r="GB32" s="71">
        <v>0</v>
      </c>
      <c r="GC32" s="71">
        <v>0</v>
      </c>
      <c r="GD32" s="71">
        <v>0</v>
      </c>
      <c r="GE32" s="72">
        <v>2</v>
      </c>
      <c r="GF32" s="73">
        <v>4</v>
      </c>
      <c r="GG32" s="70">
        <v>45</v>
      </c>
      <c r="GH32" s="71">
        <v>49</v>
      </c>
      <c r="GI32" s="72">
        <v>94</v>
      </c>
      <c r="GJ32" s="241"/>
      <c r="GK32" s="71">
        <v>84</v>
      </c>
      <c r="GL32" s="71">
        <v>78</v>
      </c>
      <c r="GM32" s="71">
        <v>57</v>
      </c>
      <c r="GN32" s="71">
        <v>76</v>
      </c>
      <c r="GO32" s="71">
        <v>56</v>
      </c>
      <c r="GP32" s="72">
        <v>351</v>
      </c>
      <c r="GQ32" s="73">
        <v>445</v>
      </c>
      <c r="GR32" s="123">
        <v>71</v>
      </c>
      <c r="GS32" s="82">
        <v>68</v>
      </c>
      <c r="GT32" s="83">
        <v>139</v>
      </c>
      <c r="GU32" s="241"/>
      <c r="GV32" s="82">
        <v>128</v>
      </c>
      <c r="GW32" s="82">
        <v>129</v>
      </c>
      <c r="GX32" s="82">
        <v>98</v>
      </c>
      <c r="GY32" s="82">
        <v>121</v>
      </c>
      <c r="GZ32" s="82">
        <v>69</v>
      </c>
      <c r="HA32" s="84">
        <v>545</v>
      </c>
      <c r="HB32" s="85">
        <v>684</v>
      </c>
      <c r="HC32" s="70">
        <v>3</v>
      </c>
      <c r="HD32" s="71">
        <v>4</v>
      </c>
      <c r="HE32" s="72">
        <v>7</v>
      </c>
      <c r="HF32" s="241"/>
      <c r="HG32" s="71">
        <v>6</v>
      </c>
      <c r="HH32" s="71">
        <v>6</v>
      </c>
      <c r="HI32" s="71">
        <v>6</v>
      </c>
      <c r="HJ32" s="71">
        <v>3</v>
      </c>
      <c r="HK32" s="71">
        <v>3</v>
      </c>
      <c r="HL32" s="72">
        <v>24</v>
      </c>
      <c r="HM32" s="73">
        <v>31</v>
      </c>
      <c r="HN32" s="70">
        <v>7</v>
      </c>
      <c r="HO32" s="71">
        <v>5</v>
      </c>
      <c r="HP32" s="72">
        <v>12</v>
      </c>
      <c r="HQ32" s="241"/>
      <c r="HR32" s="71">
        <v>13</v>
      </c>
      <c r="HS32" s="71">
        <v>8</v>
      </c>
      <c r="HT32" s="71">
        <v>6</v>
      </c>
      <c r="HU32" s="71">
        <v>10</v>
      </c>
      <c r="HV32" s="71">
        <v>4</v>
      </c>
      <c r="HW32" s="72">
        <v>41</v>
      </c>
      <c r="HX32" s="73">
        <v>53</v>
      </c>
      <c r="HY32" s="70">
        <v>17</v>
      </c>
      <c r="HZ32" s="71">
        <v>14</v>
      </c>
      <c r="IA32" s="72">
        <v>31</v>
      </c>
      <c r="IB32" s="241"/>
      <c r="IC32" s="71">
        <v>20</v>
      </c>
      <c r="ID32" s="71">
        <v>17</v>
      </c>
      <c r="IE32" s="71">
        <v>9</v>
      </c>
      <c r="IF32" s="71">
        <v>12</v>
      </c>
      <c r="IG32" s="71">
        <v>8</v>
      </c>
      <c r="IH32" s="72">
        <v>66</v>
      </c>
      <c r="II32" s="73">
        <v>97</v>
      </c>
      <c r="IJ32" s="70">
        <v>16</v>
      </c>
      <c r="IK32" s="71">
        <v>19</v>
      </c>
      <c r="IL32" s="72">
        <v>35</v>
      </c>
      <c r="IM32" s="241"/>
      <c r="IN32" s="71">
        <v>29</v>
      </c>
      <c r="IO32" s="71">
        <v>31</v>
      </c>
      <c r="IP32" s="71">
        <v>20</v>
      </c>
      <c r="IQ32" s="71">
        <v>28</v>
      </c>
      <c r="IR32" s="71">
        <v>9</v>
      </c>
      <c r="IS32" s="72">
        <v>117</v>
      </c>
      <c r="IT32" s="73">
        <v>152</v>
      </c>
      <c r="IU32" s="70">
        <v>19</v>
      </c>
      <c r="IV32" s="71">
        <v>16</v>
      </c>
      <c r="IW32" s="72">
        <v>35</v>
      </c>
      <c r="IX32" s="241"/>
      <c r="IY32" s="71">
        <v>41</v>
      </c>
      <c r="IZ32" s="71">
        <v>26</v>
      </c>
      <c r="JA32" s="71">
        <v>25</v>
      </c>
      <c r="JB32" s="71">
        <v>39</v>
      </c>
      <c r="JC32" s="71">
        <v>20</v>
      </c>
      <c r="JD32" s="72">
        <v>151</v>
      </c>
      <c r="JE32" s="73">
        <v>186</v>
      </c>
      <c r="JF32" s="70">
        <v>9</v>
      </c>
      <c r="JG32" s="71">
        <v>10</v>
      </c>
      <c r="JH32" s="72">
        <v>19</v>
      </c>
      <c r="JI32" s="241"/>
      <c r="JJ32" s="71">
        <v>19</v>
      </c>
      <c r="JK32" s="71">
        <v>41</v>
      </c>
      <c r="JL32" s="71">
        <v>32</v>
      </c>
      <c r="JM32" s="71">
        <v>29</v>
      </c>
      <c r="JN32" s="71">
        <v>25</v>
      </c>
      <c r="JO32" s="72">
        <v>146</v>
      </c>
      <c r="JP32" s="73">
        <v>165</v>
      </c>
      <c r="JQ32" s="70">
        <v>2</v>
      </c>
      <c r="JR32" s="71">
        <v>3</v>
      </c>
      <c r="JS32" s="72">
        <v>5</v>
      </c>
      <c r="JT32" s="241"/>
      <c r="JU32" s="71">
        <v>2</v>
      </c>
      <c r="JV32" s="71">
        <v>4</v>
      </c>
      <c r="JW32" s="71">
        <v>2</v>
      </c>
      <c r="JX32" s="71">
        <v>1</v>
      </c>
      <c r="JY32" s="71">
        <v>1</v>
      </c>
      <c r="JZ32" s="72">
        <v>10</v>
      </c>
      <c r="KA32" s="73">
        <v>15</v>
      </c>
      <c r="KB32" s="70">
        <v>73</v>
      </c>
      <c r="KC32" s="71">
        <v>71</v>
      </c>
      <c r="KD32" s="72">
        <v>144</v>
      </c>
      <c r="KE32" s="241"/>
      <c r="KF32" s="71">
        <v>130</v>
      </c>
      <c r="KG32" s="71">
        <v>133</v>
      </c>
      <c r="KH32" s="71">
        <v>100</v>
      </c>
      <c r="KI32" s="71">
        <v>122</v>
      </c>
      <c r="KJ32" s="71">
        <v>70</v>
      </c>
      <c r="KK32" s="72">
        <v>555</v>
      </c>
      <c r="KL32" s="73">
        <v>699</v>
      </c>
    </row>
    <row r="33" spans="1:298" ht="19.5" customHeight="1" x14ac:dyDescent="0.2">
      <c r="A33" s="126" t="s">
        <v>30</v>
      </c>
      <c r="B33" s="316">
        <v>15</v>
      </c>
      <c r="C33" s="82">
        <v>13</v>
      </c>
      <c r="D33" s="83">
        <v>28</v>
      </c>
      <c r="E33" s="241"/>
      <c r="F33" s="82">
        <v>49</v>
      </c>
      <c r="G33" s="82">
        <v>38</v>
      </c>
      <c r="H33" s="82">
        <v>27</v>
      </c>
      <c r="I33" s="82">
        <v>33</v>
      </c>
      <c r="J33" s="82">
        <v>9</v>
      </c>
      <c r="K33" s="84">
        <v>156</v>
      </c>
      <c r="L33" s="85">
        <v>184</v>
      </c>
      <c r="M33" s="70">
        <v>2</v>
      </c>
      <c r="N33" s="71">
        <v>0</v>
      </c>
      <c r="O33" s="72">
        <v>2</v>
      </c>
      <c r="P33" s="241"/>
      <c r="Q33" s="71">
        <v>6</v>
      </c>
      <c r="R33" s="71">
        <v>4</v>
      </c>
      <c r="S33" s="71">
        <v>2</v>
      </c>
      <c r="T33" s="71">
        <v>2</v>
      </c>
      <c r="U33" s="71">
        <v>0</v>
      </c>
      <c r="V33" s="72">
        <v>14</v>
      </c>
      <c r="W33" s="73">
        <v>16</v>
      </c>
      <c r="X33" s="70">
        <v>4</v>
      </c>
      <c r="Y33" s="71">
        <v>2</v>
      </c>
      <c r="Z33" s="72">
        <v>6</v>
      </c>
      <c r="AA33" s="241"/>
      <c r="AB33" s="71">
        <v>6</v>
      </c>
      <c r="AC33" s="71">
        <v>4</v>
      </c>
      <c r="AD33" s="71">
        <v>2</v>
      </c>
      <c r="AE33" s="71">
        <v>4</v>
      </c>
      <c r="AF33" s="71">
        <v>2</v>
      </c>
      <c r="AG33" s="72">
        <v>18</v>
      </c>
      <c r="AH33" s="73">
        <v>24</v>
      </c>
      <c r="AI33" s="70">
        <v>1</v>
      </c>
      <c r="AJ33" s="71">
        <v>3</v>
      </c>
      <c r="AK33" s="72">
        <v>4</v>
      </c>
      <c r="AL33" s="241"/>
      <c r="AM33" s="71">
        <v>4</v>
      </c>
      <c r="AN33" s="71">
        <v>3</v>
      </c>
      <c r="AO33" s="71">
        <v>5</v>
      </c>
      <c r="AP33" s="71">
        <v>5</v>
      </c>
      <c r="AQ33" s="71">
        <v>1</v>
      </c>
      <c r="AR33" s="72">
        <v>18</v>
      </c>
      <c r="AS33" s="73">
        <v>22</v>
      </c>
      <c r="AT33" s="70">
        <v>1</v>
      </c>
      <c r="AU33" s="71">
        <v>3</v>
      </c>
      <c r="AV33" s="72">
        <v>4</v>
      </c>
      <c r="AW33" s="241"/>
      <c r="AX33" s="71">
        <v>11</v>
      </c>
      <c r="AY33" s="71">
        <v>9</v>
      </c>
      <c r="AZ33" s="71">
        <v>8</v>
      </c>
      <c r="BA33" s="71">
        <v>6</v>
      </c>
      <c r="BB33" s="71">
        <v>1</v>
      </c>
      <c r="BC33" s="72">
        <v>35</v>
      </c>
      <c r="BD33" s="73">
        <v>39</v>
      </c>
      <c r="BE33" s="70">
        <v>5</v>
      </c>
      <c r="BF33" s="71">
        <v>3</v>
      </c>
      <c r="BG33" s="72">
        <v>8</v>
      </c>
      <c r="BH33" s="241"/>
      <c r="BI33" s="71">
        <v>10</v>
      </c>
      <c r="BJ33" s="71">
        <v>10</v>
      </c>
      <c r="BK33" s="71">
        <v>4</v>
      </c>
      <c r="BL33" s="71">
        <v>7</v>
      </c>
      <c r="BM33" s="71">
        <v>4</v>
      </c>
      <c r="BN33" s="72">
        <v>35</v>
      </c>
      <c r="BO33" s="73">
        <v>43</v>
      </c>
      <c r="BP33" s="70">
        <v>2</v>
      </c>
      <c r="BQ33" s="71">
        <v>2</v>
      </c>
      <c r="BR33" s="72">
        <v>4</v>
      </c>
      <c r="BS33" s="241"/>
      <c r="BT33" s="71">
        <v>12</v>
      </c>
      <c r="BU33" s="71">
        <v>8</v>
      </c>
      <c r="BV33" s="71">
        <v>6</v>
      </c>
      <c r="BW33" s="71">
        <v>9</v>
      </c>
      <c r="BX33" s="71">
        <v>1</v>
      </c>
      <c r="BY33" s="72">
        <v>36</v>
      </c>
      <c r="BZ33" s="73">
        <v>40</v>
      </c>
      <c r="CA33" s="70">
        <v>0</v>
      </c>
      <c r="CB33" s="71">
        <v>0</v>
      </c>
      <c r="CC33" s="72">
        <v>0</v>
      </c>
      <c r="CD33" s="241"/>
      <c r="CE33" s="71">
        <v>1</v>
      </c>
      <c r="CF33" s="71">
        <v>0</v>
      </c>
      <c r="CG33" s="71">
        <v>2</v>
      </c>
      <c r="CH33" s="71">
        <v>0</v>
      </c>
      <c r="CI33" s="71">
        <v>2</v>
      </c>
      <c r="CJ33" s="72">
        <v>5</v>
      </c>
      <c r="CK33" s="73">
        <v>5</v>
      </c>
      <c r="CL33" s="70">
        <v>15</v>
      </c>
      <c r="CM33" s="71">
        <v>13</v>
      </c>
      <c r="CN33" s="72">
        <v>28</v>
      </c>
      <c r="CO33" s="241"/>
      <c r="CP33" s="71">
        <v>50</v>
      </c>
      <c r="CQ33" s="71">
        <v>38</v>
      </c>
      <c r="CR33" s="71">
        <v>29</v>
      </c>
      <c r="CS33" s="71">
        <v>33</v>
      </c>
      <c r="CT33" s="71">
        <v>11</v>
      </c>
      <c r="CU33" s="72">
        <v>161</v>
      </c>
      <c r="CV33" s="73">
        <v>189</v>
      </c>
      <c r="CW33" s="123">
        <v>38</v>
      </c>
      <c r="CX33" s="82">
        <v>34</v>
      </c>
      <c r="CY33" s="83">
        <v>72</v>
      </c>
      <c r="CZ33" s="241"/>
      <c r="DA33" s="82">
        <v>98</v>
      </c>
      <c r="DB33" s="82">
        <v>65</v>
      </c>
      <c r="DC33" s="82">
        <v>77</v>
      </c>
      <c r="DD33" s="82">
        <v>65</v>
      </c>
      <c r="DE33" s="82">
        <v>41</v>
      </c>
      <c r="DF33" s="84">
        <v>346</v>
      </c>
      <c r="DG33" s="85">
        <v>418</v>
      </c>
      <c r="DH33" s="70">
        <v>1</v>
      </c>
      <c r="DI33" s="71">
        <v>0</v>
      </c>
      <c r="DJ33" s="72">
        <v>1</v>
      </c>
      <c r="DK33" s="241"/>
      <c r="DL33" s="71">
        <v>1</v>
      </c>
      <c r="DM33" s="71">
        <v>1</v>
      </c>
      <c r="DN33" s="71">
        <v>1</v>
      </c>
      <c r="DO33" s="71">
        <v>0</v>
      </c>
      <c r="DP33" s="71">
        <v>2</v>
      </c>
      <c r="DQ33" s="72">
        <v>5</v>
      </c>
      <c r="DR33" s="73">
        <v>6</v>
      </c>
      <c r="DS33" s="70">
        <v>1</v>
      </c>
      <c r="DT33" s="71">
        <v>4</v>
      </c>
      <c r="DU33" s="72">
        <v>5</v>
      </c>
      <c r="DV33" s="241"/>
      <c r="DW33" s="71">
        <v>3</v>
      </c>
      <c r="DX33" s="71">
        <v>5</v>
      </c>
      <c r="DY33" s="71">
        <v>5</v>
      </c>
      <c r="DZ33" s="71">
        <v>0</v>
      </c>
      <c r="EA33" s="71">
        <v>3</v>
      </c>
      <c r="EB33" s="72">
        <v>16</v>
      </c>
      <c r="EC33" s="73">
        <v>21</v>
      </c>
      <c r="ED33" s="70">
        <v>12</v>
      </c>
      <c r="EE33" s="71">
        <v>1</v>
      </c>
      <c r="EF33" s="72">
        <v>13</v>
      </c>
      <c r="EG33" s="241"/>
      <c r="EH33" s="71">
        <v>15</v>
      </c>
      <c r="EI33" s="71">
        <v>3</v>
      </c>
      <c r="EJ33" s="71">
        <v>12</v>
      </c>
      <c r="EK33" s="71">
        <v>6</v>
      </c>
      <c r="EL33" s="71">
        <v>2</v>
      </c>
      <c r="EM33" s="72">
        <v>38</v>
      </c>
      <c r="EN33" s="73">
        <v>51</v>
      </c>
      <c r="EO33" s="70">
        <v>9</v>
      </c>
      <c r="EP33" s="71">
        <v>10</v>
      </c>
      <c r="EQ33" s="72">
        <v>19</v>
      </c>
      <c r="ER33" s="241"/>
      <c r="ES33" s="71">
        <v>30</v>
      </c>
      <c r="ET33" s="71">
        <v>14</v>
      </c>
      <c r="EU33" s="71">
        <v>9</v>
      </c>
      <c r="EV33" s="71">
        <v>8</v>
      </c>
      <c r="EW33" s="71">
        <v>13</v>
      </c>
      <c r="EX33" s="72">
        <v>74</v>
      </c>
      <c r="EY33" s="73">
        <v>93</v>
      </c>
      <c r="EZ33" s="70">
        <v>7</v>
      </c>
      <c r="FA33" s="71">
        <v>10</v>
      </c>
      <c r="FB33" s="72">
        <v>17</v>
      </c>
      <c r="FC33" s="241"/>
      <c r="FD33" s="71">
        <v>25</v>
      </c>
      <c r="FE33" s="71">
        <v>19</v>
      </c>
      <c r="FF33" s="71">
        <v>19</v>
      </c>
      <c r="FG33" s="71">
        <v>24</v>
      </c>
      <c r="FH33" s="71">
        <v>10</v>
      </c>
      <c r="FI33" s="72">
        <v>97</v>
      </c>
      <c r="FJ33" s="73">
        <v>114</v>
      </c>
      <c r="FK33" s="70">
        <v>8</v>
      </c>
      <c r="FL33" s="71">
        <v>9</v>
      </c>
      <c r="FM33" s="72">
        <v>17</v>
      </c>
      <c r="FN33" s="241"/>
      <c r="FO33" s="71">
        <v>24</v>
      </c>
      <c r="FP33" s="71">
        <v>23</v>
      </c>
      <c r="FQ33" s="71">
        <v>31</v>
      </c>
      <c r="FR33" s="71">
        <v>27</v>
      </c>
      <c r="FS33" s="71">
        <v>11</v>
      </c>
      <c r="FT33" s="72">
        <v>116</v>
      </c>
      <c r="FU33" s="73">
        <v>133</v>
      </c>
      <c r="FV33" s="70">
        <v>0</v>
      </c>
      <c r="FW33" s="71">
        <v>0</v>
      </c>
      <c r="FX33" s="72">
        <v>0</v>
      </c>
      <c r="FY33" s="241"/>
      <c r="FZ33" s="71">
        <v>0</v>
      </c>
      <c r="GA33" s="71">
        <v>0</v>
      </c>
      <c r="GB33" s="71">
        <v>0</v>
      </c>
      <c r="GC33" s="71">
        <v>1</v>
      </c>
      <c r="GD33" s="71">
        <v>2</v>
      </c>
      <c r="GE33" s="72">
        <v>3</v>
      </c>
      <c r="GF33" s="73">
        <v>3</v>
      </c>
      <c r="GG33" s="70">
        <v>38</v>
      </c>
      <c r="GH33" s="71">
        <v>34</v>
      </c>
      <c r="GI33" s="72">
        <v>72</v>
      </c>
      <c r="GJ33" s="241"/>
      <c r="GK33" s="71">
        <v>98</v>
      </c>
      <c r="GL33" s="71">
        <v>65</v>
      </c>
      <c r="GM33" s="71">
        <v>77</v>
      </c>
      <c r="GN33" s="71">
        <v>66</v>
      </c>
      <c r="GO33" s="71">
        <v>43</v>
      </c>
      <c r="GP33" s="72">
        <v>349</v>
      </c>
      <c r="GQ33" s="73">
        <v>421</v>
      </c>
      <c r="GR33" s="123">
        <v>53</v>
      </c>
      <c r="GS33" s="82">
        <v>47</v>
      </c>
      <c r="GT33" s="83">
        <v>100</v>
      </c>
      <c r="GU33" s="241"/>
      <c r="GV33" s="82">
        <v>147</v>
      </c>
      <c r="GW33" s="82">
        <v>103</v>
      </c>
      <c r="GX33" s="82">
        <v>104</v>
      </c>
      <c r="GY33" s="82">
        <v>98</v>
      </c>
      <c r="GZ33" s="82">
        <v>50</v>
      </c>
      <c r="HA33" s="84">
        <v>502</v>
      </c>
      <c r="HB33" s="85">
        <v>602</v>
      </c>
      <c r="HC33" s="70">
        <v>3</v>
      </c>
      <c r="HD33" s="71">
        <v>0</v>
      </c>
      <c r="HE33" s="72">
        <v>3</v>
      </c>
      <c r="HF33" s="241"/>
      <c r="HG33" s="71">
        <v>7</v>
      </c>
      <c r="HH33" s="71">
        <v>5</v>
      </c>
      <c r="HI33" s="71">
        <v>3</v>
      </c>
      <c r="HJ33" s="71">
        <v>2</v>
      </c>
      <c r="HK33" s="71">
        <v>2</v>
      </c>
      <c r="HL33" s="72">
        <v>19</v>
      </c>
      <c r="HM33" s="73">
        <v>22</v>
      </c>
      <c r="HN33" s="70">
        <v>5</v>
      </c>
      <c r="HO33" s="71">
        <v>6</v>
      </c>
      <c r="HP33" s="72">
        <v>11</v>
      </c>
      <c r="HQ33" s="241"/>
      <c r="HR33" s="71">
        <v>9</v>
      </c>
      <c r="HS33" s="71">
        <v>9</v>
      </c>
      <c r="HT33" s="71">
        <v>7</v>
      </c>
      <c r="HU33" s="71">
        <v>4</v>
      </c>
      <c r="HV33" s="71">
        <v>5</v>
      </c>
      <c r="HW33" s="72">
        <v>34</v>
      </c>
      <c r="HX33" s="73">
        <v>45</v>
      </c>
      <c r="HY33" s="70">
        <v>13</v>
      </c>
      <c r="HZ33" s="71">
        <v>4</v>
      </c>
      <c r="IA33" s="72">
        <v>17</v>
      </c>
      <c r="IB33" s="241"/>
      <c r="IC33" s="71">
        <v>19</v>
      </c>
      <c r="ID33" s="71">
        <v>6</v>
      </c>
      <c r="IE33" s="71">
        <v>17</v>
      </c>
      <c r="IF33" s="71">
        <v>11</v>
      </c>
      <c r="IG33" s="71">
        <v>3</v>
      </c>
      <c r="IH33" s="72">
        <v>56</v>
      </c>
      <c r="II33" s="73">
        <v>73</v>
      </c>
      <c r="IJ33" s="70">
        <v>10</v>
      </c>
      <c r="IK33" s="71">
        <v>13</v>
      </c>
      <c r="IL33" s="72">
        <v>23</v>
      </c>
      <c r="IM33" s="241"/>
      <c r="IN33" s="71">
        <v>41</v>
      </c>
      <c r="IO33" s="71">
        <v>23</v>
      </c>
      <c r="IP33" s="71">
        <v>17</v>
      </c>
      <c r="IQ33" s="71">
        <v>14</v>
      </c>
      <c r="IR33" s="71">
        <v>14</v>
      </c>
      <c r="IS33" s="72">
        <v>109</v>
      </c>
      <c r="IT33" s="73">
        <v>132</v>
      </c>
      <c r="IU33" s="70">
        <v>12</v>
      </c>
      <c r="IV33" s="71">
        <v>13</v>
      </c>
      <c r="IW33" s="72">
        <v>25</v>
      </c>
      <c r="IX33" s="241"/>
      <c r="IY33" s="71">
        <v>35</v>
      </c>
      <c r="IZ33" s="71">
        <v>29</v>
      </c>
      <c r="JA33" s="71">
        <v>23</v>
      </c>
      <c r="JB33" s="71">
        <v>31</v>
      </c>
      <c r="JC33" s="71">
        <v>14</v>
      </c>
      <c r="JD33" s="72">
        <v>132</v>
      </c>
      <c r="JE33" s="73">
        <v>157</v>
      </c>
      <c r="JF33" s="70">
        <v>10</v>
      </c>
      <c r="JG33" s="71">
        <v>11</v>
      </c>
      <c r="JH33" s="72">
        <v>21</v>
      </c>
      <c r="JI33" s="241"/>
      <c r="JJ33" s="71">
        <v>36</v>
      </c>
      <c r="JK33" s="71">
        <v>31</v>
      </c>
      <c r="JL33" s="71">
        <v>37</v>
      </c>
      <c r="JM33" s="71">
        <v>36</v>
      </c>
      <c r="JN33" s="71">
        <v>12</v>
      </c>
      <c r="JO33" s="72">
        <v>152</v>
      </c>
      <c r="JP33" s="73">
        <v>173</v>
      </c>
      <c r="JQ33" s="70">
        <v>0</v>
      </c>
      <c r="JR33" s="71">
        <v>0</v>
      </c>
      <c r="JS33" s="72">
        <v>0</v>
      </c>
      <c r="JT33" s="241"/>
      <c r="JU33" s="71">
        <v>1</v>
      </c>
      <c r="JV33" s="71">
        <v>0</v>
      </c>
      <c r="JW33" s="71">
        <v>2</v>
      </c>
      <c r="JX33" s="71">
        <v>1</v>
      </c>
      <c r="JY33" s="71">
        <v>4</v>
      </c>
      <c r="JZ33" s="72">
        <v>8</v>
      </c>
      <c r="KA33" s="73">
        <v>8</v>
      </c>
      <c r="KB33" s="70">
        <v>53</v>
      </c>
      <c r="KC33" s="71">
        <v>47</v>
      </c>
      <c r="KD33" s="72">
        <v>100</v>
      </c>
      <c r="KE33" s="241"/>
      <c r="KF33" s="71">
        <v>148</v>
      </c>
      <c r="KG33" s="71">
        <v>103</v>
      </c>
      <c r="KH33" s="71">
        <v>106</v>
      </c>
      <c r="KI33" s="71">
        <v>99</v>
      </c>
      <c r="KJ33" s="71">
        <v>54</v>
      </c>
      <c r="KK33" s="72">
        <v>510</v>
      </c>
      <c r="KL33" s="73">
        <v>610</v>
      </c>
    </row>
    <row r="34" spans="1:298" ht="19.5" customHeight="1" x14ac:dyDescent="0.2">
      <c r="A34" s="126" t="s">
        <v>31</v>
      </c>
      <c r="B34" s="316">
        <v>22</v>
      </c>
      <c r="C34" s="82">
        <v>36</v>
      </c>
      <c r="D34" s="83">
        <v>58</v>
      </c>
      <c r="E34" s="241"/>
      <c r="F34" s="82">
        <v>59</v>
      </c>
      <c r="G34" s="82">
        <v>52</v>
      </c>
      <c r="H34" s="82">
        <v>39</v>
      </c>
      <c r="I34" s="82">
        <v>21</v>
      </c>
      <c r="J34" s="82">
        <v>12</v>
      </c>
      <c r="K34" s="84">
        <v>183</v>
      </c>
      <c r="L34" s="85">
        <v>241</v>
      </c>
      <c r="M34" s="70">
        <v>0</v>
      </c>
      <c r="N34" s="71">
        <v>0</v>
      </c>
      <c r="O34" s="72">
        <v>0</v>
      </c>
      <c r="P34" s="241"/>
      <c r="Q34" s="71">
        <v>2</v>
      </c>
      <c r="R34" s="71">
        <v>3</v>
      </c>
      <c r="S34" s="71">
        <v>5</v>
      </c>
      <c r="T34" s="71">
        <v>2</v>
      </c>
      <c r="U34" s="71">
        <v>1</v>
      </c>
      <c r="V34" s="72">
        <v>13</v>
      </c>
      <c r="W34" s="73">
        <v>13</v>
      </c>
      <c r="X34" s="70">
        <v>3</v>
      </c>
      <c r="Y34" s="71">
        <v>5</v>
      </c>
      <c r="Z34" s="72">
        <v>8</v>
      </c>
      <c r="AA34" s="241"/>
      <c r="AB34" s="71">
        <v>10</v>
      </c>
      <c r="AC34" s="71">
        <v>7</v>
      </c>
      <c r="AD34" s="71">
        <v>6</v>
      </c>
      <c r="AE34" s="71">
        <v>3</v>
      </c>
      <c r="AF34" s="71">
        <v>2</v>
      </c>
      <c r="AG34" s="72">
        <v>28</v>
      </c>
      <c r="AH34" s="73">
        <v>36</v>
      </c>
      <c r="AI34" s="70">
        <v>2</v>
      </c>
      <c r="AJ34" s="71">
        <v>5</v>
      </c>
      <c r="AK34" s="72">
        <v>7</v>
      </c>
      <c r="AL34" s="241"/>
      <c r="AM34" s="71">
        <v>5</v>
      </c>
      <c r="AN34" s="71">
        <v>6</v>
      </c>
      <c r="AO34" s="71">
        <v>4</v>
      </c>
      <c r="AP34" s="71">
        <v>3</v>
      </c>
      <c r="AQ34" s="71">
        <v>2</v>
      </c>
      <c r="AR34" s="72">
        <v>20</v>
      </c>
      <c r="AS34" s="73">
        <v>27</v>
      </c>
      <c r="AT34" s="70">
        <v>4</v>
      </c>
      <c r="AU34" s="71">
        <v>10</v>
      </c>
      <c r="AV34" s="72">
        <v>14</v>
      </c>
      <c r="AW34" s="241"/>
      <c r="AX34" s="71">
        <v>18</v>
      </c>
      <c r="AY34" s="71">
        <v>15</v>
      </c>
      <c r="AZ34" s="71">
        <v>4</v>
      </c>
      <c r="BA34" s="71">
        <v>1</v>
      </c>
      <c r="BB34" s="71">
        <v>4</v>
      </c>
      <c r="BC34" s="72">
        <v>42</v>
      </c>
      <c r="BD34" s="73">
        <v>56</v>
      </c>
      <c r="BE34" s="70">
        <v>7</v>
      </c>
      <c r="BF34" s="71">
        <v>10</v>
      </c>
      <c r="BG34" s="72">
        <v>17</v>
      </c>
      <c r="BH34" s="241"/>
      <c r="BI34" s="71">
        <v>13</v>
      </c>
      <c r="BJ34" s="71">
        <v>10</v>
      </c>
      <c r="BK34" s="71">
        <v>10</v>
      </c>
      <c r="BL34" s="71">
        <v>5</v>
      </c>
      <c r="BM34" s="71">
        <v>1</v>
      </c>
      <c r="BN34" s="72">
        <v>39</v>
      </c>
      <c r="BO34" s="73">
        <v>56</v>
      </c>
      <c r="BP34" s="70">
        <v>6</v>
      </c>
      <c r="BQ34" s="71">
        <v>6</v>
      </c>
      <c r="BR34" s="72">
        <v>12</v>
      </c>
      <c r="BS34" s="241"/>
      <c r="BT34" s="71">
        <v>11</v>
      </c>
      <c r="BU34" s="71">
        <v>11</v>
      </c>
      <c r="BV34" s="71">
        <v>10</v>
      </c>
      <c r="BW34" s="71">
        <v>7</v>
      </c>
      <c r="BX34" s="71">
        <v>2</v>
      </c>
      <c r="BY34" s="72">
        <v>41</v>
      </c>
      <c r="BZ34" s="73">
        <v>53</v>
      </c>
      <c r="CA34" s="70">
        <v>0</v>
      </c>
      <c r="CB34" s="71">
        <v>4</v>
      </c>
      <c r="CC34" s="72">
        <v>4</v>
      </c>
      <c r="CD34" s="241"/>
      <c r="CE34" s="71">
        <v>2</v>
      </c>
      <c r="CF34" s="71">
        <v>1</v>
      </c>
      <c r="CG34" s="71">
        <v>0</v>
      </c>
      <c r="CH34" s="71">
        <v>1</v>
      </c>
      <c r="CI34" s="71">
        <v>1</v>
      </c>
      <c r="CJ34" s="72">
        <v>5</v>
      </c>
      <c r="CK34" s="73">
        <v>9</v>
      </c>
      <c r="CL34" s="70">
        <v>22</v>
      </c>
      <c r="CM34" s="71">
        <v>40</v>
      </c>
      <c r="CN34" s="72">
        <v>62</v>
      </c>
      <c r="CO34" s="241"/>
      <c r="CP34" s="71">
        <v>61</v>
      </c>
      <c r="CQ34" s="71">
        <v>53</v>
      </c>
      <c r="CR34" s="71">
        <v>39</v>
      </c>
      <c r="CS34" s="71">
        <v>22</v>
      </c>
      <c r="CT34" s="71">
        <v>13</v>
      </c>
      <c r="CU34" s="72">
        <v>188</v>
      </c>
      <c r="CV34" s="73">
        <v>250</v>
      </c>
      <c r="CW34" s="123">
        <v>53</v>
      </c>
      <c r="CX34" s="82">
        <v>84</v>
      </c>
      <c r="CY34" s="83">
        <v>137</v>
      </c>
      <c r="CZ34" s="241"/>
      <c r="DA34" s="82">
        <v>111</v>
      </c>
      <c r="DB34" s="82">
        <v>88</v>
      </c>
      <c r="DC34" s="82">
        <v>87</v>
      </c>
      <c r="DD34" s="82">
        <v>55</v>
      </c>
      <c r="DE34" s="82">
        <v>46</v>
      </c>
      <c r="DF34" s="84">
        <v>387</v>
      </c>
      <c r="DG34" s="85">
        <v>524</v>
      </c>
      <c r="DH34" s="70">
        <v>0</v>
      </c>
      <c r="DI34" s="71">
        <v>3</v>
      </c>
      <c r="DJ34" s="72">
        <v>3</v>
      </c>
      <c r="DK34" s="241"/>
      <c r="DL34" s="71">
        <v>3</v>
      </c>
      <c r="DM34" s="71">
        <v>1</v>
      </c>
      <c r="DN34" s="71">
        <v>1</v>
      </c>
      <c r="DO34" s="71">
        <v>2</v>
      </c>
      <c r="DP34" s="71">
        <v>2</v>
      </c>
      <c r="DQ34" s="72">
        <v>9</v>
      </c>
      <c r="DR34" s="73">
        <v>12</v>
      </c>
      <c r="DS34" s="70">
        <v>1</v>
      </c>
      <c r="DT34" s="71">
        <v>7</v>
      </c>
      <c r="DU34" s="72">
        <v>8</v>
      </c>
      <c r="DV34" s="241"/>
      <c r="DW34" s="71">
        <v>10</v>
      </c>
      <c r="DX34" s="71">
        <v>5</v>
      </c>
      <c r="DY34" s="71">
        <v>6</v>
      </c>
      <c r="DZ34" s="71">
        <v>3</v>
      </c>
      <c r="EA34" s="71">
        <v>1</v>
      </c>
      <c r="EB34" s="72">
        <v>25</v>
      </c>
      <c r="EC34" s="73">
        <v>33</v>
      </c>
      <c r="ED34" s="70">
        <v>8</v>
      </c>
      <c r="EE34" s="71">
        <v>9</v>
      </c>
      <c r="EF34" s="72">
        <v>17</v>
      </c>
      <c r="EG34" s="241"/>
      <c r="EH34" s="71">
        <v>11</v>
      </c>
      <c r="EI34" s="71">
        <v>4</v>
      </c>
      <c r="EJ34" s="71">
        <v>1</v>
      </c>
      <c r="EK34" s="71">
        <v>4</v>
      </c>
      <c r="EL34" s="71">
        <v>2</v>
      </c>
      <c r="EM34" s="72">
        <v>22</v>
      </c>
      <c r="EN34" s="73">
        <v>39</v>
      </c>
      <c r="EO34" s="70">
        <v>18</v>
      </c>
      <c r="EP34" s="71">
        <v>15</v>
      </c>
      <c r="EQ34" s="72">
        <v>33</v>
      </c>
      <c r="ER34" s="241"/>
      <c r="ES34" s="71">
        <v>25</v>
      </c>
      <c r="ET34" s="71">
        <v>15</v>
      </c>
      <c r="EU34" s="71">
        <v>18</v>
      </c>
      <c r="EV34" s="71">
        <v>6</v>
      </c>
      <c r="EW34" s="71">
        <v>5</v>
      </c>
      <c r="EX34" s="72">
        <v>69</v>
      </c>
      <c r="EY34" s="73">
        <v>102</v>
      </c>
      <c r="EZ34" s="70">
        <v>19</v>
      </c>
      <c r="FA34" s="71">
        <v>26</v>
      </c>
      <c r="FB34" s="72">
        <v>45</v>
      </c>
      <c r="FC34" s="241"/>
      <c r="FD34" s="71">
        <v>28</v>
      </c>
      <c r="FE34" s="71">
        <v>28</v>
      </c>
      <c r="FF34" s="71">
        <v>23</v>
      </c>
      <c r="FG34" s="71">
        <v>13</v>
      </c>
      <c r="FH34" s="71">
        <v>7</v>
      </c>
      <c r="FI34" s="72">
        <v>99</v>
      </c>
      <c r="FJ34" s="73">
        <v>144</v>
      </c>
      <c r="FK34" s="70">
        <v>7</v>
      </c>
      <c r="FL34" s="71">
        <v>24</v>
      </c>
      <c r="FM34" s="72">
        <v>31</v>
      </c>
      <c r="FN34" s="241"/>
      <c r="FO34" s="71">
        <v>34</v>
      </c>
      <c r="FP34" s="71">
        <v>35</v>
      </c>
      <c r="FQ34" s="71">
        <v>38</v>
      </c>
      <c r="FR34" s="71">
        <v>27</v>
      </c>
      <c r="FS34" s="71">
        <v>29</v>
      </c>
      <c r="FT34" s="72">
        <v>163</v>
      </c>
      <c r="FU34" s="73">
        <v>194</v>
      </c>
      <c r="FV34" s="70">
        <v>0</v>
      </c>
      <c r="FW34" s="71">
        <v>0</v>
      </c>
      <c r="FX34" s="72">
        <v>0</v>
      </c>
      <c r="FY34" s="241"/>
      <c r="FZ34" s="71">
        <v>2</v>
      </c>
      <c r="GA34" s="71">
        <v>0</v>
      </c>
      <c r="GB34" s="71">
        <v>2</v>
      </c>
      <c r="GC34" s="71">
        <v>0</v>
      </c>
      <c r="GD34" s="71">
        <v>1</v>
      </c>
      <c r="GE34" s="72">
        <v>5</v>
      </c>
      <c r="GF34" s="73">
        <v>5</v>
      </c>
      <c r="GG34" s="70">
        <v>53</v>
      </c>
      <c r="GH34" s="71">
        <v>84</v>
      </c>
      <c r="GI34" s="72">
        <v>137</v>
      </c>
      <c r="GJ34" s="241"/>
      <c r="GK34" s="71">
        <v>113</v>
      </c>
      <c r="GL34" s="71">
        <v>88</v>
      </c>
      <c r="GM34" s="71">
        <v>89</v>
      </c>
      <c r="GN34" s="71">
        <v>55</v>
      </c>
      <c r="GO34" s="71">
        <v>47</v>
      </c>
      <c r="GP34" s="72">
        <v>392</v>
      </c>
      <c r="GQ34" s="73">
        <v>529</v>
      </c>
      <c r="GR34" s="123">
        <v>75</v>
      </c>
      <c r="GS34" s="82">
        <v>120</v>
      </c>
      <c r="GT34" s="83">
        <v>195</v>
      </c>
      <c r="GU34" s="241"/>
      <c r="GV34" s="82">
        <v>170</v>
      </c>
      <c r="GW34" s="82">
        <v>140</v>
      </c>
      <c r="GX34" s="82">
        <v>126</v>
      </c>
      <c r="GY34" s="82">
        <v>76</v>
      </c>
      <c r="GZ34" s="82">
        <v>58</v>
      </c>
      <c r="HA34" s="84">
        <v>570</v>
      </c>
      <c r="HB34" s="85">
        <v>765</v>
      </c>
      <c r="HC34" s="70">
        <v>0</v>
      </c>
      <c r="HD34" s="71">
        <v>3</v>
      </c>
      <c r="HE34" s="72">
        <v>3</v>
      </c>
      <c r="HF34" s="241"/>
      <c r="HG34" s="71">
        <v>5</v>
      </c>
      <c r="HH34" s="71">
        <v>4</v>
      </c>
      <c r="HI34" s="71">
        <v>6</v>
      </c>
      <c r="HJ34" s="71">
        <v>4</v>
      </c>
      <c r="HK34" s="71">
        <v>3</v>
      </c>
      <c r="HL34" s="72">
        <v>22</v>
      </c>
      <c r="HM34" s="73">
        <v>25</v>
      </c>
      <c r="HN34" s="70">
        <v>4</v>
      </c>
      <c r="HO34" s="71">
        <v>12</v>
      </c>
      <c r="HP34" s="72">
        <v>16</v>
      </c>
      <c r="HQ34" s="241"/>
      <c r="HR34" s="71">
        <v>20</v>
      </c>
      <c r="HS34" s="71">
        <v>12</v>
      </c>
      <c r="HT34" s="71">
        <v>12</v>
      </c>
      <c r="HU34" s="71">
        <v>6</v>
      </c>
      <c r="HV34" s="71">
        <v>3</v>
      </c>
      <c r="HW34" s="72">
        <v>53</v>
      </c>
      <c r="HX34" s="73">
        <v>69</v>
      </c>
      <c r="HY34" s="70">
        <v>10</v>
      </c>
      <c r="HZ34" s="71">
        <v>14</v>
      </c>
      <c r="IA34" s="72">
        <v>24</v>
      </c>
      <c r="IB34" s="241"/>
      <c r="IC34" s="71">
        <v>16</v>
      </c>
      <c r="ID34" s="71">
        <v>10</v>
      </c>
      <c r="IE34" s="71">
        <v>5</v>
      </c>
      <c r="IF34" s="71">
        <v>7</v>
      </c>
      <c r="IG34" s="71">
        <v>4</v>
      </c>
      <c r="IH34" s="72">
        <v>42</v>
      </c>
      <c r="II34" s="73">
        <v>66</v>
      </c>
      <c r="IJ34" s="70">
        <v>22</v>
      </c>
      <c r="IK34" s="71">
        <v>25</v>
      </c>
      <c r="IL34" s="72">
        <v>47</v>
      </c>
      <c r="IM34" s="241"/>
      <c r="IN34" s="71">
        <v>43</v>
      </c>
      <c r="IO34" s="71">
        <v>30</v>
      </c>
      <c r="IP34" s="71">
        <v>22</v>
      </c>
      <c r="IQ34" s="71">
        <v>7</v>
      </c>
      <c r="IR34" s="71">
        <v>9</v>
      </c>
      <c r="IS34" s="72">
        <v>111</v>
      </c>
      <c r="IT34" s="73">
        <v>158</v>
      </c>
      <c r="IU34" s="70">
        <v>26</v>
      </c>
      <c r="IV34" s="71">
        <v>36</v>
      </c>
      <c r="IW34" s="72">
        <v>62</v>
      </c>
      <c r="IX34" s="241"/>
      <c r="IY34" s="71">
        <v>41</v>
      </c>
      <c r="IZ34" s="71">
        <v>38</v>
      </c>
      <c r="JA34" s="71">
        <v>33</v>
      </c>
      <c r="JB34" s="71">
        <v>18</v>
      </c>
      <c r="JC34" s="71">
        <v>8</v>
      </c>
      <c r="JD34" s="72">
        <v>138</v>
      </c>
      <c r="JE34" s="73">
        <v>200</v>
      </c>
      <c r="JF34" s="70">
        <v>13</v>
      </c>
      <c r="JG34" s="71">
        <v>30</v>
      </c>
      <c r="JH34" s="72">
        <v>43</v>
      </c>
      <c r="JI34" s="241"/>
      <c r="JJ34" s="71">
        <v>45</v>
      </c>
      <c r="JK34" s="71">
        <v>46</v>
      </c>
      <c r="JL34" s="71">
        <v>48</v>
      </c>
      <c r="JM34" s="71">
        <v>34</v>
      </c>
      <c r="JN34" s="71">
        <v>31</v>
      </c>
      <c r="JO34" s="72">
        <v>204</v>
      </c>
      <c r="JP34" s="73">
        <v>247</v>
      </c>
      <c r="JQ34" s="70">
        <v>0</v>
      </c>
      <c r="JR34" s="71">
        <v>4</v>
      </c>
      <c r="JS34" s="72">
        <v>4</v>
      </c>
      <c r="JT34" s="241"/>
      <c r="JU34" s="71">
        <v>4</v>
      </c>
      <c r="JV34" s="71">
        <v>1</v>
      </c>
      <c r="JW34" s="71">
        <v>2</v>
      </c>
      <c r="JX34" s="71">
        <v>1</v>
      </c>
      <c r="JY34" s="71">
        <v>2</v>
      </c>
      <c r="JZ34" s="72">
        <v>10</v>
      </c>
      <c r="KA34" s="73">
        <v>14</v>
      </c>
      <c r="KB34" s="70">
        <v>75</v>
      </c>
      <c r="KC34" s="71">
        <v>124</v>
      </c>
      <c r="KD34" s="72">
        <v>199</v>
      </c>
      <c r="KE34" s="241"/>
      <c r="KF34" s="71">
        <v>174</v>
      </c>
      <c r="KG34" s="71">
        <v>141</v>
      </c>
      <c r="KH34" s="71">
        <v>128</v>
      </c>
      <c r="KI34" s="71">
        <v>77</v>
      </c>
      <c r="KJ34" s="71">
        <v>60</v>
      </c>
      <c r="KK34" s="72">
        <v>580</v>
      </c>
      <c r="KL34" s="73">
        <v>779</v>
      </c>
    </row>
    <row r="35" spans="1:298" ht="19.5" customHeight="1" x14ac:dyDescent="0.2">
      <c r="A35" s="126" t="s">
        <v>32</v>
      </c>
      <c r="B35" s="316">
        <v>31</v>
      </c>
      <c r="C35" s="82">
        <v>21</v>
      </c>
      <c r="D35" s="83">
        <v>52</v>
      </c>
      <c r="E35" s="241"/>
      <c r="F35" s="82">
        <v>61</v>
      </c>
      <c r="G35" s="82">
        <v>60</v>
      </c>
      <c r="H35" s="82">
        <v>39</v>
      </c>
      <c r="I35" s="82">
        <v>24</v>
      </c>
      <c r="J35" s="82">
        <v>21</v>
      </c>
      <c r="K35" s="84">
        <v>205</v>
      </c>
      <c r="L35" s="85">
        <v>257</v>
      </c>
      <c r="M35" s="70">
        <v>2</v>
      </c>
      <c r="N35" s="71">
        <v>3</v>
      </c>
      <c r="O35" s="72">
        <v>5</v>
      </c>
      <c r="P35" s="241"/>
      <c r="Q35" s="71">
        <v>4</v>
      </c>
      <c r="R35" s="71">
        <v>1</v>
      </c>
      <c r="S35" s="71">
        <v>2</v>
      </c>
      <c r="T35" s="71">
        <v>4</v>
      </c>
      <c r="U35" s="71">
        <v>1</v>
      </c>
      <c r="V35" s="72">
        <v>12</v>
      </c>
      <c r="W35" s="73">
        <v>17</v>
      </c>
      <c r="X35" s="70">
        <v>7</v>
      </c>
      <c r="Y35" s="71">
        <v>2</v>
      </c>
      <c r="Z35" s="72">
        <v>9</v>
      </c>
      <c r="AA35" s="241"/>
      <c r="AB35" s="71">
        <v>5</v>
      </c>
      <c r="AC35" s="71">
        <v>3</v>
      </c>
      <c r="AD35" s="71">
        <v>5</v>
      </c>
      <c r="AE35" s="71">
        <v>3</v>
      </c>
      <c r="AF35" s="71">
        <v>4</v>
      </c>
      <c r="AG35" s="72">
        <v>20</v>
      </c>
      <c r="AH35" s="73">
        <v>29</v>
      </c>
      <c r="AI35" s="70">
        <v>6</v>
      </c>
      <c r="AJ35" s="71">
        <v>0</v>
      </c>
      <c r="AK35" s="72">
        <v>6</v>
      </c>
      <c r="AL35" s="241"/>
      <c r="AM35" s="71">
        <v>11</v>
      </c>
      <c r="AN35" s="71">
        <v>15</v>
      </c>
      <c r="AO35" s="71">
        <v>4</v>
      </c>
      <c r="AP35" s="71">
        <v>1</v>
      </c>
      <c r="AQ35" s="71">
        <v>4</v>
      </c>
      <c r="AR35" s="72">
        <v>35</v>
      </c>
      <c r="AS35" s="73">
        <v>41</v>
      </c>
      <c r="AT35" s="70">
        <v>7</v>
      </c>
      <c r="AU35" s="71">
        <v>5</v>
      </c>
      <c r="AV35" s="72">
        <v>12</v>
      </c>
      <c r="AW35" s="241"/>
      <c r="AX35" s="71">
        <v>12</v>
      </c>
      <c r="AY35" s="71">
        <v>14</v>
      </c>
      <c r="AZ35" s="71">
        <v>8</v>
      </c>
      <c r="BA35" s="71">
        <v>7</v>
      </c>
      <c r="BB35" s="71">
        <v>8</v>
      </c>
      <c r="BC35" s="72">
        <v>49</v>
      </c>
      <c r="BD35" s="73">
        <v>61</v>
      </c>
      <c r="BE35" s="70">
        <v>7</v>
      </c>
      <c r="BF35" s="71">
        <v>7</v>
      </c>
      <c r="BG35" s="72">
        <v>14</v>
      </c>
      <c r="BH35" s="241"/>
      <c r="BI35" s="71">
        <v>20</v>
      </c>
      <c r="BJ35" s="71">
        <v>17</v>
      </c>
      <c r="BK35" s="71">
        <v>12</v>
      </c>
      <c r="BL35" s="71">
        <v>5</v>
      </c>
      <c r="BM35" s="71">
        <v>3</v>
      </c>
      <c r="BN35" s="72">
        <v>57</v>
      </c>
      <c r="BO35" s="73">
        <v>71</v>
      </c>
      <c r="BP35" s="70">
        <v>2</v>
      </c>
      <c r="BQ35" s="71">
        <v>4</v>
      </c>
      <c r="BR35" s="72">
        <v>6</v>
      </c>
      <c r="BS35" s="241"/>
      <c r="BT35" s="71">
        <v>9</v>
      </c>
      <c r="BU35" s="71">
        <v>10</v>
      </c>
      <c r="BV35" s="71">
        <v>8</v>
      </c>
      <c r="BW35" s="71">
        <v>4</v>
      </c>
      <c r="BX35" s="71">
        <v>1</v>
      </c>
      <c r="BY35" s="72">
        <v>32</v>
      </c>
      <c r="BZ35" s="73">
        <v>38</v>
      </c>
      <c r="CA35" s="70">
        <v>1</v>
      </c>
      <c r="CB35" s="71">
        <v>1</v>
      </c>
      <c r="CC35" s="72">
        <v>2</v>
      </c>
      <c r="CD35" s="241"/>
      <c r="CE35" s="71">
        <v>5</v>
      </c>
      <c r="CF35" s="71">
        <v>5</v>
      </c>
      <c r="CG35" s="71">
        <v>1</v>
      </c>
      <c r="CH35" s="71">
        <v>3</v>
      </c>
      <c r="CI35" s="71">
        <v>3</v>
      </c>
      <c r="CJ35" s="72">
        <v>17</v>
      </c>
      <c r="CK35" s="73">
        <v>19</v>
      </c>
      <c r="CL35" s="70">
        <v>32</v>
      </c>
      <c r="CM35" s="71">
        <v>22</v>
      </c>
      <c r="CN35" s="72">
        <v>54</v>
      </c>
      <c r="CO35" s="241"/>
      <c r="CP35" s="71">
        <v>66</v>
      </c>
      <c r="CQ35" s="71">
        <v>65</v>
      </c>
      <c r="CR35" s="71">
        <v>40</v>
      </c>
      <c r="CS35" s="71">
        <v>27</v>
      </c>
      <c r="CT35" s="71">
        <v>24</v>
      </c>
      <c r="CU35" s="72">
        <v>222</v>
      </c>
      <c r="CV35" s="73">
        <v>276</v>
      </c>
      <c r="CW35" s="123">
        <v>42</v>
      </c>
      <c r="CX35" s="82">
        <v>64</v>
      </c>
      <c r="CY35" s="83">
        <v>106</v>
      </c>
      <c r="CZ35" s="241"/>
      <c r="DA35" s="82">
        <v>120</v>
      </c>
      <c r="DB35" s="82">
        <v>86</v>
      </c>
      <c r="DC35" s="82">
        <v>78</v>
      </c>
      <c r="DD35" s="82">
        <v>79</v>
      </c>
      <c r="DE35" s="82">
        <v>33</v>
      </c>
      <c r="DF35" s="84">
        <v>396</v>
      </c>
      <c r="DG35" s="85">
        <v>502</v>
      </c>
      <c r="DH35" s="70">
        <v>1</v>
      </c>
      <c r="DI35" s="71">
        <v>2</v>
      </c>
      <c r="DJ35" s="72">
        <v>3</v>
      </c>
      <c r="DK35" s="241"/>
      <c r="DL35" s="71">
        <v>4</v>
      </c>
      <c r="DM35" s="71">
        <v>2</v>
      </c>
      <c r="DN35" s="71">
        <v>1</v>
      </c>
      <c r="DO35" s="71">
        <v>1</v>
      </c>
      <c r="DP35" s="71">
        <v>2</v>
      </c>
      <c r="DQ35" s="72">
        <v>10</v>
      </c>
      <c r="DR35" s="73">
        <v>13</v>
      </c>
      <c r="DS35" s="70">
        <v>3</v>
      </c>
      <c r="DT35" s="71">
        <v>3</v>
      </c>
      <c r="DU35" s="72">
        <v>6</v>
      </c>
      <c r="DV35" s="241"/>
      <c r="DW35" s="71">
        <v>8</v>
      </c>
      <c r="DX35" s="71">
        <v>1</v>
      </c>
      <c r="DY35" s="71">
        <v>3</v>
      </c>
      <c r="DZ35" s="71">
        <v>5</v>
      </c>
      <c r="EA35" s="71">
        <v>2</v>
      </c>
      <c r="EB35" s="72">
        <v>19</v>
      </c>
      <c r="EC35" s="73">
        <v>25</v>
      </c>
      <c r="ED35" s="70">
        <v>6</v>
      </c>
      <c r="EE35" s="71">
        <v>7</v>
      </c>
      <c r="EF35" s="72">
        <v>13</v>
      </c>
      <c r="EG35" s="241"/>
      <c r="EH35" s="71">
        <v>13</v>
      </c>
      <c r="EI35" s="71">
        <v>6</v>
      </c>
      <c r="EJ35" s="71">
        <v>7</v>
      </c>
      <c r="EK35" s="71">
        <v>5</v>
      </c>
      <c r="EL35" s="71">
        <v>1</v>
      </c>
      <c r="EM35" s="72">
        <v>32</v>
      </c>
      <c r="EN35" s="73">
        <v>45</v>
      </c>
      <c r="EO35" s="70">
        <v>12</v>
      </c>
      <c r="EP35" s="71">
        <v>16</v>
      </c>
      <c r="EQ35" s="72">
        <v>28</v>
      </c>
      <c r="ER35" s="241"/>
      <c r="ES35" s="71">
        <v>24</v>
      </c>
      <c r="ET35" s="71">
        <v>24</v>
      </c>
      <c r="EU35" s="71">
        <v>12</v>
      </c>
      <c r="EV35" s="71">
        <v>9</v>
      </c>
      <c r="EW35" s="71">
        <v>10</v>
      </c>
      <c r="EX35" s="72">
        <v>79</v>
      </c>
      <c r="EY35" s="73">
        <v>107</v>
      </c>
      <c r="EZ35" s="70">
        <v>13</v>
      </c>
      <c r="FA35" s="71">
        <v>12</v>
      </c>
      <c r="FB35" s="72">
        <v>25</v>
      </c>
      <c r="FC35" s="241"/>
      <c r="FD35" s="71">
        <v>45</v>
      </c>
      <c r="FE35" s="71">
        <v>19</v>
      </c>
      <c r="FF35" s="71">
        <v>25</v>
      </c>
      <c r="FG35" s="71">
        <v>17</v>
      </c>
      <c r="FH35" s="71">
        <v>5</v>
      </c>
      <c r="FI35" s="72">
        <v>111</v>
      </c>
      <c r="FJ35" s="73">
        <v>136</v>
      </c>
      <c r="FK35" s="70">
        <v>7</v>
      </c>
      <c r="FL35" s="71">
        <v>24</v>
      </c>
      <c r="FM35" s="72">
        <v>31</v>
      </c>
      <c r="FN35" s="241"/>
      <c r="FO35" s="71">
        <v>26</v>
      </c>
      <c r="FP35" s="71">
        <v>34</v>
      </c>
      <c r="FQ35" s="71">
        <v>30</v>
      </c>
      <c r="FR35" s="71">
        <v>42</v>
      </c>
      <c r="FS35" s="71">
        <v>13</v>
      </c>
      <c r="FT35" s="72">
        <v>145</v>
      </c>
      <c r="FU35" s="73">
        <v>176</v>
      </c>
      <c r="FV35" s="70">
        <v>2</v>
      </c>
      <c r="FW35" s="71">
        <v>1</v>
      </c>
      <c r="FX35" s="72">
        <v>3</v>
      </c>
      <c r="FY35" s="241"/>
      <c r="FZ35" s="71">
        <v>4</v>
      </c>
      <c r="GA35" s="71">
        <v>2</v>
      </c>
      <c r="GB35" s="71">
        <v>0</v>
      </c>
      <c r="GC35" s="71">
        <v>0</v>
      </c>
      <c r="GD35" s="71">
        <v>3</v>
      </c>
      <c r="GE35" s="72">
        <v>9</v>
      </c>
      <c r="GF35" s="73">
        <v>12</v>
      </c>
      <c r="GG35" s="70">
        <v>44</v>
      </c>
      <c r="GH35" s="71">
        <v>65</v>
      </c>
      <c r="GI35" s="72">
        <v>109</v>
      </c>
      <c r="GJ35" s="241"/>
      <c r="GK35" s="71">
        <v>124</v>
      </c>
      <c r="GL35" s="71">
        <v>88</v>
      </c>
      <c r="GM35" s="71">
        <v>78</v>
      </c>
      <c r="GN35" s="71">
        <v>79</v>
      </c>
      <c r="GO35" s="71">
        <v>36</v>
      </c>
      <c r="GP35" s="72">
        <v>405</v>
      </c>
      <c r="GQ35" s="73">
        <v>514</v>
      </c>
      <c r="GR35" s="123">
        <v>73</v>
      </c>
      <c r="GS35" s="82">
        <v>85</v>
      </c>
      <c r="GT35" s="83">
        <v>158</v>
      </c>
      <c r="GU35" s="241"/>
      <c r="GV35" s="82">
        <v>181</v>
      </c>
      <c r="GW35" s="82">
        <v>146</v>
      </c>
      <c r="GX35" s="82">
        <v>117</v>
      </c>
      <c r="GY35" s="82">
        <v>103</v>
      </c>
      <c r="GZ35" s="82">
        <v>54</v>
      </c>
      <c r="HA35" s="84">
        <v>601</v>
      </c>
      <c r="HB35" s="85">
        <v>759</v>
      </c>
      <c r="HC35" s="70">
        <v>3</v>
      </c>
      <c r="HD35" s="71">
        <v>5</v>
      </c>
      <c r="HE35" s="72">
        <v>8</v>
      </c>
      <c r="HF35" s="241"/>
      <c r="HG35" s="71">
        <v>8</v>
      </c>
      <c r="HH35" s="71">
        <v>3</v>
      </c>
      <c r="HI35" s="71">
        <v>3</v>
      </c>
      <c r="HJ35" s="71">
        <v>5</v>
      </c>
      <c r="HK35" s="71">
        <v>3</v>
      </c>
      <c r="HL35" s="72">
        <v>22</v>
      </c>
      <c r="HM35" s="73">
        <v>30</v>
      </c>
      <c r="HN35" s="70">
        <v>10</v>
      </c>
      <c r="HO35" s="71">
        <v>5</v>
      </c>
      <c r="HP35" s="72">
        <v>15</v>
      </c>
      <c r="HQ35" s="241"/>
      <c r="HR35" s="71">
        <v>13</v>
      </c>
      <c r="HS35" s="71">
        <v>4</v>
      </c>
      <c r="HT35" s="71">
        <v>8</v>
      </c>
      <c r="HU35" s="71">
        <v>8</v>
      </c>
      <c r="HV35" s="71">
        <v>6</v>
      </c>
      <c r="HW35" s="72">
        <v>39</v>
      </c>
      <c r="HX35" s="73">
        <v>54</v>
      </c>
      <c r="HY35" s="70">
        <v>12</v>
      </c>
      <c r="HZ35" s="71">
        <v>7</v>
      </c>
      <c r="IA35" s="72">
        <v>19</v>
      </c>
      <c r="IB35" s="241"/>
      <c r="IC35" s="71">
        <v>24</v>
      </c>
      <c r="ID35" s="71">
        <v>21</v>
      </c>
      <c r="IE35" s="71">
        <v>11</v>
      </c>
      <c r="IF35" s="71">
        <v>6</v>
      </c>
      <c r="IG35" s="71">
        <v>5</v>
      </c>
      <c r="IH35" s="72">
        <v>67</v>
      </c>
      <c r="II35" s="73">
        <v>86</v>
      </c>
      <c r="IJ35" s="70">
        <v>19</v>
      </c>
      <c r="IK35" s="71">
        <v>21</v>
      </c>
      <c r="IL35" s="72">
        <v>40</v>
      </c>
      <c r="IM35" s="241"/>
      <c r="IN35" s="71">
        <v>36</v>
      </c>
      <c r="IO35" s="71">
        <v>38</v>
      </c>
      <c r="IP35" s="71">
        <v>20</v>
      </c>
      <c r="IQ35" s="71">
        <v>16</v>
      </c>
      <c r="IR35" s="71">
        <v>18</v>
      </c>
      <c r="IS35" s="72">
        <v>128</v>
      </c>
      <c r="IT35" s="73">
        <v>168</v>
      </c>
      <c r="IU35" s="70">
        <v>20</v>
      </c>
      <c r="IV35" s="71">
        <v>19</v>
      </c>
      <c r="IW35" s="72">
        <v>39</v>
      </c>
      <c r="IX35" s="241"/>
      <c r="IY35" s="71">
        <v>65</v>
      </c>
      <c r="IZ35" s="71">
        <v>36</v>
      </c>
      <c r="JA35" s="71">
        <v>37</v>
      </c>
      <c r="JB35" s="71">
        <v>22</v>
      </c>
      <c r="JC35" s="71">
        <v>8</v>
      </c>
      <c r="JD35" s="72">
        <v>168</v>
      </c>
      <c r="JE35" s="73">
        <v>207</v>
      </c>
      <c r="JF35" s="70">
        <v>9</v>
      </c>
      <c r="JG35" s="71">
        <v>28</v>
      </c>
      <c r="JH35" s="72">
        <v>37</v>
      </c>
      <c r="JI35" s="241"/>
      <c r="JJ35" s="71">
        <v>35</v>
      </c>
      <c r="JK35" s="71">
        <v>44</v>
      </c>
      <c r="JL35" s="71">
        <v>38</v>
      </c>
      <c r="JM35" s="71">
        <v>46</v>
      </c>
      <c r="JN35" s="71">
        <v>14</v>
      </c>
      <c r="JO35" s="72">
        <v>177</v>
      </c>
      <c r="JP35" s="73">
        <v>214</v>
      </c>
      <c r="JQ35" s="70">
        <v>3</v>
      </c>
      <c r="JR35" s="71">
        <v>2</v>
      </c>
      <c r="JS35" s="72">
        <v>5</v>
      </c>
      <c r="JT35" s="241"/>
      <c r="JU35" s="71">
        <v>9</v>
      </c>
      <c r="JV35" s="71">
        <v>7</v>
      </c>
      <c r="JW35" s="71">
        <v>1</v>
      </c>
      <c r="JX35" s="71">
        <v>3</v>
      </c>
      <c r="JY35" s="71">
        <v>6</v>
      </c>
      <c r="JZ35" s="72">
        <v>26</v>
      </c>
      <c r="KA35" s="73">
        <v>31</v>
      </c>
      <c r="KB35" s="70">
        <v>76</v>
      </c>
      <c r="KC35" s="71">
        <v>87</v>
      </c>
      <c r="KD35" s="72">
        <v>163</v>
      </c>
      <c r="KE35" s="241"/>
      <c r="KF35" s="71">
        <v>190</v>
      </c>
      <c r="KG35" s="71">
        <v>153</v>
      </c>
      <c r="KH35" s="71">
        <v>118</v>
      </c>
      <c r="KI35" s="71">
        <v>106</v>
      </c>
      <c r="KJ35" s="71">
        <v>60</v>
      </c>
      <c r="KK35" s="72">
        <v>627</v>
      </c>
      <c r="KL35" s="73">
        <v>790</v>
      </c>
    </row>
    <row r="36" spans="1:298" ht="19.5" customHeight="1" x14ac:dyDescent="0.2">
      <c r="A36" s="126" t="s">
        <v>33</v>
      </c>
      <c r="B36" s="316">
        <v>37</v>
      </c>
      <c r="C36" s="82">
        <v>21</v>
      </c>
      <c r="D36" s="83">
        <v>58</v>
      </c>
      <c r="E36" s="241"/>
      <c r="F36" s="82">
        <v>57</v>
      </c>
      <c r="G36" s="82">
        <v>44</v>
      </c>
      <c r="H36" s="82">
        <v>30</v>
      </c>
      <c r="I36" s="82">
        <v>27</v>
      </c>
      <c r="J36" s="82">
        <v>17</v>
      </c>
      <c r="K36" s="84">
        <v>175</v>
      </c>
      <c r="L36" s="85">
        <v>233</v>
      </c>
      <c r="M36" s="70">
        <v>2</v>
      </c>
      <c r="N36" s="71">
        <v>1</v>
      </c>
      <c r="O36" s="72">
        <v>3</v>
      </c>
      <c r="P36" s="241"/>
      <c r="Q36" s="71">
        <v>2</v>
      </c>
      <c r="R36" s="71">
        <v>2</v>
      </c>
      <c r="S36" s="71">
        <v>3</v>
      </c>
      <c r="T36" s="71">
        <v>2</v>
      </c>
      <c r="U36" s="71">
        <v>0</v>
      </c>
      <c r="V36" s="72">
        <v>9</v>
      </c>
      <c r="W36" s="73">
        <v>12</v>
      </c>
      <c r="X36" s="70">
        <v>5</v>
      </c>
      <c r="Y36" s="71">
        <v>6</v>
      </c>
      <c r="Z36" s="72">
        <v>11</v>
      </c>
      <c r="AA36" s="241"/>
      <c r="AB36" s="71">
        <v>4</v>
      </c>
      <c r="AC36" s="71">
        <v>10</v>
      </c>
      <c r="AD36" s="71">
        <v>4</v>
      </c>
      <c r="AE36" s="71">
        <v>9</v>
      </c>
      <c r="AF36" s="71">
        <v>4</v>
      </c>
      <c r="AG36" s="72">
        <v>31</v>
      </c>
      <c r="AH36" s="73">
        <v>42</v>
      </c>
      <c r="AI36" s="70">
        <v>8</v>
      </c>
      <c r="AJ36" s="71">
        <v>4</v>
      </c>
      <c r="AK36" s="72">
        <v>12</v>
      </c>
      <c r="AL36" s="241"/>
      <c r="AM36" s="71">
        <v>11</v>
      </c>
      <c r="AN36" s="71">
        <v>7</v>
      </c>
      <c r="AO36" s="71">
        <v>7</v>
      </c>
      <c r="AP36" s="71">
        <v>4</v>
      </c>
      <c r="AQ36" s="71">
        <v>3</v>
      </c>
      <c r="AR36" s="72">
        <v>32</v>
      </c>
      <c r="AS36" s="73">
        <v>44</v>
      </c>
      <c r="AT36" s="70">
        <v>6</v>
      </c>
      <c r="AU36" s="71">
        <v>7</v>
      </c>
      <c r="AV36" s="72">
        <v>13</v>
      </c>
      <c r="AW36" s="241"/>
      <c r="AX36" s="71">
        <v>16</v>
      </c>
      <c r="AY36" s="71">
        <v>12</v>
      </c>
      <c r="AZ36" s="71">
        <v>4</v>
      </c>
      <c r="BA36" s="71">
        <v>3</v>
      </c>
      <c r="BB36" s="71">
        <v>3</v>
      </c>
      <c r="BC36" s="72">
        <v>38</v>
      </c>
      <c r="BD36" s="73">
        <v>51</v>
      </c>
      <c r="BE36" s="70">
        <v>9</v>
      </c>
      <c r="BF36" s="71">
        <v>1</v>
      </c>
      <c r="BG36" s="72">
        <v>10</v>
      </c>
      <c r="BH36" s="241"/>
      <c r="BI36" s="71">
        <v>13</v>
      </c>
      <c r="BJ36" s="71">
        <v>7</v>
      </c>
      <c r="BK36" s="71">
        <v>9</v>
      </c>
      <c r="BL36" s="71">
        <v>5</v>
      </c>
      <c r="BM36" s="71">
        <v>5</v>
      </c>
      <c r="BN36" s="72">
        <v>39</v>
      </c>
      <c r="BO36" s="73">
        <v>49</v>
      </c>
      <c r="BP36" s="70">
        <v>7</v>
      </c>
      <c r="BQ36" s="71">
        <v>2</v>
      </c>
      <c r="BR36" s="72">
        <v>9</v>
      </c>
      <c r="BS36" s="241"/>
      <c r="BT36" s="71">
        <v>11</v>
      </c>
      <c r="BU36" s="71">
        <v>6</v>
      </c>
      <c r="BV36" s="71">
        <v>3</v>
      </c>
      <c r="BW36" s="71">
        <v>4</v>
      </c>
      <c r="BX36" s="71">
        <v>2</v>
      </c>
      <c r="BY36" s="72">
        <v>26</v>
      </c>
      <c r="BZ36" s="73">
        <v>35</v>
      </c>
      <c r="CA36" s="70">
        <v>1</v>
      </c>
      <c r="CB36" s="71">
        <v>0</v>
      </c>
      <c r="CC36" s="72">
        <v>1</v>
      </c>
      <c r="CD36" s="241"/>
      <c r="CE36" s="71">
        <v>2</v>
      </c>
      <c r="CF36" s="71">
        <v>1</v>
      </c>
      <c r="CG36" s="71">
        <v>0</v>
      </c>
      <c r="CH36" s="71">
        <v>0</v>
      </c>
      <c r="CI36" s="71">
        <v>1</v>
      </c>
      <c r="CJ36" s="72">
        <v>4</v>
      </c>
      <c r="CK36" s="73">
        <v>5</v>
      </c>
      <c r="CL36" s="70">
        <v>38</v>
      </c>
      <c r="CM36" s="71">
        <v>21</v>
      </c>
      <c r="CN36" s="72">
        <v>59</v>
      </c>
      <c r="CO36" s="241"/>
      <c r="CP36" s="71">
        <v>59</v>
      </c>
      <c r="CQ36" s="71">
        <v>45</v>
      </c>
      <c r="CR36" s="71">
        <v>30</v>
      </c>
      <c r="CS36" s="71">
        <v>27</v>
      </c>
      <c r="CT36" s="71">
        <v>18</v>
      </c>
      <c r="CU36" s="72">
        <v>179</v>
      </c>
      <c r="CV36" s="73">
        <v>238</v>
      </c>
      <c r="CW36" s="123">
        <v>68</v>
      </c>
      <c r="CX36" s="82">
        <v>66</v>
      </c>
      <c r="CY36" s="83">
        <v>134</v>
      </c>
      <c r="CZ36" s="241"/>
      <c r="DA36" s="82">
        <v>113</v>
      </c>
      <c r="DB36" s="82">
        <v>87</v>
      </c>
      <c r="DC36" s="82">
        <v>70</v>
      </c>
      <c r="DD36" s="82">
        <v>75</v>
      </c>
      <c r="DE36" s="82">
        <v>58</v>
      </c>
      <c r="DF36" s="84">
        <v>403</v>
      </c>
      <c r="DG36" s="85">
        <v>537</v>
      </c>
      <c r="DH36" s="70">
        <v>3</v>
      </c>
      <c r="DI36" s="71">
        <v>1</v>
      </c>
      <c r="DJ36" s="72">
        <v>4</v>
      </c>
      <c r="DK36" s="241"/>
      <c r="DL36" s="71">
        <v>1</v>
      </c>
      <c r="DM36" s="71">
        <v>2</v>
      </c>
      <c r="DN36" s="71">
        <v>2</v>
      </c>
      <c r="DO36" s="71">
        <v>2</v>
      </c>
      <c r="DP36" s="71">
        <v>3</v>
      </c>
      <c r="DQ36" s="72">
        <v>10</v>
      </c>
      <c r="DR36" s="73">
        <v>14</v>
      </c>
      <c r="DS36" s="70">
        <v>8</v>
      </c>
      <c r="DT36" s="71">
        <v>5</v>
      </c>
      <c r="DU36" s="72">
        <v>13</v>
      </c>
      <c r="DV36" s="241"/>
      <c r="DW36" s="71">
        <v>3</v>
      </c>
      <c r="DX36" s="71">
        <v>5</v>
      </c>
      <c r="DY36" s="71">
        <v>5</v>
      </c>
      <c r="DZ36" s="71">
        <v>4</v>
      </c>
      <c r="EA36" s="71">
        <v>2</v>
      </c>
      <c r="EB36" s="72">
        <v>19</v>
      </c>
      <c r="EC36" s="73">
        <v>32</v>
      </c>
      <c r="ED36" s="70">
        <v>4</v>
      </c>
      <c r="EE36" s="71">
        <v>5</v>
      </c>
      <c r="EF36" s="72">
        <v>9</v>
      </c>
      <c r="EG36" s="241"/>
      <c r="EH36" s="71">
        <v>16</v>
      </c>
      <c r="EI36" s="71">
        <v>9</v>
      </c>
      <c r="EJ36" s="71">
        <v>6</v>
      </c>
      <c r="EK36" s="71">
        <v>5</v>
      </c>
      <c r="EL36" s="71">
        <v>8</v>
      </c>
      <c r="EM36" s="72">
        <v>44</v>
      </c>
      <c r="EN36" s="73">
        <v>53</v>
      </c>
      <c r="EO36" s="70">
        <v>11</v>
      </c>
      <c r="EP36" s="71">
        <v>14</v>
      </c>
      <c r="EQ36" s="72">
        <v>25</v>
      </c>
      <c r="ER36" s="241"/>
      <c r="ES36" s="71">
        <v>27</v>
      </c>
      <c r="ET36" s="71">
        <v>19</v>
      </c>
      <c r="EU36" s="71">
        <v>12</v>
      </c>
      <c r="EV36" s="71">
        <v>18</v>
      </c>
      <c r="EW36" s="71">
        <v>9</v>
      </c>
      <c r="EX36" s="72">
        <v>85</v>
      </c>
      <c r="EY36" s="73">
        <v>110</v>
      </c>
      <c r="EZ36" s="70">
        <v>31</v>
      </c>
      <c r="FA36" s="71">
        <v>23</v>
      </c>
      <c r="FB36" s="72">
        <v>54</v>
      </c>
      <c r="FC36" s="241"/>
      <c r="FD36" s="71">
        <v>34</v>
      </c>
      <c r="FE36" s="71">
        <v>17</v>
      </c>
      <c r="FF36" s="71">
        <v>16</v>
      </c>
      <c r="FG36" s="71">
        <v>14</v>
      </c>
      <c r="FH36" s="71">
        <v>14</v>
      </c>
      <c r="FI36" s="72">
        <v>95</v>
      </c>
      <c r="FJ36" s="73">
        <v>149</v>
      </c>
      <c r="FK36" s="70">
        <v>11</v>
      </c>
      <c r="FL36" s="71">
        <v>18</v>
      </c>
      <c r="FM36" s="72">
        <v>29</v>
      </c>
      <c r="FN36" s="241"/>
      <c r="FO36" s="71">
        <v>32</v>
      </c>
      <c r="FP36" s="71">
        <v>35</v>
      </c>
      <c r="FQ36" s="71">
        <v>29</v>
      </c>
      <c r="FR36" s="71">
        <v>32</v>
      </c>
      <c r="FS36" s="71">
        <v>22</v>
      </c>
      <c r="FT36" s="72">
        <v>150</v>
      </c>
      <c r="FU36" s="73">
        <v>179</v>
      </c>
      <c r="FV36" s="70">
        <v>0</v>
      </c>
      <c r="FW36" s="71">
        <v>0</v>
      </c>
      <c r="FX36" s="72">
        <v>0</v>
      </c>
      <c r="FY36" s="241"/>
      <c r="FZ36" s="71">
        <v>1</v>
      </c>
      <c r="GA36" s="71">
        <v>0</v>
      </c>
      <c r="GB36" s="71">
        <v>0</v>
      </c>
      <c r="GC36" s="71">
        <v>1</v>
      </c>
      <c r="GD36" s="71">
        <v>1</v>
      </c>
      <c r="GE36" s="72">
        <v>3</v>
      </c>
      <c r="GF36" s="73">
        <v>3</v>
      </c>
      <c r="GG36" s="70">
        <v>68</v>
      </c>
      <c r="GH36" s="71">
        <v>66</v>
      </c>
      <c r="GI36" s="72">
        <v>134</v>
      </c>
      <c r="GJ36" s="241"/>
      <c r="GK36" s="71">
        <v>114</v>
      </c>
      <c r="GL36" s="71">
        <v>87</v>
      </c>
      <c r="GM36" s="71">
        <v>70</v>
      </c>
      <c r="GN36" s="71">
        <v>76</v>
      </c>
      <c r="GO36" s="71">
        <v>59</v>
      </c>
      <c r="GP36" s="72">
        <v>406</v>
      </c>
      <c r="GQ36" s="73">
        <v>540</v>
      </c>
      <c r="GR36" s="123">
        <v>105</v>
      </c>
      <c r="GS36" s="82">
        <v>87</v>
      </c>
      <c r="GT36" s="83">
        <v>192</v>
      </c>
      <c r="GU36" s="241"/>
      <c r="GV36" s="82">
        <v>170</v>
      </c>
      <c r="GW36" s="82">
        <v>131</v>
      </c>
      <c r="GX36" s="82">
        <v>100</v>
      </c>
      <c r="GY36" s="82">
        <v>102</v>
      </c>
      <c r="GZ36" s="82">
        <v>75</v>
      </c>
      <c r="HA36" s="84">
        <v>578</v>
      </c>
      <c r="HB36" s="85">
        <v>770</v>
      </c>
      <c r="HC36" s="70">
        <v>5</v>
      </c>
      <c r="HD36" s="71">
        <v>2</v>
      </c>
      <c r="HE36" s="72">
        <v>7</v>
      </c>
      <c r="HF36" s="241"/>
      <c r="HG36" s="71">
        <v>3</v>
      </c>
      <c r="HH36" s="71">
        <v>4</v>
      </c>
      <c r="HI36" s="71">
        <v>5</v>
      </c>
      <c r="HJ36" s="71">
        <v>4</v>
      </c>
      <c r="HK36" s="71">
        <v>3</v>
      </c>
      <c r="HL36" s="72">
        <v>19</v>
      </c>
      <c r="HM36" s="73">
        <v>26</v>
      </c>
      <c r="HN36" s="70">
        <v>13</v>
      </c>
      <c r="HO36" s="71">
        <v>11</v>
      </c>
      <c r="HP36" s="72">
        <v>24</v>
      </c>
      <c r="HQ36" s="241"/>
      <c r="HR36" s="71">
        <v>7</v>
      </c>
      <c r="HS36" s="71">
        <v>15</v>
      </c>
      <c r="HT36" s="71">
        <v>9</v>
      </c>
      <c r="HU36" s="71">
        <v>13</v>
      </c>
      <c r="HV36" s="71">
        <v>6</v>
      </c>
      <c r="HW36" s="72">
        <v>50</v>
      </c>
      <c r="HX36" s="73">
        <v>74</v>
      </c>
      <c r="HY36" s="70">
        <v>12</v>
      </c>
      <c r="HZ36" s="71">
        <v>9</v>
      </c>
      <c r="IA36" s="72">
        <v>21</v>
      </c>
      <c r="IB36" s="241"/>
      <c r="IC36" s="71">
        <v>27</v>
      </c>
      <c r="ID36" s="71">
        <v>16</v>
      </c>
      <c r="IE36" s="71">
        <v>13</v>
      </c>
      <c r="IF36" s="71">
        <v>9</v>
      </c>
      <c r="IG36" s="71">
        <v>11</v>
      </c>
      <c r="IH36" s="72">
        <v>76</v>
      </c>
      <c r="II36" s="73">
        <v>97</v>
      </c>
      <c r="IJ36" s="70">
        <v>17</v>
      </c>
      <c r="IK36" s="71">
        <v>21</v>
      </c>
      <c r="IL36" s="72">
        <v>38</v>
      </c>
      <c r="IM36" s="241"/>
      <c r="IN36" s="71">
        <v>43</v>
      </c>
      <c r="IO36" s="71">
        <v>31</v>
      </c>
      <c r="IP36" s="71">
        <v>16</v>
      </c>
      <c r="IQ36" s="71">
        <v>21</v>
      </c>
      <c r="IR36" s="71">
        <v>12</v>
      </c>
      <c r="IS36" s="72">
        <v>123</v>
      </c>
      <c r="IT36" s="73">
        <v>161</v>
      </c>
      <c r="IU36" s="70">
        <v>40</v>
      </c>
      <c r="IV36" s="71">
        <v>24</v>
      </c>
      <c r="IW36" s="72">
        <v>64</v>
      </c>
      <c r="IX36" s="241"/>
      <c r="IY36" s="71">
        <v>47</v>
      </c>
      <c r="IZ36" s="71">
        <v>24</v>
      </c>
      <c r="JA36" s="71">
        <v>25</v>
      </c>
      <c r="JB36" s="71">
        <v>19</v>
      </c>
      <c r="JC36" s="71">
        <v>19</v>
      </c>
      <c r="JD36" s="72">
        <v>134</v>
      </c>
      <c r="JE36" s="73">
        <v>198</v>
      </c>
      <c r="JF36" s="70">
        <v>18</v>
      </c>
      <c r="JG36" s="71">
        <v>20</v>
      </c>
      <c r="JH36" s="72">
        <v>38</v>
      </c>
      <c r="JI36" s="241"/>
      <c r="JJ36" s="71">
        <v>43</v>
      </c>
      <c r="JK36" s="71">
        <v>41</v>
      </c>
      <c r="JL36" s="71">
        <v>32</v>
      </c>
      <c r="JM36" s="71">
        <v>36</v>
      </c>
      <c r="JN36" s="71">
        <v>24</v>
      </c>
      <c r="JO36" s="72">
        <v>176</v>
      </c>
      <c r="JP36" s="73">
        <v>214</v>
      </c>
      <c r="JQ36" s="70">
        <v>1</v>
      </c>
      <c r="JR36" s="71">
        <v>0</v>
      </c>
      <c r="JS36" s="72">
        <v>1</v>
      </c>
      <c r="JT36" s="241"/>
      <c r="JU36" s="71">
        <v>3</v>
      </c>
      <c r="JV36" s="71">
        <v>1</v>
      </c>
      <c r="JW36" s="71">
        <v>0</v>
      </c>
      <c r="JX36" s="71">
        <v>1</v>
      </c>
      <c r="JY36" s="71">
        <v>2</v>
      </c>
      <c r="JZ36" s="72">
        <v>7</v>
      </c>
      <c r="KA36" s="73">
        <v>8</v>
      </c>
      <c r="KB36" s="70">
        <v>106</v>
      </c>
      <c r="KC36" s="71">
        <v>87</v>
      </c>
      <c r="KD36" s="72">
        <v>193</v>
      </c>
      <c r="KE36" s="241"/>
      <c r="KF36" s="71">
        <v>173</v>
      </c>
      <c r="KG36" s="71">
        <v>132</v>
      </c>
      <c r="KH36" s="71">
        <v>100</v>
      </c>
      <c r="KI36" s="71">
        <v>103</v>
      </c>
      <c r="KJ36" s="71">
        <v>77</v>
      </c>
      <c r="KK36" s="72">
        <v>585</v>
      </c>
      <c r="KL36" s="73">
        <v>778</v>
      </c>
    </row>
    <row r="37" spans="1:298" ht="19.5" customHeight="1" x14ac:dyDescent="0.2">
      <c r="A37" s="126" t="s">
        <v>34</v>
      </c>
      <c r="B37" s="316">
        <v>19</v>
      </c>
      <c r="C37" s="82">
        <v>17</v>
      </c>
      <c r="D37" s="83">
        <v>36</v>
      </c>
      <c r="E37" s="241"/>
      <c r="F37" s="82">
        <v>45</v>
      </c>
      <c r="G37" s="82">
        <v>33</v>
      </c>
      <c r="H37" s="82">
        <v>16</v>
      </c>
      <c r="I37" s="82">
        <v>27</v>
      </c>
      <c r="J37" s="82">
        <v>10</v>
      </c>
      <c r="K37" s="84">
        <v>131</v>
      </c>
      <c r="L37" s="85">
        <v>167</v>
      </c>
      <c r="M37" s="70">
        <v>1</v>
      </c>
      <c r="N37" s="71">
        <v>3</v>
      </c>
      <c r="O37" s="72">
        <v>4</v>
      </c>
      <c r="P37" s="241"/>
      <c r="Q37" s="71">
        <v>2</v>
      </c>
      <c r="R37" s="71">
        <v>2</v>
      </c>
      <c r="S37" s="71">
        <v>1</v>
      </c>
      <c r="T37" s="71">
        <v>3</v>
      </c>
      <c r="U37" s="71">
        <v>0</v>
      </c>
      <c r="V37" s="72">
        <v>8</v>
      </c>
      <c r="W37" s="73">
        <v>12</v>
      </c>
      <c r="X37" s="70">
        <v>1</v>
      </c>
      <c r="Y37" s="71">
        <v>2</v>
      </c>
      <c r="Z37" s="72">
        <v>3</v>
      </c>
      <c r="AA37" s="241"/>
      <c r="AB37" s="71">
        <v>3</v>
      </c>
      <c r="AC37" s="71">
        <v>2</v>
      </c>
      <c r="AD37" s="71">
        <v>2</v>
      </c>
      <c r="AE37" s="71">
        <v>3</v>
      </c>
      <c r="AF37" s="71">
        <v>1</v>
      </c>
      <c r="AG37" s="72">
        <v>11</v>
      </c>
      <c r="AH37" s="73">
        <v>14</v>
      </c>
      <c r="AI37" s="70">
        <v>3</v>
      </c>
      <c r="AJ37" s="71">
        <v>3</v>
      </c>
      <c r="AK37" s="72">
        <v>6</v>
      </c>
      <c r="AL37" s="241"/>
      <c r="AM37" s="71">
        <v>4</v>
      </c>
      <c r="AN37" s="71">
        <v>5</v>
      </c>
      <c r="AO37" s="71">
        <v>4</v>
      </c>
      <c r="AP37" s="71">
        <v>5</v>
      </c>
      <c r="AQ37" s="71">
        <v>3</v>
      </c>
      <c r="AR37" s="72">
        <v>21</v>
      </c>
      <c r="AS37" s="73">
        <v>27</v>
      </c>
      <c r="AT37" s="70">
        <v>8</v>
      </c>
      <c r="AU37" s="71">
        <v>4</v>
      </c>
      <c r="AV37" s="72">
        <v>12</v>
      </c>
      <c r="AW37" s="241"/>
      <c r="AX37" s="71">
        <v>15</v>
      </c>
      <c r="AY37" s="71">
        <v>9</v>
      </c>
      <c r="AZ37" s="71">
        <v>5</v>
      </c>
      <c r="BA37" s="71">
        <v>6</v>
      </c>
      <c r="BB37" s="71">
        <v>1</v>
      </c>
      <c r="BC37" s="72">
        <v>36</v>
      </c>
      <c r="BD37" s="73">
        <v>48</v>
      </c>
      <c r="BE37" s="70">
        <v>4</v>
      </c>
      <c r="BF37" s="71">
        <v>4</v>
      </c>
      <c r="BG37" s="72">
        <v>8</v>
      </c>
      <c r="BH37" s="241"/>
      <c r="BI37" s="71">
        <v>13</v>
      </c>
      <c r="BJ37" s="71">
        <v>8</v>
      </c>
      <c r="BK37" s="71">
        <v>3</v>
      </c>
      <c r="BL37" s="71">
        <v>7</v>
      </c>
      <c r="BM37" s="71">
        <v>3</v>
      </c>
      <c r="BN37" s="72">
        <v>34</v>
      </c>
      <c r="BO37" s="73">
        <v>42</v>
      </c>
      <c r="BP37" s="70">
        <v>2</v>
      </c>
      <c r="BQ37" s="71">
        <v>1</v>
      </c>
      <c r="BR37" s="72">
        <v>3</v>
      </c>
      <c r="BS37" s="241"/>
      <c r="BT37" s="71">
        <v>8</v>
      </c>
      <c r="BU37" s="71">
        <v>7</v>
      </c>
      <c r="BV37" s="71">
        <v>1</v>
      </c>
      <c r="BW37" s="71">
        <v>3</v>
      </c>
      <c r="BX37" s="71">
        <v>2</v>
      </c>
      <c r="BY37" s="72">
        <v>21</v>
      </c>
      <c r="BZ37" s="73">
        <v>24</v>
      </c>
      <c r="CA37" s="70">
        <v>0</v>
      </c>
      <c r="CB37" s="71">
        <v>0</v>
      </c>
      <c r="CC37" s="72">
        <v>0</v>
      </c>
      <c r="CD37" s="241"/>
      <c r="CE37" s="71">
        <v>5</v>
      </c>
      <c r="CF37" s="71">
        <v>0</v>
      </c>
      <c r="CG37" s="71">
        <v>1</v>
      </c>
      <c r="CH37" s="71">
        <v>1</v>
      </c>
      <c r="CI37" s="71">
        <v>1</v>
      </c>
      <c r="CJ37" s="72">
        <v>8</v>
      </c>
      <c r="CK37" s="73">
        <v>8</v>
      </c>
      <c r="CL37" s="70">
        <v>19</v>
      </c>
      <c r="CM37" s="71">
        <v>17</v>
      </c>
      <c r="CN37" s="72">
        <v>36</v>
      </c>
      <c r="CO37" s="241"/>
      <c r="CP37" s="71">
        <v>50</v>
      </c>
      <c r="CQ37" s="71">
        <v>33</v>
      </c>
      <c r="CR37" s="71">
        <v>17</v>
      </c>
      <c r="CS37" s="71">
        <v>28</v>
      </c>
      <c r="CT37" s="71">
        <v>11</v>
      </c>
      <c r="CU37" s="72">
        <v>139</v>
      </c>
      <c r="CV37" s="73">
        <v>175</v>
      </c>
      <c r="CW37" s="123">
        <v>43</v>
      </c>
      <c r="CX37" s="82">
        <v>38</v>
      </c>
      <c r="CY37" s="83">
        <v>81</v>
      </c>
      <c r="CZ37" s="241"/>
      <c r="DA37" s="82">
        <v>79</v>
      </c>
      <c r="DB37" s="82">
        <v>63</v>
      </c>
      <c r="DC37" s="82">
        <v>50</v>
      </c>
      <c r="DD37" s="82">
        <v>45</v>
      </c>
      <c r="DE37" s="82">
        <v>28</v>
      </c>
      <c r="DF37" s="84">
        <v>265</v>
      </c>
      <c r="DG37" s="85">
        <v>346</v>
      </c>
      <c r="DH37" s="70">
        <v>1</v>
      </c>
      <c r="DI37" s="71">
        <v>0</v>
      </c>
      <c r="DJ37" s="72">
        <v>1</v>
      </c>
      <c r="DK37" s="241"/>
      <c r="DL37" s="71">
        <v>1</v>
      </c>
      <c r="DM37" s="71">
        <v>1</v>
      </c>
      <c r="DN37" s="71">
        <v>2</v>
      </c>
      <c r="DO37" s="71">
        <v>1</v>
      </c>
      <c r="DP37" s="71">
        <v>0</v>
      </c>
      <c r="DQ37" s="72">
        <v>5</v>
      </c>
      <c r="DR37" s="73">
        <v>6</v>
      </c>
      <c r="DS37" s="70">
        <v>3</v>
      </c>
      <c r="DT37" s="71">
        <v>0</v>
      </c>
      <c r="DU37" s="72">
        <v>3</v>
      </c>
      <c r="DV37" s="241"/>
      <c r="DW37" s="71">
        <v>3</v>
      </c>
      <c r="DX37" s="71">
        <v>3</v>
      </c>
      <c r="DY37" s="71">
        <v>1</v>
      </c>
      <c r="DZ37" s="71">
        <v>0</v>
      </c>
      <c r="EA37" s="71">
        <v>4</v>
      </c>
      <c r="EB37" s="72">
        <v>11</v>
      </c>
      <c r="EC37" s="73">
        <v>14</v>
      </c>
      <c r="ED37" s="70">
        <v>6</v>
      </c>
      <c r="EE37" s="71">
        <v>2</v>
      </c>
      <c r="EF37" s="72">
        <v>8</v>
      </c>
      <c r="EG37" s="241"/>
      <c r="EH37" s="71">
        <v>9</v>
      </c>
      <c r="EI37" s="71">
        <v>5</v>
      </c>
      <c r="EJ37" s="71">
        <v>6</v>
      </c>
      <c r="EK37" s="71">
        <v>5</v>
      </c>
      <c r="EL37" s="71">
        <v>2</v>
      </c>
      <c r="EM37" s="72">
        <v>27</v>
      </c>
      <c r="EN37" s="73">
        <v>35</v>
      </c>
      <c r="EO37" s="70">
        <v>13</v>
      </c>
      <c r="EP37" s="71">
        <v>10</v>
      </c>
      <c r="EQ37" s="72">
        <v>23</v>
      </c>
      <c r="ER37" s="241"/>
      <c r="ES37" s="71">
        <v>16</v>
      </c>
      <c r="ET37" s="71">
        <v>13</v>
      </c>
      <c r="EU37" s="71">
        <v>4</v>
      </c>
      <c r="EV37" s="71">
        <v>10</v>
      </c>
      <c r="EW37" s="71">
        <v>1</v>
      </c>
      <c r="EX37" s="72">
        <v>44</v>
      </c>
      <c r="EY37" s="73">
        <v>67</v>
      </c>
      <c r="EZ37" s="70">
        <v>10</v>
      </c>
      <c r="FA37" s="71">
        <v>15</v>
      </c>
      <c r="FB37" s="72">
        <v>25</v>
      </c>
      <c r="FC37" s="241"/>
      <c r="FD37" s="71">
        <v>28</v>
      </c>
      <c r="FE37" s="71">
        <v>15</v>
      </c>
      <c r="FF37" s="71">
        <v>16</v>
      </c>
      <c r="FG37" s="71">
        <v>12</v>
      </c>
      <c r="FH37" s="71">
        <v>8</v>
      </c>
      <c r="FI37" s="72">
        <v>79</v>
      </c>
      <c r="FJ37" s="73">
        <v>104</v>
      </c>
      <c r="FK37" s="70">
        <v>10</v>
      </c>
      <c r="FL37" s="71">
        <v>11</v>
      </c>
      <c r="FM37" s="72">
        <v>21</v>
      </c>
      <c r="FN37" s="241"/>
      <c r="FO37" s="71">
        <v>22</v>
      </c>
      <c r="FP37" s="71">
        <v>26</v>
      </c>
      <c r="FQ37" s="71">
        <v>21</v>
      </c>
      <c r="FR37" s="71">
        <v>17</v>
      </c>
      <c r="FS37" s="71">
        <v>13</v>
      </c>
      <c r="FT37" s="72">
        <v>99</v>
      </c>
      <c r="FU37" s="73">
        <v>120</v>
      </c>
      <c r="FV37" s="70">
        <v>0</v>
      </c>
      <c r="FW37" s="71">
        <v>0</v>
      </c>
      <c r="FX37" s="72">
        <v>0</v>
      </c>
      <c r="FY37" s="241"/>
      <c r="FZ37" s="71">
        <v>1</v>
      </c>
      <c r="GA37" s="71">
        <v>1</v>
      </c>
      <c r="GB37" s="71">
        <v>1</v>
      </c>
      <c r="GC37" s="71">
        <v>0</v>
      </c>
      <c r="GD37" s="71">
        <v>1</v>
      </c>
      <c r="GE37" s="72">
        <v>4</v>
      </c>
      <c r="GF37" s="73">
        <v>4</v>
      </c>
      <c r="GG37" s="70">
        <v>43</v>
      </c>
      <c r="GH37" s="71">
        <v>38</v>
      </c>
      <c r="GI37" s="72">
        <v>81</v>
      </c>
      <c r="GJ37" s="241"/>
      <c r="GK37" s="71">
        <v>80</v>
      </c>
      <c r="GL37" s="71">
        <v>64</v>
      </c>
      <c r="GM37" s="71">
        <v>51</v>
      </c>
      <c r="GN37" s="71">
        <v>45</v>
      </c>
      <c r="GO37" s="71">
        <v>29</v>
      </c>
      <c r="GP37" s="72">
        <v>269</v>
      </c>
      <c r="GQ37" s="73">
        <v>350</v>
      </c>
      <c r="GR37" s="123">
        <v>62</v>
      </c>
      <c r="GS37" s="82">
        <v>55</v>
      </c>
      <c r="GT37" s="83">
        <v>117</v>
      </c>
      <c r="GU37" s="241"/>
      <c r="GV37" s="82">
        <v>124</v>
      </c>
      <c r="GW37" s="82">
        <v>96</v>
      </c>
      <c r="GX37" s="82">
        <v>66</v>
      </c>
      <c r="GY37" s="82">
        <v>72</v>
      </c>
      <c r="GZ37" s="82">
        <v>38</v>
      </c>
      <c r="HA37" s="84">
        <v>396</v>
      </c>
      <c r="HB37" s="85">
        <v>513</v>
      </c>
      <c r="HC37" s="70">
        <v>2</v>
      </c>
      <c r="HD37" s="71">
        <v>3</v>
      </c>
      <c r="HE37" s="72">
        <v>5</v>
      </c>
      <c r="HF37" s="241"/>
      <c r="HG37" s="71">
        <v>3</v>
      </c>
      <c r="HH37" s="71">
        <v>3</v>
      </c>
      <c r="HI37" s="71">
        <v>3</v>
      </c>
      <c r="HJ37" s="71">
        <v>4</v>
      </c>
      <c r="HK37" s="71">
        <v>0</v>
      </c>
      <c r="HL37" s="72">
        <v>13</v>
      </c>
      <c r="HM37" s="73">
        <v>18</v>
      </c>
      <c r="HN37" s="70">
        <v>4</v>
      </c>
      <c r="HO37" s="71">
        <v>2</v>
      </c>
      <c r="HP37" s="72">
        <v>6</v>
      </c>
      <c r="HQ37" s="241"/>
      <c r="HR37" s="71">
        <v>6</v>
      </c>
      <c r="HS37" s="71">
        <v>5</v>
      </c>
      <c r="HT37" s="71">
        <v>3</v>
      </c>
      <c r="HU37" s="71">
        <v>3</v>
      </c>
      <c r="HV37" s="71">
        <v>5</v>
      </c>
      <c r="HW37" s="72">
        <v>22</v>
      </c>
      <c r="HX37" s="73">
        <v>28</v>
      </c>
      <c r="HY37" s="70">
        <v>9</v>
      </c>
      <c r="HZ37" s="71">
        <v>5</v>
      </c>
      <c r="IA37" s="72">
        <v>14</v>
      </c>
      <c r="IB37" s="241"/>
      <c r="IC37" s="71">
        <v>13</v>
      </c>
      <c r="ID37" s="71">
        <v>10</v>
      </c>
      <c r="IE37" s="71">
        <v>10</v>
      </c>
      <c r="IF37" s="71">
        <v>10</v>
      </c>
      <c r="IG37" s="71">
        <v>5</v>
      </c>
      <c r="IH37" s="72">
        <v>48</v>
      </c>
      <c r="II37" s="73">
        <v>62</v>
      </c>
      <c r="IJ37" s="70">
        <v>21</v>
      </c>
      <c r="IK37" s="71">
        <v>14</v>
      </c>
      <c r="IL37" s="72">
        <v>35</v>
      </c>
      <c r="IM37" s="241"/>
      <c r="IN37" s="71">
        <v>31</v>
      </c>
      <c r="IO37" s="71">
        <v>22</v>
      </c>
      <c r="IP37" s="71">
        <v>9</v>
      </c>
      <c r="IQ37" s="71">
        <v>16</v>
      </c>
      <c r="IR37" s="71">
        <v>2</v>
      </c>
      <c r="IS37" s="72">
        <v>80</v>
      </c>
      <c r="IT37" s="73">
        <v>115</v>
      </c>
      <c r="IU37" s="70">
        <v>14</v>
      </c>
      <c r="IV37" s="71">
        <v>19</v>
      </c>
      <c r="IW37" s="72">
        <v>33</v>
      </c>
      <c r="IX37" s="241"/>
      <c r="IY37" s="71">
        <v>41</v>
      </c>
      <c r="IZ37" s="71">
        <v>23</v>
      </c>
      <c r="JA37" s="71">
        <v>19</v>
      </c>
      <c r="JB37" s="71">
        <v>19</v>
      </c>
      <c r="JC37" s="71">
        <v>11</v>
      </c>
      <c r="JD37" s="72">
        <v>113</v>
      </c>
      <c r="JE37" s="73">
        <v>146</v>
      </c>
      <c r="JF37" s="70">
        <v>12</v>
      </c>
      <c r="JG37" s="71">
        <v>12</v>
      </c>
      <c r="JH37" s="72">
        <v>24</v>
      </c>
      <c r="JI37" s="241"/>
      <c r="JJ37" s="71">
        <v>30</v>
      </c>
      <c r="JK37" s="71">
        <v>33</v>
      </c>
      <c r="JL37" s="71">
        <v>22</v>
      </c>
      <c r="JM37" s="71">
        <v>20</v>
      </c>
      <c r="JN37" s="71">
        <v>15</v>
      </c>
      <c r="JO37" s="72">
        <v>120</v>
      </c>
      <c r="JP37" s="73">
        <v>144</v>
      </c>
      <c r="JQ37" s="70">
        <v>0</v>
      </c>
      <c r="JR37" s="71">
        <v>0</v>
      </c>
      <c r="JS37" s="72">
        <v>0</v>
      </c>
      <c r="JT37" s="241"/>
      <c r="JU37" s="71">
        <v>6</v>
      </c>
      <c r="JV37" s="71">
        <v>1</v>
      </c>
      <c r="JW37" s="71">
        <v>2</v>
      </c>
      <c r="JX37" s="71">
        <v>1</v>
      </c>
      <c r="JY37" s="71">
        <v>2</v>
      </c>
      <c r="JZ37" s="72">
        <v>12</v>
      </c>
      <c r="KA37" s="73">
        <v>12</v>
      </c>
      <c r="KB37" s="70">
        <v>62</v>
      </c>
      <c r="KC37" s="71">
        <v>55</v>
      </c>
      <c r="KD37" s="72">
        <v>117</v>
      </c>
      <c r="KE37" s="241"/>
      <c r="KF37" s="71">
        <v>130</v>
      </c>
      <c r="KG37" s="71">
        <v>97</v>
      </c>
      <c r="KH37" s="71">
        <v>68</v>
      </c>
      <c r="KI37" s="71">
        <v>73</v>
      </c>
      <c r="KJ37" s="71">
        <v>40</v>
      </c>
      <c r="KK37" s="72">
        <v>408</v>
      </c>
      <c r="KL37" s="73">
        <v>525</v>
      </c>
    </row>
    <row r="38" spans="1:298" ht="19.5" customHeight="1" x14ac:dyDescent="0.2">
      <c r="A38" s="126" t="s">
        <v>35</v>
      </c>
      <c r="B38" s="316">
        <v>51</v>
      </c>
      <c r="C38" s="82">
        <v>48</v>
      </c>
      <c r="D38" s="83">
        <v>99</v>
      </c>
      <c r="E38" s="241"/>
      <c r="F38" s="82">
        <v>164</v>
      </c>
      <c r="G38" s="82">
        <v>101</v>
      </c>
      <c r="H38" s="82">
        <v>54</v>
      </c>
      <c r="I38" s="82">
        <v>50</v>
      </c>
      <c r="J38" s="82">
        <v>24</v>
      </c>
      <c r="K38" s="84">
        <v>393</v>
      </c>
      <c r="L38" s="85">
        <v>492</v>
      </c>
      <c r="M38" s="70">
        <v>2</v>
      </c>
      <c r="N38" s="71">
        <v>3</v>
      </c>
      <c r="O38" s="72">
        <v>5</v>
      </c>
      <c r="P38" s="241"/>
      <c r="Q38" s="71">
        <v>11</v>
      </c>
      <c r="R38" s="71">
        <v>2</v>
      </c>
      <c r="S38" s="71">
        <v>11</v>
      </c>
      <c r="T38" s="71">
        <v>1</v>
      </c>
      <c r="U38" s="71">
        <v>1</v>
      </c>
      <c r="V38" s="72">
        <v>26</v>
      </c>
      <c r="W38" s="73">
        <v>31</v>
      </c>
      <c r="X38" s="70">
        <v>7</v>
      </c>
      <c r="Y38" s="71">
        <v>3</v>
      </c>
      <c r="Z38" s="72">
        <v>10</v>
      </c>
      <c r="AA38" s="241"/>
      <c r="AB38" s="71">
        <v>10</v>
      </c>
      <c r="AC38" s="71">
        <v>12</v>
      </c>
      <c r="AD38" s="71">
        <v>6</v>
      </c>
      <c r="AE38" s="71">
        <v>5</v>
      </c>
      <c r="AF38" s="71">
        <v>6</v>
      </c>
      <c r="AG38" s="72">
        <v>39</v>
      </c>
      <c r="AH38" s="73">
        <v>49</v>
      </c>
      <c r="AI38" s="70">
        <v>8</v>
      </c>
      <c r="AJ38" s="71">
        <v>14</v>
      </c>
      <c r="AK38" s="72">
        <v>22</v>
      </c>
      <c r="AL38" s="241"/>
      <c r="AM38" s="71">
        <v>29</v>
      </c>
      <c r="AN38" s="71">
        <v>13</v>
      </c>
      <c r="AO38" s="71">
        <v>4</v>
      </c>
      <c r="AP38" s="71">
        <v>13</v>
      </c>
      <c r="AQ38" s="71">
        <v>3</v>
      </c>
      <c r="AR38" s="72">
        <v>62</v>
      </c>
      <c r="AS38" s="73">
        <v>84</v>
      </c>
      <c r="AT38" s="70">
        <v>14</v>
      </c>
      <c r="AU38" s="71">
        <v>10</v>
      </c>
      <c r="AV38" s="72">
        <v>24</v>
      </c>
      <c r="AW38" s="241"/>
      <c r="AX38" s="71">
        <v>45</v>
      </c>
      <c r="AY38" s="71">
        <v>23</v>
      </c>
      <c r="AZ38" s="71">
        <v>10</v>
      </c>
      <c r="BA38" s="71">
        <v>13</v>
      </c>
      <c r="BB38" s="71">
        <v>3</v>
      </c>
      <c r="BC38" s="72">
        <v>94</v>
      </c>
      <c r="BD38" s="73">
        <v>118</v>
      </c>
      <c r="BE38" s="70">
        <v>10</v>
      </c>
      <c r="BF38" s="71">
        <v>12</v>
      </c>
      <c r="BG38" s="72">
        <v>22</v>
      </c>
      <c r="BH38" s="241"/>
      <c r="BI38" s="71">
        <v>46</v>
      </c>
      <c r="BJ38" s="71">
        <v>22</v>
      </c>
      <c r="BK38" s="71">
        <v>11</v>
      </c>
      <c r="BL38" s="71">
        <v>4</v>
      </c>
      <c r="BM38" s="71">
        <v>5</v>
      </c>
      <c r="BN38" s="72">
        <v>88</v>
      </c>
      <c r="BO38" s="73">
        <v>110</v>
      </c>
      <c r="BP38" s="70">
        <v>10</v>
      </c>
      <c r="BQ38" s="71">
        <v>6</v>
      </c>
      <c r="BR38" s="72">
        <v>16</v>
      </c>
      <c r="BS38" s="241"/>
      <c r="BT38" s="71">
        <v>23</v>
      </c>
      <c r="BU38" s="71">
        <v>29</v>
      </c>
      <c r="BV38" s="71">
        <v>12</v>
      </c>
      <c r="BW38" s="71">
        <v>14</v>
      </c>
      <c r="BX38" s="71">
        <v>6</v>
      </c>
      <c r="BY38" s="72">
        <v>84</v>
      </c>
      <c r="BZ38" s="73">
        <v>100</v>
      </c>
      <c r="CA38" s="70">
        <v>0</v>
      </c>
      <c r="CB38" s="71">
        <v>2</v>
      </c>
      <c r="CC38" s="72">
        <v>2</v>
      </c>
      <c r="CD38" s="241"/>
      <c r="CE38" s="71">
        <v>3</v>
      </c>
      <c r="CF38" s="71">
        <v>1</v>
      </c>
      <c r="CG38" s="71">
        <v>1</v>
      </c>
      <c r="CH38" s="71">
        <v>2</v>
      </c>
      <c r="CI38" s="71">
        <v>1</v>
      </c>
      <c r="CJ38" s="72">
        <v>8</v>
      </c>
      <c r="CK38" s="73">
        <v>10</v>
      </c>
      <c r="CL38" s="70">
        <v>51</v>
      </c>
      <c r="CM38" s="71">
        <v>50</v>
      </c>
      <c r="CN38" s="72">
        <v>101</v>
      </c>
      <c r="CO38" s="241"/>
      <c r="CP38" s="71">
        <v>167</v>
      </c>
      <c r="CQ38" s="71">
        <v>102</v>
      </c>
      <c r="CR38" s="71">
        <v>55</v>
      </c>
      <c r="CS38" s="71">
        <v>52</v>
      </c>
      <c r="CT38" s="71">
        <v>25</v>
      </c>
      <c r="CU38" s="72">
        <v>401</v>
      </c>
      <c r="CV38" s="73">
        <v>502</v>
      </c>
      <c r="CW38" s="123">
        <v>126</v>
      </c>
      <c r="CX38" s="82">
        <v>149</v>
      </c>
      <c r="CY38" s="83">
        <v>275</v>
      </c>
      <c r="CZ38" s="241"/>
      <c r="DA38" s="82">
        <v>302</v>
      </c>
      <c r="DB38" s="82">
        <v>189</v>
      </c>
      <c r="DC38" s="82">
        <v>150</v>
      </c>
      <c r="DD38" s="82">
        <v>147</v>
      </c>
      <c r="DE38" s="82">
        <v>89</v>
      </c>
      <c r="DF38" s="84">
        <v>877</v>
      </c>
      <c r="DG38" s="85">
        <v>1152</v>
      </c>
      <c r="DH38" s="70">
        <v>2</v>
      </c>
      <c r="DI38" s="71">
        <v>6</v>
      </c>
      <c r="DJ38" s="72">
        <v>8</v>
      </c>
      <c r="DK38" s="241"/>
      <c r="DL38" s="71">
        <v>4</v>
      </c>
      <c r="DM38" s="71">
        <v>5</v>
      </c>
      <c r="DN38" s="71">
        <v>4</v>
      </c>
      <c r="DO38" s="71">
        <v>5</v>
      </c>
      <c r="DP38" s="71">
        <v>1</v>
      </c>
      <c r="DQ38" s="72">
        <v>19</v>
      </c>
      <c r="DR38" s="73">
        <v>27</v>
      </c>
      <c r="DS38" s="70">
        <v>7</v>
      </c>
      <c r="DT38" s="71">
        <v>12</v>
      </c>
      <c r="DU38" s="72">
        <v>19</v>
      </c>
      <c r="DV38" s="241"/>
      <c r="DW38" s="71">
        <v>23</v>
      </c>
      <c r="DX38" s="71">
        <v>5</v>
      </c>
      <c r="DY38" s="71">
        <v>4</v>
      </c>
      <c r="DZ38" s="71">
        <v>5</v>
      </c>
      <c r="EA38" s="71">
        <v>4</v>
      </c>
      <c r="EB38" s="72">
        <v>41</v>
      </c>
      <c r="EC38" s="73">
        <v>60</v>
      </c>
      <c r="ED38" s="70">
        <v>18</v>
      </c>
      <c r="EE38" s="71">
        <v>20</v>
      </c>
      <c r="EF38" s="72">
        <v>38</v>
      </c>
      <c r="EG38" s="241"/>
      <c r="EH38" s="71">
        <v>37</v>
      </c>
      <c r="EI38" s="71">
        <v>18</v>
      </c>
      <c r="EJ38" s="71">
        <v>6</v>
      </c>
      <c r="EK38" s="71">
        <v>18</v>
      </c>
      <c r="EL38" s="71">
        <v>12</v>
      </c>
      <c r="EM38" s="72">
        <v>91</v>
      </c>
      <c r="EN38" s="73">
        <v>129</v>
      </c>
      <c r="EO38" s="70">
        <v>38</v>
      </c>
      <c r="EP38" s="71">
        <v>32</v>
      </c>
      <c r="EQ38" s="72">
        <v>70</v>
      </c>
      <c r="ER38" s="241"/>
      <c r="ES38" s="71">
        <v>66</v>
      </c>
      <c r="ET38" s="71">
        <v>43</v>
      </c>
      <c r="EU38" s="71">
        <v>23</v>
      </c>
      <c r="EV38" s="71">
        <v>25</v>
      </c>
      <c r="EW38" s="71">
        <v>9</v>
      </c>
      <c r="EX38" s="72">
        <v>166</v>
      </c>
      <c r="EY38" s="73">
        <v>236</v>
      </c>
      <c r="EZ38" s="70">
        <v>29</v>
      </c>
      <c r="FA38" s="71">
        <v>50</v>
      </c>
      <c r="FB38" s="72">
        <v>79</v>
      </c>
      <c r="FC38" s="241"/>
      <c r="FD38" s="71">
        <v>99</v>
      </c>
      <c r="FE38" s="71">
        <v>47</v>
      </c>
      <c r="FF38" s="71">
        <v>42</v>
      </c>
      <c r="FG38" s="71">
        <v>31</v>
      </c>
      <c r="FH38" s="71">
        <v>22</v>
      </c>
      <c r="FI38" s="72">
        <v>241</v>
      </c>
      <c r="FJ38" s="73">
        <v>320</v>
      </c>
      <c r="FK38" s="70">
        <v>32</v>
      </c>
      <c r="FL38" s="71">
        <v>29</v>
      </c>
      <c r="FM38" s="72">
        <v>61</v>
      </c>
      <c r="FN38" s="241"/>
      <c r="FO38" s="71">
        <v>73</v>
      </c>
      <c r="FP38" s="71">
        <v>71</v>
      </c>
      <c r="FQ38" s="71">
        <v>71</v>
      </c>
      <c r="FR38" s="71">
        <v>63</v>
      </c>
      <c r="FS38" s="71">
        <v>41</v>
      </c>
      <c r="FT38" s="72">
        <v>319</v>
      </c>
      <c r="FU38" s="73">
        <v>380</v>
      </c>
      <c r="FV38" s="70">
        <v>1</v>
      </c>
      <c r="FW38" s="71">
        <v>1</v>
      </c>
      <c r="FX38" s="72">
        <v>2</v>
      </c>
      <c r="FY38" s="241"/>
      <c r="FZ38" s="71">
        <v>0</v>
      </c>
      <c r="GA38" s="71">
        <v>7</v>
      </c>
      <c r="GB38" s="71">
        <v>2</v>
      </c>
      <c r="GC38" s="71">
        <v>1</v>
      </c>
      <c r="GD38" s="71">
        <v>2</v>
      </c>
      <c r="GE38" s="72">
        <v>12</v>
      </c>
      <c r="GF38" s="73">
        <v>14</v>
      </c>
      <c r="GG38" s="70">
        <v>127</v>
      </c>
      <c r="GH38" s="71">
        <v>150</v>
      </c>
      <c r="GI38" s="72">
        <v>277</v>
      </c>
      <c r="GJ38" s="241"/>
      <c r="GK38" s="71">
        <v>302</v>
      </c>
      <c r="GL38" s="71">
        <v>196</v>
      </c>
      <c r="GM38" s="71">
        <v>152</v>
      </c>
      <c r="GN38" s="71">
        <v>148</v>
      </c>
      <c r="GO38" s="71">
        <v>91</v>
      </c>
      <c r="GP38" s="72">
        <v>889</v>
      </c>
      <c r="GQ38" s="73">
        <v>1166</v>
      </c>
      <c r="GR38" s="123">
        <v>177</v>
      </c>
      <c r="GS38" s="82">
        <v>197</v>
      </c>
      <c r="GT38" s="83">
        <v>374</v>
      </c>
      <c r="GU38" s="241"/>
      <c r="GV38" s="82">
        <v>466</v>
      </c>
      <c r="GW38" s="82">
        <v>290</v>
      </c>
      <c r="GX38" s="82">
        <v>204</v>
      </c>
      <c r="GY38" s="82">
        <v>197</v>
      </c>
      <c r="GZ38" s="82">
        <v>113</v>
      </c>
      <c r="HA38" s="84">
        <v>1270</v>
      </c>
      <c r="HB38" s="85">
        <v>1644</v>
      </c>
      <c r="HC38" s="70">
        <v>4</v>
      </c>
      <c r="HD38" s="71">
        <v>9</v>
      </c>
      <c r="HE38" s="72">
        <v>13</v>
      </c>
      <c r="HF38" s="241"/>
      <c r="HG38" s="71">
        <v>15</v>
      </c>
      <c r="HH38" s="71">
        <v>7</v>
      </c>
      <c r="HI38" s="71">
        <v>15</v>
      </c>
      <c r="HJ38" s="71">
        <v>6</v>
      </c>
      <c r="HK38" s="71">
        <v>2</v>
      </c>
      <c r="HL38" s="72">
        <v>45</v>
      </c>
      <c r="HM38" s="73">
        <v>58</v>
      </c>
      <c r="HN38" s="70">
        <v>14</v>
      </c>
      <c r="HO38" s="71">
        <v>15</v>
      </c>
      <c r="HP38" s="72">
        <v>29</v>
      </c>
      <c r="HQ38" s="241"/>
      <c r="HR38" s="71">
        <v>33</v>
      </c>
      <c r="HS38" s="71">
        <v>17</v>
      </c>
      <c r="HT38" s="71">
        <v>10</v>
      </c>
      <c r="HU38" s="71">
        <v>10</v>
      </c>
      <c r="HV38" s="71">
        <v>10</v>
      </c>
      <c r="HW38" s="72">
        <v>80</v>
      </c>
      <c r="HX38" s="73">
        <v>109</v>
      </c>
      <c r="HY38" s="70">
        <v>26</v>
      </c>
      <c r="HZ38" s="71">
        <v>34</v>
      </c>
      <c r="IA38" s="72">
        <v>60</v>
      </c>
      <c r="IB38" s="241"/>
      <c r="IC38" s="71">
        <v>66</v>
      </c>
      <c r="ID38" s="71">
        <v>31</v>
      </c>
      <c r="IE38" s="71">
        <v>10</v>
      </c>
      <c r="IF38" s="71">
        <v>31</v>
      </c>
      <c r="IG38" s="71">
        <v>15</v>
      </c>
      <c r="IH38" s="72">
        <v>153</v>
      </c>
      <c r="II38" s="73">
        <v>213</v>
      </c>
      <c r="IJ38" s="70">
        <v>52</v>
      </c>
      <c r="IK38" s="71">
        <v>42</v>
      </c>
      <c r="IL38" s="72">
        <v>94</v>
      </c>
      <c r="IM38" s="241"/>
      <c r="IN38" s="71">
        <v>111</v>
      </c>
      <c r="IO38" s="71">
        <v>66</v>
      </c>
      <c r="IP38" s="71">
        <v>33</v>
      </c>
      <c r="IQ38" s="71">
        <v>38</v>
      </c>
      <c r="IR38" s="71">
        <v>12</v>
      </c>
      <c r="IS38" s="72">
        <v>260</v>
      </c>
      <c r="IT38" s="73">
        <v>354</v>
      </c>
      <c r="IU38" s="70">
        <v>39</v>
      </c>
      <c r="IV38" s="71">
        <v>62</v>
      </c>
      <c r="IW38" s="72">
        <v>101</v>
      </c>
      <c r="IX38" s="241"/>
      <c r="IY38" s="71">
        <v>145</v>
      </c>
      <c r="IZ38" s="71">
        <v>69</v>
      </c>
      <c r="JA38" s="71">
        <v>53</v>
      </c>
      <c r="JB38" s="71">
        <v>35</v>
      </c>
      <c r="JC38" s="71">
        <v>27</v>
      </c>
      <c r="JD38" s="72">
        <v>329</v>
      </c>
      <c r="JE38" s="73">
        <v>430</v>
      </c>
      <c r="JF38" s="70">
        <v>42</v>
      </c>
      <c r="JG38" s="71">
        <v>35</v>
      </c>
      <c r="JH38" s="72">
        <v>77</v>
      </c>
      <c r="JI38" s="241"/>
      <c r="JJ38" s="71">
        <v>96</v>
      </c>
      <c r="JK38" s="71">
        <v>100</v>
      </c>
      <c r="JL38" s="71">
        <v>83</v>
      </c>
      <c r="JM38" s="71">
        <v>77</v>
      </c>
      <c r="JN38" s="71">
        <v>47</v>
      </c>
      <c r="JO38" s="72">
        <v>403</v>
      </c>
      <c r="JP38" s="73">
        <v>480</v>
      </c>
      <c r="JQ38" s="70">
        <v>1</v>
      </c>
      <c r="JR38" s="71">
        <v>3</v>
      </c>
      <c r="JS38" s="72">
        <v>4</v>
      </c>
      <c r="JT38" s="241"/>
      <c r="JU38" s="71">
        <v>3</v>
      </c>
      <c r="JV38" s="71">
        <v>8</v>
      </c>
      <c r="JW38" s="71">
        <v>3</v>
      </c>
      <c r="JX38" s="71">
        <v>3</v>
      </c>
      <c r="JY38" s="71">
        <v>3</v>
      </c>
      <c r="JZ38" s="72">
        <v>20</v>
      </c>
      <c r="KA38" s="73">
        <v>24</v>
      </c>
      <c r="KB38" s="70">
        <v>178</v>
      </c>
      <c r="KC38" s="71">
        <v>200</v>
      </c>
      <c r="KD38" s="72">
        <v>378</v>
      </c>
      <c r="KE38" s="241"/>
      <c r="KF38" s="71">
        <v>469</v>
      </c>
      <c r="KG38" s="71">
        <v>298</v>
      </c>
      <c r="KH38" s="71">
        <v>207</v>
      </c>
      <c r="KI38" s="71">
        <v>200</v>
      </c>
      <c r="KJ38" s="71">
        <v>116</v>
      </c>
      <c r="KK38" s="72">
        <v>1290</v>
      </c>
      <c r="KL38" s="73">
        <v>1668</v>
      </c>
    </row>
    <row r="39" spans="1:298" ht="19.5" customHeight="1" x14ac:dyDescent="0.2">
      <c r="A39" s="126" t="s">
        <v>36</v>
      </c>
      <c r="B39" s="316">
        <v>64</v>
      </c>
      <c r="C39" s="82">
        <v>85</v>
      </c>
      <c r="D39" s="83">
        <v>149</v>
      </c>
      <c r="E39" s="241"/>
      <c r="F39" s="82">
        <v>149</v>
      </c>
      <c r="G39" s="82">
        <v>138</v>
      </c>
      <c r="H39" s="82">
        <v>107</v>
      </c>
      <c r="I39" s="82">
        <v>63</v>
      </c>
      <c r="J39" s="82">
        <v>45</v>
      </c>
      <c r="K39" s="84">
        <v>502</v>
      </c>
      <c r="L39" s="85">
        <v>651</v>
      </c>
      <c r="M39" s="70">
        <v>5</v>
      </c>
      <c r="N39" s="71">
        <v>7</v>
      </c>
      <c r="O39" s="72">
        <v>12</v>
      </c>
      <c r="P39" s="241"/>
      <c r="Q39" s="71">
        <v>8</v>
      </c>
      <c r="R39" s="71">
        <v>16</v>
      </c>
      <c r="S39" s="71">
        <v>8</v>
      </c>
      <c r="T39" s="71">
        <v>4</v>
      </c>
      <c r="U39" s="71">
        <v>7</v>
      </c>
      <c r="V39" s="72">
        <v>43</v>
      </c>
      <c r="W39" s="73">
        <v>55</v>
      </c>
      <c r="X39" s="70">
        <v>9</v>
      </c>
      <c r="Y39" s="71">
        <v>13</v>
      </c>
      <c r="Z39" s="72">
        <v>22</v>
      </c>
      <c r="AA39" s="241"/>
      <c r="AB39" s="71">
        <v>22</v>
      </c>
      <c r="AC39" s="71">
        <v>19</v>
      </c>
      <c r="AD39" s="71">
        <v>12</v>
      </c>
      <c r="AE39" s="71">
        <v>13</v>
      </c>
      <c r="AF39" s="71">
        <v>7</v>
      </c>
      <c r="AG39" s="72">
        <v>73</v>
      </c>
      <c r="AH39" s="73">
        <v>95</v>
      </c>
      <c r="AI39" s="70">
        <v>13</v>
      </c>
      <c r="AJ39" s="71">
        <v>16</v>
      </c>
      <c r="AK39" s="72">
        <v>29</v>
      </c>
      <c r="AL39" s="241"/>
      <c r="AM39" s="71">
        <v>33</v>
      </c>
      <c r="AN39" s="71">
        <v>25</v>
      </c>
      <c r="AO39" s="71">
        <v>19</v>
      </c>
      <c r="AP39" s="71">
        <v>12</v>
      </c>
      <c r="AQ39" s="71">
        <v>8</v>
      </c>
      <c r="AR39" s="72">
        <v>97</v>
      </c>
      <c r="AS39" s="73">
        <v>126</v>
      </c>
      <c r="AT39" s="70">
        <v>18</v>
      </c>
      <c r="AU39" s="71">
        <v>26</v>
      </c>
      <c r="AV39" s="72">
        <v>44</v>
      </c>
      <c r="AW39" s="241"/>
      <c r="AX39" s="71">
        <v>35</v>
      </c>
      <c r="AY39" s="71">
        <v>36</v>
      </c>
      <c r="AZ39" s="71">
        <v>25</v>
      </c>
      <c r="BA39" s="71">
        <v>10</v>
      </c>
      <c r="BB39" s="71">
        <v>11</v>
      </c>
      <c r="BC39" s="72">
        <v>117</v>
      </c>
      <c r="BD39" s="73">
        <v>161</v>
      </c>
      <c r="BE39" s="70">
        <v>14</v>
      </c>
      <c r="BF39" s="71">
        <v>19</v>
      </c>
      <c r="BG39" s="72">
        <v>33</v>
      </c>
      <c r="BH39" s="241"/>
      <c r="BI39" s="71">
        <v>29</v>
      </c>
      <c r="BJ39" s="71">
        <v>25</v>
      </c>
      <c r="BK39" s="71">
        <v>29</v>
      </c>
      <c r="BL39" s="71">
        <v>18</v>
      </c>
      <c r="BM39" s="71">
        <v>6</v>
      </c>
      <c r="BN39" s="72">
        <v>107</v>
      </c>
      <c r="BO39" s="73">
        <v>140</v>
      </c>
      <c r="BP39" s="70">
        <v>5</v>
      </c>
      <c r="BQ39" s="71">
        <v>4</v>
      </c>
      <c r="BR39" s="72">
        <v>9</v>
      </c>
      <c r="BS39" s="241"/>
      <c r="BT39" s="71">
        <v>22</v>
      </c>
      <c r="BU39" s="71">
        <v>17</v>
      </c>
      <c r="BV39" s="71">
        <v>14</v>
      </c>
      <c r="BW39" s="71">
        <v>6</v>
      </c>
      <c r="BX39" s="71">
        <v>6</v>
      </c>
      <c r="BY39" s="72">
        <v>65</v>
      </c>
      <c r="BZ39" s="73">
        <v>74</v>
      </c>
      <c r="CA39" s="70">
        <v>2</v>
      </c>
      <c r="CB39" s="71">
        <v>5</v>
      </c>
      <c r="CC39" s="72">
        <v>7</v>
      </c>
      <c r="CD39" s="241"/>
      <c r="CE39" s="71">
        <v>4</v>
      </c>
      <c r="CF39" s="71">
        <v>8</v>
      </c>
      <c r="CG39" s="71">
        <v>5</v>
      </c>
      <c r="CH39" s="71">
        <v>6</v>
      </c>
      <c r="CI39" s="71">
        <v>4</v>
      </c>
      <c r="CJ39" s="72">
        <v>27</v>
      </c>
      <c r="CK39" s="73">
        <v>34</v>
      </c>
      <c r="CL39" s="70">
        <v>66</v>
      </c>
      <c r="CM39" s="71">
        <v>90</v>
      </c>
      <c r="CN39" s="72">
        <v>156</v>
      </c>
      <c r="CO39" s="241"/>
      <c r="CP39" s="71">
        <v>153</v>
      </c>
      <c r="CQ39" s="71">
        <v>146</v>
      </c>
      <c r="CR39" s="71">
        <v>112</v>
      </c>
      <c r="CS39" s="71">
        <v>69</v>
      </c>
      <c r="CT39" s="71">
        <v>49</v>
      </c>
      <c r="CU39" s="72">
        <v>529</v>
      </c>
      <c r="CV39" s="73">
        <v>685</v>
      </c>
      <c r="CW39" s="123">
        <v>100</v>
      </c>
      <c r="CX39" s="82">
        <v>160</v>
      </c>
      <c r="CY39" s="83">
        <v>260</v>
      </c>
      <c r="CZ39" s="241"/>
      <c r="DA39" s="82">
        <v>261</v>
      </c>
      <c r="DB39" s="82">
        <v>198</v>
      </c>
      <c r="DC39" s="82">
        <v>184</v>
      </c>
      <c r="DD39" s="82">
        <v>176</v>
      </c>
      <c r="DE39" s="82">
        <v>137</v>
      </c>
      <c r="DF39" s="84">
        <v>956</v>
      </c>
      <c r="DG39" s="85">
        <v>1216</v>
      </c>
      <c r="DH39" s="70">
        <v>0</v>
      </c>
      <c r="DI39" s="71">
        <v>7</v>
      </c>
      <c r="DJ39" s="72">
        <v>7</v>
      </c>
      <c r="DK39" s="241"/>
      <c r="DL39" s="71">
        <v>9</v>
      </c>
      <c r="DM39" s="71">
        <v>8</v>
      </c>
      <c r="DN39" s="71">
        <v>7</v>
      </c>
      <c r="DO39" s="71">
        <v>5</v>
      </c>
      <c r="DP39" s="71">
        <v>4</v>
      </c>
      <c r="DQ39" s="72">
        <v>33</v>
      </c>
      <c r="DR39" s="73">
        <v>40</v>
      </c>
      <c r="DS39" s="70">
        <v>9</v>
      </c>
      <c r="DT39" s="71">
        <v>24</v>
      </c>
      <c r="DU39" s="72">
        <v>33</v>
      </c>
      <c r="DV39" s="241"/>
      <c r="DW39" s="71">
        <v>26</v>
      </c>
      <c r="DX39" s="71">
        <v>13</v>
      </c>
      <c r="DY39" s="71">
        <v>14</v>
      </c>
      <c r="DZ39" s="71">
        <v>12</v>
      </c>
      <c r="EA39" s="71">
        <v>7</v>
      </c>
      <c r="EB39" s="72">
        <v>72</v>
      </c>
      <c r="EC39" s="73">
        <v>105</v>
      </c>
      <c r="ED39" s="70">
        <v>18</v>
      </c>
      <c r="EE39" s="71">
        <v>25</v>
      </c>
      <c r="EF39" s="72">
        <v>43</v>
      </c>
      <c r="EG39" s="241"/>
      <c r="EH39" s="71">
        <v>31</v>
      </c>
      <c r="EI39" s="71">
        <v>20</v>
      </c>
      <c r="EJ39" s="71">
        <v>19</v>
      </c>
      <c r="EK39" s="71">
        <v>17</v>
      </c>
      <c r="EL39" s="71">
        <v>22</v>
      </c>
      <c r="EM39" s="72">
        <v>109</v>
      </c>
      <c r="EN39" s="73">
        <v>152</v>
      </c>
      <c r="EO39" s="70">
        <v>37</v>
      </c>
      <c r="EP39" s="71">
        <v>47</v>
      </c>
      <c r="EQ39" s="72">
        <v>84</v>
      </c>
      <c r="ER39" s="241"/>
      <c r="ES39" s="71">
        <v>76</v>
      </c>
      <c r="ET39" s="71">
        <v>43</v>
      </c>
      <c r="EU39" s="71">
        <v>46</v>
      </c>
      <c r="EV39" s="71">
        <v>32</v>
      </c>
      <c r="EW39" s="71">
        <v>32</v>
      </c>
      <c r="EX39" s="72">
        <v>229</v>
      </c>
      <c r="EY39" s="73">
        <v>313</v>
      </c>
      <c r="EZ39" s="70">
        <v>25</v>
      </c>
      <c r="FA39" s="71">
        <v>36</v>
      </c>
      <c r="FB39" s="72">
        <v>61</v>
      </c>
      <c r="FC39" s="241"/>
      <c r="FD39" s="71">
        <v>70</v>
      </c>
      <c r="FE39" s="71">
        <v>60</v>
      </c>
      <c r="FF39" s="71">
        <v>43</v>
      </c>
      <c r="FG39" s="71">
        <v>43</v>
      </c>
      <c r="FH39" s="71">
        <v>25</v>
      </c>
      <c r="FI39" s="72">
        <v>241</v>
      </c>
      <c r="FJ39" s="73">
        <v>302</v>
      </c>
      <c r="FK39" s="70">
        <v>11</v>
      </c>
      <c r="FL39" s="71">
        <v>21</v>
      </c>
      <c r="FM39" s="72">
        <v>32</v>
      </c>
      <c r="FN39" s="241"/>
      <c r="FO39" s="71">
        <v>49</v>
      </c>
      <c r="FP39" s="71">
        <v>54</v>
      </c>
      <c r="FQ39" s="71">
        <v>55</v>
      </c>
      <c r="FR39" s="71">
        <v>67</v>
      </c>
      <c r="FS39" s="71">
        <v>47</v>
      </c>
      <c r="FT39" s="72">
        <v>272</v>
      </c>
      <c r="FU39" s="73">
        <v>304</v>
      </c>
      <c r="FV39" s="70">
        <v>1</v>
      </c>
      <c r="FW39" s="71">
        <v>1</v>
      </c>
      <c r="FX39" s="72">
        <v>2</v>
      </c>
      <c r="FY39" s="241"/>
      <c r="FZ39" s="71">
        <v>2</v>
      </c>
      <c r="GA39" s="71">
        <v>3</v>
      </c>
      <c r="GB39" s="71">
        <v>1</v>
      </c>
      <c r="GC39" s="71">
        <v>2</v>
      </c>
      <c r="GD39" s="71">
        <v>2</v>
      </c>
      <c r="GE39" s="72">
        <v>10</v>
      </c>
      <c r="GF39" s="73">
        <v>12</v>
      </c>
      <c r="GG39" s="70">
        <v>101</v>
      </c>
      <c r="GH39" s="71">
        <v>161</v>
      </c>
      <c r="GI39" s="72">
        <v>262</v>
      </c>
      <c r="GJ39" s="241"/>
      <c r="GK39" s="71">
        <v>263</v>
      </c>
      <c r="GL39" s="71">
        <v>201</v>
      </c>
      <c r="GM39" s="71">
        <v>185</v>
      </c>
      <c r="GN39" s="71">
        <v>178</v>
      </c>
      <c r="GO39" s="71">
        <v>139</v>
      </c>
      <c r="GP39" s="72">
        <v>966</v>
      </c>
      <c r="GQ39" s="73">
        <v>1228</v>
      </c>
      <c r="GR39" s="123">
        <v>164</v>
      </c>
      <c r="GS39" s="82">
        <v>245</v>
      </c>
      <c r="GT39" s="83">
        <v>409</v>
      </c>
      <c r="GU39" s="241"/>
      <c r="GV39" s="82">
        <v>410</v>
      </c>
      <c r="GW39" s="82">
        <v>336</v>
      </c>
      <c r="GX39" s="82">
        <v>291</v>
      </c>
      <c r="GY39" s="82">
        <v>239</v>
      </c>
      <c r="GZ39" s="82">
        <v>182</v>
      </c>
      <c r="HA39" s="84">
        <v>1458</v>
      </c>
      <c r="HB39" s="85">
        <v>1867</v>
      </c>
      <c r="HC39" s="70">
        <v>5</v>
      </c>
      <c r="HD39" s="71">
        <v>14</v>
      </c>
      <c r="HE39" s="72">
        <v>19</v>
      </c>
      <c r="HF39" s="241"/>
      <c r="HG39" s="71">
        <v>17</v>
      </c>
      <c r="HH39" s="71">
        <v>24</v>
      </c>
      <c r="HI39" s="71">
        <v>15</v>
      </c>
      <c r="HJ39" s="71">
        <v>9</v>
      </c>
      <c r="HK39" s="71">
        <v>11</v>
      </c>
      <c r="HL39" s="72">
        <v>76</v>
      </c>
      <c r="HM39" s="73">
        <v>95</v>
      </c>
      <c r="HN39" s="70">
        <v>18</v>
      </c>
      <c r="HO39" s="71">
        <v>37</v>
      </c>
      <c r="HP39" s="72">
        <v>55</v>
      </c>
      <c r="HQ39" s="241"/>
      <c r="HR39" s="71">
        <v>48</v>
      </c>
      <c r="HS39" s="71">
        <v>32</v>
      </c>
      <c r="HT39" s="71">
        <v>26</v>
      </c>
      <c r="HU39" s="71">
        <v>25</v>
      </c>
      <c r="HV39" s="71">
        <v>14</v>
      </c>
      <c r="HW39" s="72">
        <v>145</v>
      </c>
      <c r="HX39" s="73">
        <v>200</v>
      </c>
      <c r="HY39" s="70">
        <v>31</v>
      </c>
      <c r="HZ39" s="71">
        <v>41</v>
      </c>
      <c r="IA39" s="72">
        <v>72</v>
      </c>
      <c r="IB39" s="241"/>
      <c r="IC39" s="71">
        <v>64</v>
      </c>
      <c r="ID39" s="71">
        <v>45</v>
      </c>
      <c r="IE39" s="71">
        <v>38</v>
      </c>
      <c r="IF39" s="71">
        <v>29</v>
      </c>
      <c r="IG39" s="71">
        <v>30</v>
      </c>
      <c r="IH39" s="72">
        <v>206</v>
      </c>
      <c r="II39" s="73">
        <v>278</v>
      </c>
      <c r="IJ39" s="70">
        <v>55</v>
      </c>
      <c r="IK39" s="71">
        <v>73</v>
      </c>
      <c r="IL39" s="72">
        <v>128</v>
      </c>
      <c r="IM39" s="241"/>
      <c r="IN39" s="71">
        <v>111</v>
      </c>
      <c r="IO39" s="71">
        <v>79</v>
      </c>
      <c r="IP39" s="71">
        <v>71</v>
      </c>
      <c r="IQ39" s="71">
        <v>42</v>
      </c>
      <c r="IR39" s="71">
        <v>43</v>
      </c>
      <c r="IS39" s="72">
        <v>346</v>
      </c>
      <c r="IT39" s="73">
        <v>474</v>
      </c>
      <c r="IU39" s="70">
        <v>39</v>
      </c>
      <c r="IV39" s="71">
        <v>55</v>
      </c>
      <c r="IW39" s="72">
        <v>94</v>
      </c>
      <c r="IX39" s="241"/>
      <c r="IY39" s="71">
        <v>99</v>
      </c>
      <c r="IZ39" s="71">
        <v>85</v>
      </c>
      <c r="JA39" s="71">
        <v>72</v>
      </c>
      <c r="JB39" s="71">
        <v>61</v>
      </c>
      <c r="JC39" s="71">
        <v>31</v>
      </c>
      <c r="JD39" s="72">
        <v>348</v>
      </c>
      <c r="JE39" s="73">
        <v>442</v>
      </c>
      <c r="JF39" s="70">
        <v>16</v>
      </c>
      <c r="JG39" s="71">
        <v>25</v>
      </c>
      <c r="JH39" s="72">
        <v>41</v>
      </c>
      <c r="JI39" s="241"/>
      <c r="JJ39" s="71">
        <v>71</v>
      </c>
      <c r="JK39" s="71">
        <v>71</v>
      </c>
      <c r="JL39" s="71">
        <v>69</v>
      </c>
      <c r="JM39" s="71">
        <v>73</v>
      </c>
      <c r="JN39" s="71">
        <v>53</v>
      </c>
      <c r="JO39" s="72">
        <v>337</v>
      </c>
      <c r="JP39" s="73">
        <v>378</v>
      </c>
      <c r="JQ39" s="70">
        <v>3</v>
      </c>
      <c r="JR39" s="71">
        <v>6</v>
      </c>
      <c r="JS39" s="72">
        <v>9</v>
      </c>
      <c r="JT39" s="241"/>
      <c r="JU39" s="71">
        <v>6</v>
      </c>
      <c r="JV39" s="71">
        <v>11</v>
      </c>
      <c r="JW39" s="71">
        <v>6</v>
      </c>
      <c r="JX39" s="71">
        <v>8</v>
      </c>
      <c r="JY39" s="71">
        <v>6</v>
      </c>
      <c r="JZ39" s="72">
        <v>37</v>
      </c>
      <c r="KA39" s="73">
        <v>46</v>
      </c>
      <c r="KB39" s="70">
        <v>167</v>
      </c>
      <c r="KC39" s="71">
        <v>251</v>
      </c>
      <c r="KD39" s="72">
        <v>418</v>
      </c>
      <c r="KE39" s="241"/>
      <c r="KF39" s="71">
        <v>416</v>
      </c>
      <c r="KG39" s="71">
        <v>347</v>
      </c>
      <c r="KH39" s="71">
        <v>297</v>
      </c>
      <c r="KI39" s="71">
        <v>247</v>
      </c>
      <c r="KJ39" s="71">
        <v>188</v>
      </c>
      <c r="KK39" s="72">
        <v>1495</v>
      </c>
      <c r="KL39" s="73">
        <v>1913</v>
      </c>
    </row>
    <row r="40" spans="1:298" ht="19.5" customHeight="1" thickBot="1" x14ac:dyDescent="0.25">
      <c r="A40" s="127" t="s">
        <v>37</v>
      </c>
      <c r="B40" s="317">
        <v>3</v>
      </c>
      <c r="C40" s="87">
        <v>3</v>
      </c>
      <c r="D40" s="88">
        <v>6</v>
      </c>
      <c r="E40" s="242"/>
      <c r="F40" s="87">
        <v>13</v>
      </c>
      <c r="G40" s="87">
        <v>6</v>
      </c>
      <c r="H40" s="87">
        <v>11</v>
      </c>
      <c r="I40" s="87">
        <v>4</v>
      </c>
      <c r="J40" s="87">
        <v>6</v>
      </c>
      <c r="K40" s="89">
        <v>40</v>
      </c>
      <c r="L40" s="90">
        <v>46</v>
      </c>
      <c r="M40" s="74">
        <v>0</v>
      </c>
      <c r="N40" s="75">
        <v>1</v>
      </c>
      <c r="O40" s="76">
        <v>1</v>
      </c>
      <c r="P40" s="242"/>
      <c r="Q40" s="75">
        <v>2</v>
      </c>
      <c r="R40" s="75">
        <v>0</v>
      </c>
      <c r="S40" s="75">
        <v>1</v>
      </c>
      <c r="T40" s="75">
        <v>0</v>
      </c>
      <c r="U40" s="75">
        <v>1</v>
      </c>
      <c r="V40" s="76">
        <v>4</v>
      </c>
      <c r="W40" s="77">
        <v>5</v>
      </c>
      <c r="X40" s="74">
        <v>1</v>
      </c>
      <c r="Y40" s="75">
        <v>0</v>
      </c>
      <c r="Z40" s="76">
        <v>1</v>
      </c>
      <c r="AA40" s="242"/>
      <c r="AB40" s="75">
        <v>0</v>
      </c>
      <c r="AC40" s="75">
        <v>0</v>
      </c>
      <c r="AD40" s="75">
        <v>2</v>
      </c>
      <c r="AE40" s="75">
        <v>0</v>
      </c>
      <c r="AF40" s="75">
        <v>0</v>
      </c>
      <c r="AG40" s="76">
        <v>2</v>
      </c>
      <c r="AH40" s="77">
        <v>3</v>
      </c>
      <c r="AI40" s="74">
        <v>0</v>
      </c>
      <c r="AJ40" s="75">
        <v>0</v>
      </c>
      <c r="AK40" s="76">
        <v>0</v>
      </c>
      <c r="AL40" s="242"/>
      <c r="AM40" s="75">
        <v>2</v>
      </c>
      <c r="AN40" s="75">
        <v>1</v>
      </c>
      <c r="AO40" s="75">
        <v>2</v>
      </c>
      <c r="AP40" s="75">
        <v>1</v>
      </c>
      <c r="AQ40" s="75">
        <v>0</v>
      </c>
      <c r="AR40" s="76">
        <v>6</v>
      </c>
      <c r="AS40" s="77">
        <v>6</v>
      </c>
      <c r="AT40" s="74">
        <v>2</v>
      </c>
      <c r="AU40" s="75">
        <v>1</v>
      </c>
      <c r="AV40" s="76">
        <v>3</v>
      </c>
      <c r="AW40" s="242"/>
      <c r="AX40" s="75">
        <v>4</v>
      </c>
      <c r="AY40" s="75">
        <v>2</v>
      </c>
      <c r="AZ40" s="75">
        <v>1</v>
      </c>
      <c r="BA40" s="75">
        <v>1</v>
      </c>
      <c r="BB40" s="75">
        <v>2</v>
      </c>
      <c r="BC40" s="76">
        <v>10</v>
      </c>
      <c r="BD40" s="77">
        <v>13</v>
      </c>
      <c r="BE40" s="74">
        <v>0</v>
      </c>
      <c r="BF40" s="75">
        <v>1</v>
      </c>
      <c r="BG40" s="76">
        <v>1</v>
      </c>
      <c r="BH40" s="242"/>
      <c r="BI40" s="75">
        <v>1</v>
      </c>
      <c r="BJ40" s="75">
        <v>2</v>
      </c>
      <c r="BK40" s="75">
        <v>4</v>
      </c>
      <c r="BL40" s="75">
        <v>1</v>
      </c>
      <c r="BM40" s="75">
        <v>2</v>
      </c>
      <c r="BN40" s="76">
        <v>10</v>
      </c>
      <c r="BO40" s="77">
        <v>11</v>
      </c>
      <c r="BP40" s="74">
        <v>0</v>
      </c>
      <c r="BQ40" s="75">
        <v>0</v>
      </c>
      <c r="BR40" s="76">
        <v>0</v>
      </c>
      <c r="BS40" s="242"/>
      <c r="BT40" s="75">
        <v>4</v>
      </c>
      <c r="BU40" s="75">
        <v>1</v>
      </c>
      <c r="BV40" s="75">
        <v>1</v>
      </c>
      <c r="BW40" s="75">
        <v>1</v>
      </c>
      <c r="BX40" s="75">
        <v>1</v>
      </c>
      <c r="BY40" s="76">
        <v>8</v>
      </c>
      <c r="BZ40" s="77">
        <v>8</v>
      </c>
      <c r="CA40" s="74">
        <v>0</v>
      </c>
      <c r="CB40" s="75">
        <v>0</v>
      </c>
      <c r="CC40" s="76">
        <v>0</v>
      </c>
      <c r="CD40" s="242"/>
      <c r="CE40" s="75">
        <v>1</v>
      </c>
      <c r="CF40" s="75">
        <v>0</v>
      </c>
      <c r="CG40" s="75">
        <v>0</v>
      </c>
      <c r="CH40" s="75">
        <v>1</v>
      </c>
      <c r="CI40" s="75">
        <v>0</v>
      </c>
      <c r="CJ40" s="76">
        <v>2</v>
      </c>
      <c r="CK40" s="77">
        <v>2</v>
      </c>
      <c r="CL40" s="74">
        <v>3</v>
      </c>
      <c r="CM40" s="75">
        <v>3</v>
      </c>
      <c r="CN40" s="76">
        <v>6</v>
      </c>
      <c r="CO40" s="242"/>
      <c r="CP40" s="75">
        <v>14</v>
      </c>
      <c r="CQ40" s="75">
        <v>6</v>
      </c>
      <c r="CR40" s="75">
        <v>11</v>
      </c>
      <c r="CS40" s="75">
        <v>5</v>
      </c>
      <c r="CT40" s="75">
        <v>6</v>
      </c>
      <c r="CU40" s="76">
        <v>42</v>
      </c>
      <c r="CV40" s="77">
        <v>48</v>
      </c>
      <c r="CW40" s="124">
        <v>10</v>
      </c>
      <c r="CX40" s="87">
        <v>4</v>
      </c>
      <c r="CY40" s="88">
        <v>14</v>
      </c>
      <c r="CZ40" s="242"/>
      <c r="DA40" s="87">
        <v>29</v>
      </c>
      <c r="DB40" s="87">
        <v>14</v>
      </c>
      <c r="DC40" s="87">
        <v>24</v>
      </c>
      <c r="DD40" s="87">
        <v>12</v>
      </c>
      <c r="DE40" s="87">
        <v>10</v>
      </c>
      <c r="DF40" s="89">
        <v>89</v>
      </c>
      <c r="DG40" s="90">
        <v>103</v>
      </c>
      <c r="DH40" s="74">
        <v>0</v>
      </c>
      <c r="DI40" s="75">
        <v>0</v>
      </c>
      <c r="DJ40" s="76">
        <v>0</v>
      </c>
      <c r="DK40" s="242"/>
      <c r="DL40" s="75">
        <v>0</v>
      </c>
      <c r="DM40" s="75">
        <v>0</v>
      </c>
      <c r="DN40" s="75">
        <v>1</v>
      </c>
      <c r="DO40" s="75">
        <v>0</v>
      </c>
      <c r="DP40" s="75">
        <v>2</v>
      </c>
      <c r="DQ40" s="76">
        <v>3</v>
      </c>
      <c r="DR40" s="77">
        <v>3</v>
      </c>
      <c r="DS40" s="74">
        <v>1</v>
      </c>
      <c r="DT40" s="75">
        <v>0</v>
      </c>
      <c r="DU40" s="76">
        <v>1</v>
      </c>
      <c r="DV40" s="242"/>
      <c r="DW40" s="75">
        <v>1</v>
      </c>
      <c r="DX40" s="75">
        <v>2</v>
      </c>
      <c r="DY40" s="75">
        <v>0</v>
      </c>
      <c r="DZ40" s="75">
        <v>1</v>
      </c>
      <c r="EA40" s="75">
        <v>0</v>
      </c>
      <c r="EB40" s="76">
        <v>4</v>
      </c>
      <c r="EC40" s="77">
        <v>5</v>
      </c>
      <c r="ED40" s="74">
        <v>2</v>
      </c>
      <c r="EE40" s="75">
        <v>0</v>
      </c>
      <c r="EF40" s="76">
        <v>2</v>
      </c>
      <c r="EG40" s="242"/>
      <c r="EH40" s="75">
        <v>3</v>
      </c>
      <c r="EI40" s="75">
        <v>3</v>
      </c>
      <c r="EJ40" s="75">
        <v>3</v>
      </c>
      <c r="EK40" s="75">
        <v>3</v>
      </c>
      <c r="EL40" s="75">
        <v>1</v>
      </c>
      <c r="EM40" s="76">
        <v>13</v>
      </c>
      <c r="EN40" s="77">
        <v>15</v>
      </c>
      <c r="EO40" s="74">
        <v>3</v>
      </c>
      <c r="EP40" s="75">
        <v>1</v>
      </c>
      <c r="EQ40" s="76">
        <v>4</v>
      </c>
      <c r="ER40" s="242"/>
      <c r="ES40" s="75">
        <v>8</v>
      </c>
      <c r="ET40" s="75">
        <v>2</v>
      </c>
      <c r="EU40" s="75">
        <v>6</v>
      </c>
      <c r="EV40" s="75">
        <v>0</v>
      </c>
      <c r="EW40" s="75">
        <v>1</v>
      </c>
      <c r="EX40" s="76">
        <v>17</v>
      </c>
      <c r="EY40" s="77">
        <v>21</v>
      </c>
      <c r="EZ40" s="74">
        <v>3</v>
      </c>
      <c r="FA40" s="75">
        <v>2</v>
      </c>
      <c r="FB40" s="76">
        <v>5</v>
      </c>
      <c r="FC40" s="242"/>
      <c r="FD40" s="75">
        <v>11</v>
      </c>
      <c r="FE40" s="75">
        <v>2</v>
      </c>
      <c r="FF40" s="75">
        <v>7</v>
      </c>
      <c r="FG40" s="75">
        <v>3</v>
      </c>
      <c r="FH40" s="75">
        <v>1</v>
      </c>
      <c r="FI40" s="76">
        <v>24</v>
      </c>
      <c r="FJ40" s="77">
        <v>29</v>
      </c>
      <c r="FK40" s="74">
        <v>1</v>
      </c>
      <c r="FL40" s="75">
        <v>1</v>
      </c>
      <c r="FM40" s="76">
        <v>2</v>
      </c>
      <c r="FN40" s="242"/>
      <c r="FO40" s="75">
        <v>6</v>
      </c>
      <c r="FP40" s="75">
        <v>5</v>
      </c>
      <c r="FQ40" s="75">
        <v>7</v>
      </c>
      <c r="FR40" s="75">
        <v>5</v>
      </c>
      <c r="FS40" s="75">
        <v>5</v>
      </c>
      <c r="FT40" s="76">
        <v>28</v>
      </c>
      <c r="FU40" s="77">
        <v>30</v>
      </c>
      <c r="FV40" s="74">
        <v>0</v>
      </c>
      <c r="FW40" s="75">
        <v>0</v>
      </c>
      <c r="FX40" s="76">
        <v>0</v>
      </c>
      <c r="FY40" s="242"/>
      <c r="FZ40" s="75">
        <v>0</v>
      </c>
      <c r="GA40" s="75">
        <v>1</v>
      </c>
      <c r="GB40" s="75">
        <v>2</v>
      </c>
      <c r="GC40" s="75">
        <v>0</v>
      </c>
      <c r="GD40" s="75">
        <v>0</v>
      </c>
      <c r="GE40" s="76">
        <v>3</v>
      </c>
      <c r="GF40" s="77">
        <v>3</v>
      </c>
      <c r="GG40" s="74">
        <v>10</v>
      </c>
      <c r="GH40" s="75">
        <v>4</v>
      </c>
      <c r="GI40" s="76">
        <v>14</v>
      </c>
      <c r="GJ40" s="242"/>
      <c r="GK40" s="75">
        <v>29</v>
      </c>
      <c r="GL40" s="75">
        <v>15</v>
      </c>
      <c r="GM40" s="75">
        <v>26</v>
      </c>
      <c r="GN40" s="75">
        <v>12</v>
      </c>
      <c r="GO40" s="75">
        <v>10</v>
      </c>
      <c r="GP40" s="76">
        <v>92</v>
      </c>
      <c r="GQ40" s="77">
        <v>106</v>
      </c>
      <c r="GR40" s="124">
        <v>13</v>
      </c>
      <c r="GS40" s="87">
        <v>7</v>
      </c>
      <c r="GT40" s="88">
        <v>20</v>
      </c>
      <c r="GU40" s="242"/>
      <c r="GV40" s="87">
        <v>42</v>
      </c>
      <c r="GW40" s="87">
        <v>20</v>
      </c>
      <c r="GX40" s="87">
        <v>35</v>
      </c>
      <c r="GY40" s="87">
        <v>16</v>
      </c>
      <c r="GZ40" s="87">
        <v>16</v>
      </c>
      <c r="HA40" s="89">
        <v>129</v>
      </c>
      <c r="HB40" s="90">
        <v>149</v>
      </c>
      <c r="HC40" s="74">
        <v>0</v>
      </c>
      <c r="HD40" s="75">
        <v>1</v>
      </c>
      <c r="HE40" s="76">
        <v>1</v>
      </c>
      <c r="HF40" s="242"/>
      <c r="HG40" s="75">
        <v>2</v>
      </c>
      <c r="HH40" s="75">
        <v>0</v>
      </c>
      <c r="HI40" s="75">
        <v>2</v>
      </c>
      <c r="HJ40" s="75">
        <v>0</v>
      </c>
      <c r="HK40" s="75">
        <v>3</v>
      </c>
      <c r="HL40" s="76">
        <v>7</v>
      </c>
      <c r="HM40" s="77">
        <v>8</v>
      </c>
      <c r="HN40" s="74">
        <v>2</v>
      </c>
      <c r="HO40" s="75">
        <v>0</v>
      </c>
      <c r="HP40" s="76">
        <v>2</v>
      </c>
      <c r="HQ40" s="242"/>
      <c r="HR40" s="75">
        <v>1</v>
      </c>
      <c r="HS40" s="75">
        <v>2</v>
      </c>
      <c r="HT40" s="75">
        <v>2</v>
      </c>
      <c r="HU40" s="75">
        <v>1</v>
      </c>
      <c r="HV40" s="75">
        <v>0</v>
      </c>
      <c r="HW40" s="76">
        <v>6</v>
      </c>
      <c r="HX40" s="77">
        <v>8</v>
      </c>
      <c r="HY40" s="74">
        <v>2</v>
      </c>
      <c r="HZ40" s="75">
        <v>0</v>
      </c>
      <c r="IA40" s="76">
        <v>2</v>
      </c>
      <c r="IB40" s="242"/>
      <c r="IC40" s="75">
        <v>5</v>
      </c>
      <c r="ID40" s="75">
        <v>4</v>
      </c>
      <c r="IE40" s="75">
        <v>5</v>
      </c>
      <c r="IF40" s="75">
        <v>4</v>
      </c>
      <c r="IG40" s="75">
        <v>1</v>
      </c>
      <c r="IH40" s="76">
        <v>19</v>
      </c>
      <c r="II40" s="77">
        <v>21</v>
      </c>
      <c r="IJ40" s="74">
        <v>5</v>
      </c>
      <c r="IK40" s="75">
        <v>2</v>
      </c>
      <c r="IL40" s="76">
        <v>7</v>
      </c>
      <c r="IM40" s="242"/>
      <c r="IN40" s="75">
        <v>12</v>
      </c>
      <c r="IO40" s="75">
        <v>4</v>
      </c>
      <c r="IP40" s="75">
        <v>7</v>
      </c>
      <c r="IQ40" s="75">
        <v>1</v>
      </c>
      <c r="IR40" s="75">
        <v>3</v>
      </c>
      <c r="IS40" s="76">
        <v>27</v>
      </c>
      <c r="IT40" s="77">
        <v>34</v>
      </c>
      <c r="IU40" s="74">
        <v>3</v>
      </c>
      <c r="IV40" s="75">
        <v>3</v>
      </c>
      <c r="IW40" s="76">
        <v>6</v>
      </c>
      <c r="IX40" s="242"/>
      <c r="IY40" s="75">
        <v>12</v>
      </c>
      <c r="IZ40" s="75">
        <v>4</v>
      </c>
      <c r="JA40" s="75">
        <v>11</v>
      </c>
      <c r="JB40" s="75">
        <v>4</v>
      </c>
      <c r="JC40" s="75">
        <v>3</v>
      </c>
      <c r="JD40" s="76">
        <v>34</v>
      </c>
      <c r="JE40" s="77">
        <v>40</v>
      </c>
      <c r="JF40" s="74">
        <v>1</v>
      </c>
      <c r="JG40" s="75">
        <v>1</v>
      </c>
      <c r="JH40" s="76">
        <v>2</v>
      </c>
      <c r="JI40" s="242"/>
      <c r="JJ40" s="75">
        <v>10</v>
      </c>
      <c r="JK40" s="75">
        <v>6</v>
      </c>
      <c r="JL40" s="75">
        <v>8</v>
      </c>
      <c r="JM40" s="75">
        <v>6</v>
      </c>
      <c r="JN40" s="75">
        <v>6</v>
      </c>
      <c r="JO40" s="76">
        <v>36</v>
      </c>
      <c r="JP40" s="77">
        <v>38</v>
      </c>
      <c r="JQ40" s="74">
        <v>0</v>
      </c>
      <c r="JR40" s="75">
        <v>0</v>
      </c>
      <c r="JS40" s="76">
        <v>0</v>
      </c>
      <c r="JT40" s="242"/>
      <c r="JU40" s="75">
        <v>1</v>
      </c>
      <c r="JV40" s="75">
        <v>1</v>
      </c>
      <c r="JW40" s="75">
        <v>2</v>
      </c>
      <c r="JX40" s="75">
        <v>1</v>
      </c>
      <c r="JY40" s="75">
        <v>0</v>
      </c>
      <c r="JZ40" s="76">
        <v>5</v>
      </c>
      <c r="KA40" s="77">
        <v>5</v>
      </c>
      <c r="KB40" s="74">
        <v>13</v>
      </c>
      <c r="KC40" s="75">
        <v>7</v>
      </c>
      <c r="KD40" s="76">
        <v>20</v>
      </c>
      <c r="KE40" s="242"/>
      <c r="KF40" s="75">
        <v>43</v>
      </c>
      <c r="KG40" s="75">
        <v>21</v>
      </c>
      <c r="KH40" s="75">
        <v>37</v>
      </c>
      <c r="KI40" s="75">
        <v>17</v>
      </c>
      <c r="KJ40" s="75">
        <v>16</v>
      </c>
      <c r="KK40" s="76">
        <v>134</v>
      </c>
      <c r="KL40" s="77">
        <v>154</v>
      </c>
    </row>
    <row r="41" spans="1:298" ht="32.25" customHeight="1" x14ac:dyDescent="0.2">
      <c r="B41" s="311" t="s">
        <v>126</v>
      </c>
    </row>
  </sheetData>
  <mergeCells count="36">
    <mergeCell ref="GR3:KL3"/>
    <mergeCell ref="GR4:JP4"/>
    <mergeCell ref="JQ4:KA5"/>
    <mergeCell ref="KB4:KL5"/>
    <mergeCell ref="GR5:HB5"/>
    <mergeCell ref="HC5:HM5"/>
    <mergeCell ref="HN5:HX5"/>
    <mergeCell ref="HY5:II5"/>
    <mergeCell ref="IJ5:IT5"/>
    <mergeCell ref="IU5:JE5"/>
    <mergeCell ref="JF5:JP5"/>
    <mergeCell ref="A3:A5"/>
    <mergeCell ref="CW3:GQ3"/>
    <mergeCell ref="CW4:FU4"/>
    <mergeCell ref="FV4:GF5"/>
    <mergeCell ref="GG4:GQ5"/>
    <mergeCell ref="CW5:DG5"/>
    <mergeCell ref="DH5:DR5"/>
    <mergeCell ref="DS5:EC5"/>
    <mergeCell ref="ED5:EN5"/>
    <mergeCell ref="EO5:EY5"/>
    <mergeCell ref="EZ5:FJ5"/>
    <mergeCell ref="FK5:FU5"/>
    <mergeCell ref="H1:I1"/>
    <mergeCell ref="CA4:CK5"/>
    <mergeCell ref="CL4:CV5"/>
    <mergeCell ref="B5:L5"/>
    <mergeCell ref="M5:W5"/>
    <mergeCell ref="X5:AH5"/>
    <mergeCell ref="AI5:AS5"/>
    <mergeCell ref="AT5:BD5"/>
    <mergeCell ref="BE5:BO5"/>
    <mergeCell ref="BP5:BZ5"/>
    <mergeCell ref="B3:CV3"/>
    <mergeCell ref="B4:BZ4"/>
    <mergeCell ref="E1:F1"/>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1" width="12.6640625" style="1" customWidth="1"/>
    <col min="2" max="2" width="8.88671875"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368">
        <f>第１表!F2</f>
        <v>4</v>
      </c>
      <c r="E1" s="251">
        <f>第１表!G2</f>
        <v>6</v>
      </c>
      <c r="F1" s="555">
        <f>IF(E1&lt;3,E1-2+12,E1-2)</f>
        <v>4</v>
      </c>
      <c r="G1" s="555"/>
    </row>
    <row r="2" spans="1:42" ht="17.25" customHeight="1" thickBot="1" x14ac:dyDescent="0.25">
      <c r="A2" s="20" t="s">
        <v>158</v>
      </c>
      <c r="E2" s="20" t="s">
        <v>140</v>
      </c>
    </row>
    <row r="3" spans="1:42" ht="24.75" customHeight="1" x14ac:dyDescent="0.2">
      <c r="A3" s="573"/>
      <c r="B3" s="576" t="s">
        <v>57</v>
      </c>
      <c r="C3" s="577"/>
      <c r="D3" s="577"/>
      <c r="E3" s="577"/>
      <c r="F3" s="577"/>
      <c r="G3" s="577"/>
      <c r="H3" s="577"/>
      <c r="I3" s="577"/>
      <c r="J3" s="577"/>
      <c r="K3" s="577"/>
      <c r="L3" s="576" t="s">
        <v>58</v>
      </c>
      <c r="M3" s="579"/>
      <c r="N3" s="579"/>
      <c r="O3" s="579"/>
      <c r="P3" s="579"/>
      <c r="Q3" s="579"/>
      <c r="R3" s="579"/>
      <c r="S3" s="579"/>
      <c r="T3" s="579"/>
      <c r="U3" s="579"/>
      <c r="V3" s="576" t="s">
        <v>59</v>
      </c>
      <c r="W3" s="577"/>
      <c r="X3" s="577"/>
      <c r="Y3" s="577"/>
      <c r="Z3" s="577"/>
      <c r="AA3" s="577"/>
      <c r="AB3" s="577"/>
      <c r="AC3" s="577"/>
      <c r="AD3" s="577"/>
      <c r="AE3" s="577"/>
      <c r="AF3" s="605" t="s">
        <v>151</v>
      </c>
      <c r="AG3" s="577"/>
      <c r="AH3" s="577"/>
      <c r="AI3" s="577"/>
      <c r="AJ3" s="577"/>
      <c r="AK3" s="577"/>
      <c r="AL3" s="577"/>
      <c r="AM3" s="577"/>
      <c r="AN3" s="577"/>
      <c r="AO3" s="578"/>
    </row>
    <row r="4" spans="1:42" ht="24.75" customHeight="1" x14ac:dyDescent="0.2">
      <c r="A4" s="575"/>
      <c r="B4" s="581" t="s">
        <v>61</v>
      </c>
      <c r="C4" s="582"/>
      <c r="D4" s="583"/>
      <c r="E4" s="584" t="s">
        <v>62</v>
      </c>
      <c r="F4" s="585"/>
      <c r="G4" s="585"/>
      <c r="H4" s="585"/>
      <c r="I4" s="585"/>
      <c r="J4" s="586"/>
      <c r="K4" s="597" t="s">
        <v>52</v>
      </c>
      <c r="L4" s="581" t="s">
        <v>61</v>
      </c>
      <c r="M4" s="582"/>
      <c r="N4" s="583"/>
      <c r="O4" s="584" t="s">
        <v>62</v>
      </c>
      <c r="P4" s="585"/>
      <c r="Q4" s="585"/>
      <c r="R4" s="585"/>
      <c r="S4" s="585"/>
      <c r="T4" s="586"/>
      <c r="U4" s="587" t="s">
        <v>52</v>
      </c>
      <c r="V4" s="581" t="s">
        <v>61</v>
      </c>
      <c r="W4" s="582"/>
      <c r="X4" s="583"/>
      <c r="Y4" s="584" t="s">
        <v>62</v>
      </c>
      <c r="Z4" s="585"/>
      <c r="AA4" s="585"/>
      <c r="AB4" s="585"/>
      <c r="AC4" s="585"/>
      <c r="AD4" s="586"/>
      <c r="AE4" s="597" t="s">
        <v>52</v>
      </c>
      <c r="AF4" s="581" t="s">
        <v>61</v>
      </c>
      <c r="AG4" s="582"/>
      <c r="AH4" s="583"/>
      <c r="AI4" s="584" t="s">
        <v>62</v>
      </c>
      <c r="AJ4" s="585"/>
      <c r="AK4" s="585"/>
      <c r="AL4" s="585"/>
      <c r="AM4" s="585"/>
      <c r="AN4" s="586"/>
      <c r="AO4" s="587" t="s">
        <v>52</v>
      </c>
    </row>
    <row r="5" spans="1:42" ht="24.75" customHeight="1" thickBot="1" x14ac:dyDescent="0.25">
      <c r="A5" s="363" t="s">
        <v>42</v>
      </c>
      <c r="B5" s="31" t="s">
        <v>43</v>
      </c>
      <c r="C5" s="32" t="s">
        <v>44</v>
      </c>
      <c r="D5" s="32" t="s">
        <v>45</v>
      </c>
      <c r="E5" s="33" t="s">
        <v>47</v>
      </c>
      <c r="F5" s="34" t="s">
        <v>48</v>
      </c>
      <c r="G5" s="34" t="s">
        <v>49</v>
      </c>
      <c r="H5" s="35" t="s">
        <v>50</v>
      </c>
      <c r="I5" s="32" t="s">
        <v>51</v>
      </c>
      <c r="J5" s="36" t="s">
        <v>95</v>
      </c>
      <c r="K5" s="596"/>
      <c r="L5" s="31" t="s">
        <v>43</v>
      </c>
      <c r="M5" s="32" t="s">
        <v>44</v>
      </c>
      <c r="N5" s="36" t="s">
        <v>45</v>
      </c>
      <c r="O5" s="15" t="s">
        <v>47</v>
      </c>
      <c r="P5" s="34" t="s">
        <v>48</v>
      </c>
      <c r="Q5" s="34" t="s">
        <v>49</v>
      </c>
      <c r="R5" s="35" t="s">
        <v>50</v>
      </c>
      <c r="S5" s="32" t="s">
        <v>51</v>
      </c>
      <c r="T5" s="36" t="s">
        <v>45</v>
      </c>
      <c r="U5" s="588"/>
      <c r="V5" s="31" t="s">
        <v>43</v>
      </c>
      <c r="W5" s="32" t="s">
        <v>44</v>
      </c>
      <c r="X5" s="32" t="s">
        <v>45</v>
      </c>
      <c r="Y5" s="33" t="s">
        <v>47</v>
      </c>
      <c r="Z5" s="34" t="s">
        <v>48</v>
      </c>
      <c r="AA5" s="34" t="s">
        <v>49</v>
      </c>
      <c r="AB5" s="35" t="s">
        <v>50</v>
      </c>
      <c r="AC5" s="32" t="s">
        <v>51</v>
      </c>
      <c r="AD5" s="36" t="s">
        <v>45</v>
      </c>
      <c r="AE5" s="596"/>
      <c r="AF5" s="31" t="s">
        <v>43</v>
      </c>
      <c r="AG5" s="32" t="s">
        <v>44</v>
      </c>
      <c r="AH5" s="32" t="s">
        <v>45</v>
      </c>
      <c r="AI5" s="33" t="s">
        <v>47</v>
      </c>
      <c r="AJ5" s="34" t="s">
        <v>48</v>
      </c>
      <c r="AK5" s="34" t="s">
        <v>49</v>
      </c>
      <c r="AL5" s="35" t="s">
        <v>50</v>
      </c>
      <c r="AM5" s="32" t="s">
        <v>51</v>
      </c>
      <c r="AN5" s="36" t="s">
        <v>45</v>
      </c>
      <c r="AO5" s="588"/>
    </row>
    <row r="6" spans="1:42" ht="20.25" customHeight="1" x14ac:dyDescent="0.2">
      <c r="A6" s="362" t="s">
        <v>4</v>
      </c>
      <c r="B6" s="185">
        <v>0</v>
      </c>
      <c r="C6" s="186">
        <v>0</v>
      </c>
      <c r="D6" s="186">
        <v>0</v>
      </c>
      <c r="E6" s="187">
        <v>9</v>
      </c>
      <c r="F6" s="188">
        <v>50</v>
      </c>
      <c r="G6" s="188">
        <v>450</v>
      </c>
      <c r="H6" s="188">
        <v>652</v>
      </c>
      <c r="I6" s="186">
        <v>384</v>
      </c>
      <c r="J6" s="189">
        <v>1545</v>
      </c>
      <c r="K6" s="190">
        <v>1545</v>
      </c>
      <c r="L6" s="185">
        <v>0</v>
      </c>
      <c r="M6" s="186">
        <v>0</v>
      </c>
      <c r="N6" s="189">
        <v>0</v>
      </c>
      <c r="O6" s="192">
        <v>99</v>
      </c>
      <c r="P6" s="188">
        <v>199</v>
      </c>
      <c r="Q6" s="188">
        <v>292</v>
      </c>
      <c r="R6" s="188">
        <v>339</v>
      </c>
      <c r="S6" s="186">
        <v>158</v>
      </c>
      <c r="T6" s="189">
        <v>1087</v>
      </c>
      <c r="U6" s="193">
        <v>1087</v>
      </c>
      <c r="V6" s="192">
        <v>0</v>
      </c>
      <c r="W6" s="186">
        <v>0</v>
      </c>
      <c r="X6" s="186">
        <v>0</v>
      </c>
      <c r="Y6" s="187">
        <v>1</v>
      </c>
      <c r="Z6" s="188">
        <v>0</v>
      </c>
      <c r="AA6" s="188">
        <v>3</v>
      </c>
      <c r="AB6" s="188">
        <v>17</v>
      </c>
      <c r="AC6" s="186">
        <v>14</v>
      </c>
      <c r="AD6" s="189">
        <v>35</v>
      </c>
      <c r="AE6" s="190">
        <v>35</v>
      </c>
      <c r="AF6" s="185">
        <v>0</v>
      </c>
      <c r="AG6" s="186">
        <v>0</v>
      </c>
      <c r="AH6" s="186">
        <v>0</v>
      </c>
      <c r="AI6" s="187">
        <v>0</v>
      </c>
      <c r="AJ6" s="188">
        <v>1</v>
      </c>
      <c r="AK6" s="188">
        <v>2</v>
      </c>
      <c r="AL6" s="188">
        <v>16</v>
      </c>
      <c r="AM6" s="186">
        <v>21</v>
      </c>
      <c r="AN6" s="189">
        <v>40</v>
      </c>
      <c r="AO6" s="191">
        <v>40</v>
      </c>
      <c r="AP6" s="37"/>
    </row>
    <row r="7" spans="1:42" ht="20.25" customHeight="1" x14ac:dyDescent="0.2">
      <c r="A7" s="62" t="s">
        <v>5</v>
      </c>
      <c r="B7" s="194">
        <v>0</v>
      </c>
      <c r="C7" s="195">
        <v>0</v>
      </c>
      <c r="D7" s="195">
        <v>0</v>
      </c>
      <c r="E7" s="196">
        <v>3</v>
      </c>
      <c r="F7" s="197">
        <v>30</v>
      </c>
      <c r="G7" s="197">
        <v>234</v>
      </c>
      <c r="H7" s="197">
        <v>280</v>
      </c>
      <c r="I7" s="195">
        <v>186</v>
      </c>
      <c r="J7" s="198">
        <v>733</v>
      </c>
      <c r="K7" s="199">
        <v>733</v>
      </c>
      <c r="L7" s="194">
        <v>0</v>
      </c>
      <c r="M7" s="195">
        <v>0</v>
      </c>
      <c r="N7" s="198">
        <v>0</v>
      </c>
      <c r="O7" s="201">
        <v>41</v>
      </c>
      <c r="P7" s="197">
        <v>104</v>
      </c>
      <c r="Q7" s="197">
        <v>133</v>
      </c>
      <c r="R7" s="197">
        <v>168</v>
      </c>
      <c r="S7" s="195">
        <v>84</v>
      </c>
      <c r="T7" s="198">
        <v>530</v>
      </c>
      <c r="U7" s="202">
        <v>530</v>
      </c>
      <c r="V7" s="201">
        <v>0</v>
      </c>
      <c r="W7" s="195">
        <v>0</v>
      </c>
      <c r="X7" s="195">
        <v>0</v>
      </c>
      <c r="Y7" s="196">
        <v>0</v>
      </c>
      <c r="Z7" s="197">
        <v>0</v>
      </c>
      <c r="AA7" s="197">
        <v>0</v>
      </c>
      <c r="AB7" s="197">
        <v>3</v>
      </c>
      <c r="AC7" s="195">
        <v>5</v>
      </c>
      <c r="AD7" s="198">
        <v>8</v>
      </c>
      <c r="AE7" s="199">
        <v>8</v>
      </c>
      <c r="AF7" s="194">
        <v>0</v>
      </c>
      <c r="AG7" s="195">
        <v>0</v>
      </c>
      <c r="AH7" s="195">
        <v>0</v>
      </c>
      <c r="AI7" s="196">
        <v>0</v>
      </c>
      <c r="AJ7" s="197">
        <v>0</v>
      </c>
      <c r="AK7" s="197">
        <v>0</v>
      </c>
      <c r="AL7" s="197">
        <v>5</v>
      </c>
      <c r="AM7" s="195">
        <v>6</v>
      </c>
      <c r="AN7" s="198">
        <v>11</v>
      </c>
      <c r="AO7" s="200">
        <v>11</v>
      </c>
      <c r="AP7" s="37"/>
    </row>
    <row r="8" spans="1:42" ht="20.25" customHeight="1" x14ac:dyDescent="0.2">
      <c r="A8" s="62" t="s">
        <v>6</v>
      </c>
      <c r="B8" s="194">
        <v>0</v>
      </c>
      <c r="C8" s="195">
        <v>0</v>
      </c>
      <c r="D8" s="195">
        <v>0</v>
      </c>
      <c r="E8" s="196">
        <v>0</v>
      </c>
      <c r="F8" s="197">
        <v>6</v>
      </c>
      <c r="G8" s="197">
        <v>47</v>
      </c>
      <c r="H8" s="197">
        <v>56</v>
      </c>
      <c r="I8" s="195">
        <v>40</v>
      </c>
      <c r="J8" s="198">
        <v>149</v>
      </c>
      <c r="K8" s="199">
        <v>149</v>
      </c>
      <c r="L8" s="194">
        <v>0</v>
      </c>
      <c r="M8" s="195">
        <v>0</v>
      </c>
      <c r="N8" s="198">
        <v>0</v>
      </c>
      <c r="O8" s="201">
        <v>12</v>
      </c>
      <c r="P8" s="197">
        <v>23</v>
      </c>
      <c r="Q8" s="197">
        <v>35</v>
      </c>
      <c r="R8" s="197">
        <v>35</v>
      </c>
      <c r="S8" s="195">
        <v>20</v>
      </c>
      <c r="T8" s="198">
        <v>125</v>
      </c>
      <c r="U8" s="202">
        <v>125</v>
      </c>
      <c r="V8" s="201">
        <v>0</v>
      </c>
      <c r="W8" s="195">
        <v>0</v>
      </c>
      <c r="X8" s="195">
        <v>0</v>
      </c>
      <c r="Y8" s="196">
        <v>1</v>
      </c>
      <c r="Z8" s="197">
        <v>0</v>
      </c>
      <c r="AA8" s="197">
        <v>3</v>
      </c>
      <c r="AB8" s="197">
        <v>10</v>
      </c>
      <c r="AC8" s="195">
        <v>7</v>
      </c>
      <c r="AD8" s="198">
        <v>21</v>
      </c>
      <c r="AE8" s="199">
        <v>21</v>
      </c>
      <c r="AF8" s="194">
        <v>0</v>
      </c>
      <c r="AG8" s="195">
        <v>0</v>
      </c>
      <c r="AH8" s="195">
        <v>0</v>
      </c>
      <c r="AI8" s="196">
        <v>0</v>
      </c>
      <c r="AJ8" s="197">
        <v>0</v>
      </c>
      <c r="AK8" s="197">
        <v>0</v>
      </c>
      <c r="AL8" s="197">
        <v>2</v>
      </c>
      <c r="AM8" s="195">
        <v>7</v>
      </c>
      <c r="AN8" s="198">
        <v>9</v>
      </c>
      <c r="AO8" s="200">
        <v>9</v>
      </c>
      <c r="AP8" s="37"/>
    </row>
    <row r="9" spans="1:42" ht="20.25" customHeight="1" x14ac:dyDescent="0.2">
      <c r="A9" s="62" t="s">
        <v>14</v>
      </c>
      <c r="B9" s="194">
        <v>0</v>
      </c>
      <c r="C9" s="195">
        <v>0</v>
      </c>
      <c r="D9" s="195">
        <v>0</v>
      </c>
      <c r="E9" s="196">
        <v>1</v>
      </c>
      <c r="F9" s="197">
        <v>0</v>
      </c>
      <c r="G9" s="197">
        <v>27</v>
      </c>
      <c r="H9" s="197">
        <v>54</v>
      </c>
      <c r="I9" s="195">
        <v>29</v>
      </c>
      <c r="J9" s="198">
        <v>111</v>
      </c>
      <c r="K9" s="199">
        <v>111</v>
      </c>
      <c r="L9" s="194">
        <v>0</v>
      </c>
      <c r="M9" s="195">
        <v>0</v>
      </c>
      <c r="N9" s="198">
        <v>0</v>
      </c>
      <c r="O9" s="201">
        <v>2</v>
      </c>
      <c r="P9" s="197">
        <v>9</v>
      </c>
      <c r="Q9" s="197">
        <v>14</v>
      </c>
      <c r="R9" s="197">
        <v>20</v>
      </c>
      <c r="S9" s="195">
        <v>6</v>
      </c>
      <c r="T9" s="198">
        <v>51</v>
      </c>
      <c r="U9" s="202">
        <v>51</v>
      </c>
      <c r="V9" s="201">
        <v>0</v>
      </c>
      <c r="W9" s="195">
        <v>0</v>
      </c>
      <c r="X9" s="195">
        <v>0</v>
      </c>
      <c r="Y9" s="196">
        <v>0</v>
      </c>
      <c r="Z9" s="197">
        <v>0</v>
      </c>
      <c r="AA9" s="197">
        <v>0</v>
      </c>
      <c r="AB9" s="197">
        <v>2</v>
      </c>
      <c r="AC9" s="195">
        <v>2</v>
      </c>
      <c r="AD9" s="198">
        <v>4</v>
      </c>
      <c r="AE9" s="199">
        <v>4</v>
      </c>
      <c r="AF9" s="194">
        <v>0</v>
      </c>
      <c r="AG9" s="195">
        <v>0</v>
      </c>
      <c r="AH9" s="195">
        <v>0</v>
      </c>
      <c r="AI9" s="196">
        <v>0</v>
      </c>
      <c r="AJ9" s="197">
        <v>0</v>
      </c>
      <c r="AK9" s="197">
        <v>0</v>
      </c>
      <c r="AL9" s="197">
        <v>1</v>
      </c>
      <c r="AM9" s="195">
        <v>2</v>
      </c>
      <c r="AN9" s="198">
        <v>3</v>
      </c>
      <c r="AO9" s="200">
        <v>3</v>
      </c>
      <c r="AP9" s="37"/>
    </row>
    <row r="10" spans="1:42" ht="20.25" customHeight="1" x14ac:dyDescent="0.2">
      <c r="A10" s="62" t="s">
        <v>7</v>
      </c>
      <c r="B10" s="194">
        <v>0</v>
      </c>
      <c r="C10" s="195">
        <v>0</v>
      </c>
      <c r="D10" s="195">
        <v>0</v>
      </c>
      <c r="E10" s="196">
        <v>0</v>
      </c>
      <c r="F10" s="197">
        <v>5</v>
      </c>
      <c r="G10" s="197">
        <v>25</v>
      </c>
      <c r="H10" s="197">
        <v>60</v>
      </c>
      <c r="I10" s="195">
        <v>28</v>
      </c>
      <c r="J10" s="198">
        <v>118</v>
      </c>
      <c r="K10" s="199">
        <v>118</v>
      </c>
      <c r="L10" s="194">
        <v>0</v>
      </c>
      <c r="M10" s="195">
        <v>0</v>
      </c>
      <c r="N10" s="198">
        <v>0</v>
      </c>
      <c r="O10" s="201">
        <v>15</v>
      </c>
      <c r="P10" s="197">
        <v>15</v>
      </c>
      <c r="Q10" s="197">
        <v>18</v>
      </c>
      <c r="R10" s="197">
        <v>26</v>
      </c>
      <c r="S10" s="195">
        <v>8</v>
      </c>
      <c r="T10" s="198">
        <v>82</v>
      </c>
      <c r="U10" s="202">
        <v>82</v>
      </c>
      <c r="V10" s="201">
        <v>0</v>
      </c>
      <c r="W10" s="195">
        <v>0</v>
      </c>
      <c r="X10" s="195">
        <v>0</v>
      </c>
      <c r="Y10" s="196">
        <v>0</v>
      </c>
      <c r="Z10" s="197">
        <v>0</v>
      </c>
      <c r="AA10" s="197">
        <v>0</v>
      </c>
      <c r="AB10" s="197">
        <v>0</v>
      </c>
      <c r="AC10" s="195">
        <v>0</v>
      </c>
      <c r="AD10" s="198">
        <v>0</v>
      </c>
      <c r="AE10" s="199">
        <v>0</v>
      </c>
      <c r="AF10" s="194">
        <v>0</v>
      </c>
      <c r="AG10" s="195">
        <v>0</v>
      </c>
      <c r="AH10" s="195">
        <v>0</v>
      </c>
      <c r="AI10" s="196">
        <v>0</v>
      </c>
      <c r="AJ10" s="197">
        <v>0</v>
      </c>
      <c r="AK10" s="197">
        <v>0</v>
      </c>
      <c r="AL10" s="197">
        <v>0</v>
      </c>
      <c r="AM10" s="195">
        <v>0</v>
      </c>
      <c r="AN10" s="198">
        <v>0</v>
      </c>
      <c r="AO10" s="200">
        <v>0</v>
      </c>
      <c r="AP10" s="37"/>
    </row>
    <row r="11" spans="1:42" ht="20.25" customHeight="1" x14ac:dyDescent="0.2">
      <c r="A11" s="62" t="s">
        <v>8</v>
      </c>
      <c r="B11" s="194">
        <v>0</v>
      </c>
      <c r="C11" s="195">
        <v>0</v>
      </c>
      <c r="D11" s="195">
        <v>0</v>
      </c>
      <c r="E11" s="196">
        <v>2</v>
      </c>
      <c r="F11" s="197">
        <v>3</v>
      </c>
      <c r="G11" s="197">
        <v>7</v>
      </c>
      <c r="H11" s="197">
        <v>9</v>
      </c>
      <c r="I11" s="195">
        <v>8</v>
      </c>
      <c r="J11" s="198">
        <v>29</v>
      </c>
      <c r="K11" s="199">
        <v>29</v>
      </c>
      <c r="L11" s="194">
        <v>0</v>
      </c>
      <c r="M11" s="195">
        <v>0</v>
      </c>
      <c r="N11" s="198">
        <v>0</v>
      </c>
      <c r="O11" s="201">
        <v>1</v>
      </c>
      <c r="P11" s="197">
        <v>4</v>
      </c>
      <c r="Q11" s="197">
        <v>8</v>
      </c>
      <c r="R11" s="197">
        <v>5</v>
      </c>
      <c r="S11" s="195">
        <v>2</v>
      </c>
      <c r="T11" s="198">
        <v>20</v>
      </c>
      <c r="U11" s="202">
        <v>20</v>
      </c>
      <c r="V11" s="201">
        <v>0</v>
      </c>
      <c r="W11" s="195">
        <v>0</v>
      </c>
      <c r="X11" s="195">
        <v>0</v>
      </c>
      <c r="Y11" s="196">
        <v>0</v>
      </c>
      <c r="Z11" s="197">
        <v>0</v>
      </c>
      <c r="AA11" s="197">
        <v>0</v>
      </c>
      <c r="AB11" s="197">
        <v>0</v>
      </c>
      <c r="AC11" s="195">
        <v>0</v>
      </c>
      <c r="AD11" s="198">
        <v>0</v>
      </c>
      <c r="AE11" s="199">
        <v>0</v>
      </c>
      <c r="AF11" s="194">
        <v>0</v>
      </c>
      <c r="AG11" s="195">
        <v>0</v>
      </c>
      <c r="AH11" s="195">
        <v>0</v>
      </c>
      <c r="AI11" s="196">
        <v>0</v>
      </c>
      <c r="AJ11" s="197">
        <v>0</v>
      </c>
      <c r="AK11" s="197">
        <v>0</v>
      </c>
      <c r="AL11" s="197">
        <v>0</v>
      </c>
      <c r="AM11" s="195">
        <v>0</v>
      </c>
      <c r="AN11" s="198">
        <v>0</v>
      </c>
      <c r="AO11" s="200">
        <v>0</v>
      </c>
      <c r="AP11" s="37"/>
    </row>
    <row r="12" spans="1:42" ht="20.25" customHeight="1" x14ac:dyDescent="0.2">
      <c r="A12" s="62" t="s">
        <v>9</v>
      </c>
      <c r="B12" s="194">
        <v>0</v>
      </c>
      <c r="C12" s="195">
        <v>0</v>
      </c>
      <c r="D12" s="195">
        <v>0</v>
      </c>
      <c r="E12" s="196">
        <v>0</v>
      </c>
      <c r="F12" s="197">
        <v>0</v>
      </c>
      <c r="G12" s="197">
        <v>16</v>
      </c>
      <c r="H12" s="197">
        <v>28</v>
      </c>
      <c r="I12" s="195">
        <v>7</v>
      </c>
      <c r="J12" s="198">
        <v>51</v>
      </c>
      <c r="K12" s="199">
        <v>51</v>
      </c>
      <c r="L12" s="194">
        <v>0</v>
      </c>
      <c r="M12" s="195">
        <v>0</v>
      </c>
      <c r="N12" s="198">
        <v>0</v>
      </c>
      <c r="O12" s="201">
        <v>3</v>
      </c>
      <c r="P12" s="197">
        <v>4</v>
      </c>
      <c r="Q12" s="197">
        <v>8</v>
      </c>
      <c r="R12" s="197">
        <v>8</v>
      </c>
      <c r="S12" s="195">
        <v>1</v>
      </c>
      <c r="T12" s="198">
        <v>24</v>
      </c>
      <c r="U12" s="202">
        <v>24</v>
      </c>
      <c r="V12" s="201">
        <v>0</v>
      </c>
      <c r="W12" s="195">
        <v>0</v>
      </c>
      <c r="X12" s="195">
        <v>0</v>
      </c>
      <c r="Y12" s="196">
        <v>0</v>
      </c>
      <c r="Z12" s="197">
        <v>0</v>
      </c>
      <c r="AA12" s="197">
        <v>0</v>
      </c>
      <c r="AB12" s="197">
        <v>0</v>
      </c>
      <c r="AC12" s="195">
        <v>0</v>
      </c>
      <c r="AD12" s="198">
        <v>0</v>
      </c>
      <c r="AE12" s="199">
        <v>0</v>
      </c>
      <c r="AF12" s="194">
        <v>0</v>
      </c>
      <c r="AG12" s="195">
        <v>0</v>
      </c>
      <c r="AH12" s="195">
        <v>0</v>
      </c>
      <c r="AI12" s="196">
        <v>0</v>
      </c>
      <c r="AJ12" s="197">
        <v>0</v>
      </c>
      <c r="AK12" s="197">
        <v>1</v>
      </c>
      <c r="AL12" s="197">
        <v>0</v>
      </c>
      <c r="AM12" s="195">
        <v>0</v>
      </c>
      <c r="AN12" s="198">
        <v>1</v>
      </c>
      <c r="AO12" s="200">
        <v>1</v>
      </c>
      <c r="AP12" s="37"/>
    </row>
    <row r="13" spans="1:42" ht="20.25" customHeight="1" x14ac:dyDescent="0.2">
      <c r="A13" s="62" t="s">
        <v>10</v>
      </c>
      <c r="B13" s="194">
        <v>0</v>
      </c>
      <c r="C13" s="195">
        <v>0</v>
      </c>
      <c r="D13" s="195">
        <v>0</v>
      </c>
      <c r="E13" s="196">
        <v>1</v>
      </c>
      <c r="F13" s="197">
        <v>0</v>
      </c>
      <c r="G13" s="197">
        <v>19</v>
      </c>
      <c r="H13" s="197">
        <v>35</v>
      </c>
      <c r="I13" s="195">
        <v>18</v>
      </c>
      <c r="J13" s="198">
        <v>73</v>
      </c>
      <c r="K13" s="199">
        <v>73</v>
      </c>
      <c r="L13" s="194">
        <v>0</v>
      </c>
      <c r="M13" s="195">
        <v>0</v>
      </c>
      <c r="N13" s="198">
        <v>0</v>
      </c>
      <c r="O13" s="201">
        <v>6</v>
      </c>
      <c r="P13" s="197">
        <v>4</v>
      </c>
      <c r="Q13" s="197">
        <v>11</v>
      </c>
      <c r="R13" s="197">
        <v>11</v>
      </c>
      <c r="S13" s="195">
        <v>7</v>
      </c>
      <c r="T13" s="198">
        <v>39</v>
      </c>
      <c r="U13" s="202">
        <v>39</v>
      </c>
      <c r="V13" s="201">
        <v>0</v>
      </c>
      <c r="W13" s="195">
        <v>0</v>
      </c>
      <c r="X13" s="195">
        <v>0</v>
      </c>
      <c r="Y13" s="196">
        <v>0</v>
      </c>
      <c r="Z13" s="197">
        <v>0</v>
      </c>
      <c r="AA13" s="197">
        <v>0</v>
      </c>
      <c r="AB13" s="197">
        <v>0</v>
      </c>
      <c r="AC13" s="195">
        <v>0</v>
      </c>
      <c r="AD13" s="198">
        <v>0</v>
      </c>
      <c r="AE13" s="199">
        <v>0</v>
      </c>
      <c r="AF13" s="194">
        <v>0</v>
      </c>
      <c r="AG13" s="195">
        <v>0</v>
      </c>
      <c r="AH13" s="195">
        <v>0</v>
      </c>
      <c r="AI13" s="196">
        <v>0</v>
      </c>
      <c r="AJ13" s="197">
        <v>0</v>
      </c>
      <c r="AK13" s="197">
        <v>0</v>
      </c>
      <c r="AL13" s="197">
        <v>1</v>
      </c>
      <c r="AM13" s="195">
        <v>0</v>
      </c>
      <c r="AN13" s="198">
        <v>1</v>
      </c>
      <c r="AO13" s="200">
        <v>1</v>
      </c>
      <c r="AP13" s="37"/>
    </row>
    <row r="14" spans="1:42" ht="20.25" customHeight="1" x14ac:dyDescent="0.2">
      <c r="A14" s="62" t="s">
        <v>11</v>
      </c>
      <c r="B14" s="194">
        <v>0</v>
      </c>
      <c r="C14" s="195">
        <v>0</v>
      </c>
      <c r="D14" s="195">
        <v>0</v>
      </c>
      <c r="E14" s="196">
        <v>0</v>
      </c>
      <c r="F14" s="197">
        <v>0</v>
      </c>
      <c r="G14" s="197">
        <v>5</v>
      </c>
      <c r="H14" s="197">
        <v>13</v>
      </c>
      <c r="I14" s="195">
        <v>7</v>
      </c>
      <c r="J14" s="198">
        <v>25</v>
      </c>
      <c r="K14" s="199">
        <v>25</v>
      </c>
      <c r="L14" s="194">
        <v>0</v>
      </c>
      <c r="M14" s="195">
        <v>0</v>
      </c>
      <c r="N14" s="198">
        <v>0</v>
      </c>
      <c r="O14" s="201">
        <v>2</v>
      </c>
      <c r="P14" s="197">
        <v>5</v>
      </c>
      <c r="Q14" s="197">
        <v>4</v>
      </c>
      <c r="R14" s="197">
        <v>6</v>
      </c>
      <c r="S14" s="195">
        <v>4</v>
      </c>
      <c r="T14" s="198">
        <v>21</v>
      </c>
      <c r="U14" s="202">
        <v>21</v>
      </c>
      <c r="V14" s="201">
        <v>0</v>
      </c>
      <c r="W14" s="195">
        <v>0</v>
      </c>
      <c r="X14" s="195">
        <v>0</v>
      </c>
      <c r="Y14" s="196">
        <v>0</v>
      </c>
      <c r="Z14" s="197">
        <v>0</v>
      </c>
      <c r="AA14" s="197">
        <v>0</v>
      </c>
      <c r="AB14" s="197">
        <v>0</v>
      </c>
      <c r="AC14" s="195">
        <v>0</v>
      </c>
      <c r="AD14" s="198">
        <v>0</v>
      </c>
      <c r="AE14" s="199">
        <v>0</v>
      </c>
      <c r="AF14" s="194">
        <v>0</v>
      </c>
      <c r="AG14" s="195">
        <v>0</v>
      </c>
      <c r="AH14" s="195">
        <v>0</v>
      </c>
      <c r="AI14" s="196">
        <v>0</v>
      </c>
      <c r="AJ14" s="197">
        <v>1</v>
      </c>
      <c r="AK14" s="197">
        <v>0</v>
      </c>
      <c r="AL14" s="197">
        <v>1</v>
      </c>
      <c r="AM14" s="195">
        <v>0</v>
      </c>
      <c r="AN14" s="198">
        <v>2</v>
      </c>
      <c r="AO14" s="200">
        <v>2</v>
      </c>
      <c r="AP14" s="37"/>
    </row>
    <row r="15" spans="1:42" ht="20.25" customHeight="1" x14ac:dyDescent="0.2">
      <c r="A15" s="62" t="s">
        <v>12</v>
      </c>
      <c r="B15" s="194">
        <v>0</v>
      </c>
      <c r="C15" s="195">
        <v>0</v>
      </c>
      <c r="D15" s="195">
        <v>0</v>
      </c>
      <c r="E15" s="196">
        <v>0</v>
      </c>
      <c r="F15" s="197">
        <v>1</v>
      </c>
      <c r="G15" s="197">
        <v>10</v>
      </c>
      <c r="H15" s="197">
        <v>11</v>
      </c>
      <c r="I15" s="195">
        <v>5</v>
      </c>
      <c r="J15" s="198">
        <v>27</v>
      </c>
      <c r="K15" s="199">
        <v>27</v>
      </c>
      <c r="L15" s="194">
        <v>0</v>
      </c>
      <c r="M15" s="195">
        <v>0</v>
      </c>
      <c r="N15" s="198">
        <v>0</v>
      </c>
      <c r="O15" s="201">
        <v>3</v>
      </c>
      <c r="P15" s="197">
        <v>3</v>
      </c>
      <c r="Q15" s="197">
        <v>8</v>
      </c>
      <c r="R15" s="197">
        <v>11</v>
      </c>
      <c r="S15" s="195">
        <v>3</v>
      </c>
      <c r="T15" s="198">
        <v>28</v>
      </c>
      <c r="U15" s="202">
        <v>28</v>
      </c>
      <c r="V15" s="201">
        <v>0</v>
      </c>
      <c r="W15" s="195">
        <v>0</v>
      </c>
      <c r="X15" s="195">
        <v>0</v>
      </c>
      <c r="Y15" s="196">
        <v>0</v>
      </c>
      <c r="Z15" s="197">
        <v>0</v>
      </c>
      <c r="AA15" s="197">
        <v>0</v>
      </c>
      <c r="AB15" s="197">
        <v>1</v>
      </c>
      <c r="AC15" s="195">
        <v>0</v>
      </c>
      <c r="AD15" s="198">
        <v>1</v>
      </c>
      <c r="AE15" s="199">
        <v>1</v>
      </c>
      <c r="AF15" s="194">
        <v>0</v>
      </c>
      <c r="AG15" s="195">
        <v>0</v>
      </c>
      <c r="AH15" s="195">
        <v>0</v>
      </c>
      <c r="AI15" s="196">
        <v>0</v>
      </c>
      <c r="AJ15" s="197">
        <v>0</v>
      </c>
      <c r="AK15" s="197">
        <v>0</v>
      </c>
      <c r="AL15" s="197">
        <v>0</v>
      </c>
      <c r="AM15" s="195">
        <v>0</v>
      </c>
      <c r="AN15" s="198">
        <v>0</v>
      </c>
      <c r="AO15" s="200">
        <v>0</v>
      </c>
      <c r="AP15" s="37"/>
    </row>
    <row r="16" spans="1:42" ht="20.25" customHeight="1" x14ac:dyDescent="0.2">
      <c r="A16" s="62" t="s">
        <v>13</v>
      </c>
      <c r="B16" s="194">
        <v>0</v>
      </c>
      <c r="C16" s="195">
        <v>0</v>
      </c>
      <c r="D16" s="195">
        <v>0</v>
      </c>
      <c r="E16" s="196">
        <v>1</v>
      </c>
      <c r="F16" s="197">
        <v>0</v>
      </c>
      <c r="G16" s="197">
        <v>3</v>
      </c>
      <c r="H16" s="197">
        <v>7</v>
      </c>
      <c r="I16" s="195">
        <v>6</v>
      </c>
      <c r="J16" s="198">
        <v>17</v>
      </c>
      <c r="K16" s="199">
        <v>17</v>
      </c>
      <c r="L16" s="194">
        <v>0</v>
      </c>
      <c r="M16" s="195">
        <v>0</v>
      </c>
      <c r="N16" s="198">
        <v>0</v>
      </c>
      <c r="O16" s="201">
        <v>2</v>
      </c>
      <c r="P16" s="197">
        <v>2</v>
      </c>
      <c r="Q16" s="197">
        <v>2</v>
      </c>
      <c r="R16" s="197">
        <v>2</v>
      </c>
      <c r="S16" s="195">
        <v>3</v>
      </c>
      <c r="T16" s="198">
        <v>11</v>
      </c>
      <c r="U16" s="202">
        <v>11</v>
      </c>
      <c r="V16" s="201">
        <v>0</v>
      </c>
      <c r="W16" s="195">
        <v>0</v>
      </c>
      <c r="X16" s="195">
        <v>0</v>
      </c>
      <c r="Y16" s="196">
        <v>0</v>
      </c>
      <c r="Z16" s="197">
        <v>0</v>
      </c>
      <c r="AA16" s="197">
        <v>0</v>
      </c>
      <c r="AB16" s="197">
        <v>0</v>
      </c>
      <c r="AC16" s="195">
        <v>0</v>
      </c>
      <c r="AD16" s="198">
        <v>0</v>
      </c>
      <c r="AE16" s="199">
        <v>0</v>
      </c>
      <c r="AF16" s="194">
        <v>0</v>
      </c>
      <c r="AG16" s="195">
        <v>0</v>
      </c>
      <c r="AH16" s="195">
        <v>0</v>
      </c>
      <c r="AI16" s="196">
        <v>0</v>
      </c>
      <c r="AJ16" s="197">
        <v>0</v>
      </c>
      <c r="AK16" s="197">
        <v>0</v>
      </c>
      <c r="AL16" s="197">
        <v>0</v>
      </c>
      <c r="AM16" s="195">
        <v>0</v>
      </c>
      <c r="AN16" s="198">
        <v>0</v>
      </c>
      <c r="AO16" s="200">
        <v>0</v>
      </c>
      <c r="AP16" s="37"/>
    </row>
    <row r="17" spans="1:42" ht="20.25" customHeight="1" x14ac:dyDescent="0.2">
      <c r="A17" s="62" t="s">
        <v>15</v>
      </c>
      <c r="B17" s="194">
        <v>0</v>
      </c>
      <c r="C17" s="195">
        <v>0</v>
      </c>
      <c r="D17" s="195">
        <v>0</v>
      </c>
      <c r="E17" s="196">
        <v>0</v>
      </c>
      <c r="F17" s="197">
        <v>0</v>
      </c>
      <c r="G17" s="197">
        <v>3</v>
      </c>
      <c r="H17" s="197">
        <v>3</v>
      </c>
      <c r="I17" s="195">
        <v>0</v>
      </c>
      <c r="J17" s="198">
        <v>6</v>
      </c>
      <c r="K17" s="199">
        <v>6</v>
      </c>
      <c r="L17" s="194">
        <v>0</v>
      </c>
      <c r="M17" s="195">
        <v>0</v>
      </c>
      <c r="N17" s="198">
        <v>0</v>
      </c>
      <c r="O17" s="201">
        <v>2</v>
      </c>
      <c r="P17" s="197">
        <v>2</v>
      </c>
      <c r="Q17" s="197">
        <v>2</v>
      </c>
      <c r="R17" s="197">
        <v>3</v>
      </c>
      <c r="S17" s="195">
        <v>2</v>
      </c>
      <c r="T17" s="198">
        <v>11</v>
      </c>
      <c r="U17" s="202">
        <v>11</v>
      </c>
      <c r="V17" s="201">
        <v>0</v>
      </c>
      <c r="W17" s="195">
        <v>0</v>
      </c>
      <c r="X17" s="195">
        <v>0</v>
      </c>
      <c r="Y17" s="196">
        <v>0</v>
      </c>
      <c r="Z17" s="197">
        <v>0</v>
      </c>
      <c r="AA17" s="197">
        <v>0</v>
      </c>
      <c r="AB17" s="197">
        <v>0</v>
      </c>
      <c r="AC17" s="195">
        <v>0</v>
      </c>
      <c r="AD17" s="198">
        <v>0</v>
      </c>
      <c r="AE17" s="199">
        <v>0</v>
      </c>
      <c r="AF17" s="194">
        <v>0</v>
      </c>
      <c r="AG17" s="195">
        <v>0</v>
      </c>
      <c r="AH17" s="195">
        <v>0</v>
      </c>
      <c r="AI17" s="196">
        <v>0</v>
      </c>
      <c r="AJ17" s="197">
        <v>0</v>
      </c>
      <c r="AK17" s="197">
        <v>0</v>
      </c>
      <c r="AL17" s="197">
        <v>0</v>
      </c>
      <c r="AM17" s="195">
        <v>0</v>
      </c>
      <c r="AN17" s="198">
        <v>0</v>
      </c>
      <c r="AO17" s="200">
        <v>0</v>
      </c>
      <c r="AP17" s="37"/>
    </row>
    <row r="18" spans="1:42" ht="20.25" customHeight="1" x14ac:dyDescent="0.2">
      <c r="A18" s="62" t="s">
        <v>16</v>
      </c>
      <c r="B18" s="194">
        <v>0</v>
      </c>
      <c r="C18" s="195">
        <v>0</v>
      </c>
      <c r="D18" s="195">
        <v>0</v>
      </c>
      <c r="E18" s="196">
        <v>0</v>
      </c>
      <c r="F18" s="197">
        <v>1</v>
      </c>
      <c r="G18" s="197">
        <v>2</v>
      </c>
      <c r="H18" s="197">
        <v>11</v>
      </c>
      <c r="I18" s="195">
        <v>6</v>
      </c>
      <c r="J18" s="198">
        <v>20</v>
      </c>
      <c r="K18" s="199">
        <v>20</v>
      </c>
      <c r="L18" s="194">
        <v>0</v>
      </c>
      <c r="M18" s="195">
        <v>0</v>
      </c>
      <c r="N18" s="198">
        <v>0</v>
      </c>
      <c r="O18" s="201">
        <v>1</v>
      </c>
      <c r="P18" s="197">
        <v>3</v>
      </c>
      <c r="Q18" s="197">
        <v>4</v>
      </c>
      <c r="R18" s="197">
        <v>7</v>
      </c>
      <c r="S18" s="195">
        <v>2</v>
      </c>
      <c r="T18" s="198">
        <v>17</v>
      </c>
      <c r="U18" s="202">
        <v>17</v>
      </c>
      <c r="V18" s="201">
        <v>0</v>
      </c>
      <c r="W18" s="195">
        <v>0</v>
      </c>
      <c r="X18" s="195">
        <v>0</v>
      </c>
      <c r="Y18" s="196">
        <v>0</v>
      </c>
      <c r="Z18" s="197">
        <v>0</v>
      </c>
      <c r="AA18" s="197">
        <v>0</v>
      </c>
      <c r="AB18" s="197">
        <v>0</v>
      </c>
      <c r="AC18" s="195">
        <v>0</v>
      </c>
      <c r="AD18" s="198">
        <v>0</v>
      </c>
      <c r="AE18" s="199">
        <v>0</v>
      </c>
      <c r="AF18" s="194">
        <v>0</v>
      </c>
      <c r="AG18" s="195">
        <v>0</v>
      </c>
      <c r="AH18" s="195">
        <v>0</v>
      </c>
      <c r="AI18" s="196">
        <v>0</v>
      </c>
      <c r="AJ18" s="197">
        <v>0</v>
      </c>
      <c r="AK18" s="197">
        <v>0</v>
      </c>
      <c r="AL18" s="197">
        <v>0</v>
      </c>
      <c r="AM18" s="195">
        <v>1</v>
      </c>
      <c r="AN18" s="198">
        <v>1</v>
      </c>
      <c r="AO18" s="200">
        <v>1</v>
      </c>
      <c r="AP18" s="37"/>
    </row>
    <row r="19" spans="1:42" ht="20.25" customHeight="1" x14ac:dyDescent="0.2">
      <c r="A19" s="62" t="s">
        <v>17</v>
      </c>
      <c r="B19" s="194">
        <v>0</v>
      </c>
      <c r="C19" s="195">
        <v>0</v>
      </c>
      <c r="D19" s="195">
        <v>0</v>
      </c>
      <c r="E19" s="196">
        <v>0</v>
      </c>
      <c r="F19" s="197">
        <v>2</v>
      </c>
      <c r="G19" s="197">
        <v>8</v>
      </c>
      <c r="H19" s="197">
        <v>15</v>
      </c>
      <c r="I19" s="195">
        <v>5</v>
      </c>
      <c r="J19" s="198">
        <v>30</v>
      </c>
      <c r="K19" s="199">
        <v>30</v>
      </c>
      <c r="L19" s="194">
        <v>0</v>
      </c>
      <c r="M19" s="195">
        <v>0</v>
      </c>
      <c r="N19" s="198">
        <v>0</v>
      </c>
      <c r="O19" s="201">
        <v>0</v>
      </c>
      <c r="P19" s="197">
        <v>5</v>
      </c>
      <c r="Q19" s="197">
        <v>9</v>
      </c>
      <c r="R19" s="197">
        <v>7</v>
      </c>
      <c r="S19" s="195">
        <v>4</v>
      </c>
      <c r="T19" s="198">
        <v>25</v>
      </c>
      <c r="U19" s="202">
        <v>25</v>
      </c>
      <c r="V19" s="201">
        <v>0</v>
      </c>
      <c r="W19" s="195">
        <v>0</v>
      </c>
      <c r="X19" s="195">
        <v>0</v>
      </c>
      <c r="Y19" s="196">
        <v>0</v>
      </c>
      <c r="Z19" s="197">
        <v>0</v>
      </c>
      <c r="AA19" s="197">
        <v>0</v>
      </c>
      <c r="AB19" s="197">
        <v>0</v>
      </c>
      <c r="AC19" s="195">
        <v>0</v>
      </c>
      <c r="AD19" s="198">
        <v>0</v>
      </c>
      <c r="AE19" s="199">
        <v>0</v>
      </c>
      <c r="AF19" s="194">
        <v>0</v>
      </c>
      <c r="AG19" s="195">
        <v>0</v>
      </c>
      <c r="AH19" s="195">
        <v>0</v>
      </c>
      <c r="AI19" s="196">
        <v>0</v>
      </c>
      <c r="AJ19" s="197">
        <v>0</v>
      </c>
      <c r="AK19" s="197">
        <v>0</v>
      </c>
      <c r="AL19" s="197">
        <v>0</v>
      </c>
      <c r="AM19" s="195">
        <v>1</v>
      </c>
      <c r="AN19" s="198">
        <v>1</v>
      </c>
      <c r="AO19" s="200">
        <v>1</v>
      </c>
      <c r="AP19" s="37"/>
    </row>
    <row r="20" spans="1:42" ht="20.25" customHeight="1" x14ac:dyDescent="0.2">
      <c r="A20" s="62" t="s">
        <v>18</v>
      </c>
      <c r="B20" s="194">
        <v>0</v>
      </c>
      <c r="C20" s="195">
        <v>0</v>
      </c>
      <c r="D20" s="195">
        <v>0</v>
      </c>
      <c r="E20" s="196">
        <v>0</v>
      </c>
      <c r="F20" s="197">
        <v>0</v>
      </c>
      <c r="G20" s="197">
        <v>11</v>
      </c>
      <c r="H20" s="197">
        <v>19</v>
      </c>
      <c r="I20" s="195">
        <v>6</v>
      </c>
      <c r="J20" s="198">
        <v>36</v>
      </c>
      <c r="K20" s="199">
        <v>36</v>
      </c>
      <c r="L20" s="194">
        <v>0</v>
      </c>
      <c r="M20" s="195">
        <v>0</v>
      </c>
      <c r="N20" s="198">
        <v>0</v>
      </c>
      <c r="O20" s="201">
        <v>2</v>
      </c>
      <c r="P20" s="197">
        <v>2</v>
      </c>
      <c r="Q20" s="197">
        <v>7</v>
      </c>
      <c r="R20" s="197">
        <v>5</v>
      </c>
      <c r="S20" s="195">
        <v>4</v>
      </c>
      <c r="T20" s="198">
        <v>20</v>
      </c>
      <c r="U20" s="202">
        <v>20</v>
      </c>
      <c r="V20" s="201">
        <v>0</v>
      </c>
      <c r="W20" s="195">
        <v>0</v>
      </c>
      <c r="X20" s="195">
        <v>0</v>
      </c>
      <c r="Y20" s="196">
        <v>0</v>
      </c>
      <c r="Z20" s="197">
        <v>0</v>
      </c>
      <c r="AA20" s="197">
        <v>0</v>
      </c>
      <c r="AB20" s="197">
        <v>1</v>
      </c>
      <c r="AC20" s="195">
        <v>0</v>
      </c>
      <c r="AD20" s="198">
        <v>1</v>
      </c>
      <c r="AE20" s="199">
        <v>1</v>
      </c>
      <c r="AF20" s="194">
        <v>0</v>
      </c>
      <c r="AG20" s="195">
        <v>0</v>
      </c>
      <c r="AH20" s="195">
        <v>0</v>
      </c>
      <c r="AI20" s="196">
        <v>0</v>
      </c>
      <c r="AJ20" s="197">
        <v>0</v>
      </c>
      <c r="AK20" s="197">
        <v>0</v>
      </c>
      <c r="AL20" s="197">
        <v>0</v>
      </c>
      <c r="AM20" s="195">
        <v>1</v>
      </c>
      <c r="AN20" s="198">
        <v>1</v>
      </c>
      <c r="AO20" s="200">
        <v>1</v>
      </c>
      <c r="AP20" s="37"/>
    </row>
    <row r="21" spans="1:42" ht="20.25" customHeight="1" x14ac:dyDescent="0.2">
      <c r="A21" s="62" t="s">
        <v>19</v>
      </c>
      <c r="B21" s="194">
        <v>0</v>
      </c>
      <c r="C21" s="195">
        <v>0</v>
      </c>
      <c r="D21" s="195">
        <v>0</v>
      </c>
      <c r="E21" s="196">
        <v>0</v>
      </c>
      <c r="F21" s="197">
        <v>0</v>
      </c>
      <c r="G21" s="197">
        <v>4</v>
      </c>
      <c r="H21" s="197">
        <v>4</v>
      </c>
      <c r="I21" s="195">
        <v>3</v>
      </c>
      <c r="J21" s="198">
        <v>11</v>
      </c>
      <c r="K21" s="199">
        <v>11</v>
      </c>
      <c r="L21" s="194">
        <v>0</v>
      </c>
      <c r="M21" s="195">
        <v>0</v>
      </c>
      <c r="N21" s="198">
        <v>0</v>
      </c>
      <c r="O21" s="201">
        <v>3</v>
      </c>
      <c r="P21" s="197">
        <v>2</v>
      </c>
      <c r="Q21" s="197">
        <v>3</v>
      </c>
      <c r="R21" s="197">
        <v>3</v>
      </c>
      <c r="S21" s="195">
        <v>0</v>
      </c>
      <c r="T21" s="198">
        <v>11</v>
      </c>
      <c r="U21" s="202">
        <v>11</v>
      </c>
      <c r="V21" s="201">
        <v>0</v>
      </c>
      <c r="W21" s="195">
        <v>0</v>
      </c>
      <c r="X21" s="195">
        <v>0</v>
      </c>
      <c r="Y21" s="196">
        <v>0</v>
      </c>
      <c r="Z21" s="197">
        <v>0</v>
      </c>
      <c r="AA21" s="197">
        <v>0</v>
      </c>
      <c r="AB21" s="197">
        <v>0</v>
      </c>
      <c r="AC21" s="195">
        <v>0</v>
      </c>
      <c r="AD21" s="198">
        <v>0</v>
      </c>
      <c r="AE21" s="199">
        <v>0</v>
      </c>
      <c r="AF21" s="194">
        <v>0</v>
      </c>
      <c r="AG21" s="195">
        <v>0</v>
      </c>
      <c r="AH21" s="195">
        <v>0</v>
      </c>
      <c r="AI21" s="196">
        <v>0</v>
      </c>
      <c r="AJ21" s="197">
        <v>0</v>
      </c>
      <c r="AK21" s="197">
        <v>0</v>
      </c>
      <c r="AL21" s="197">
        <v>0</v>
      </c>
      <c r="AM21" s="195">
        <v>0</v>
      </c>
      <c r="AN21" s="198">
        <v>0</v>
      </c>
      <c r="AO21" s="200">
        <v>0</v>
      </c>
      <c r="AP21" s="37"/>
    </row>
    <row r="22" spans="1:42" ht="20.25" customHeight="1" x14ac:dyDescent="0.2">
      <c r="A22" s="62" t="s">
        <v>20</v>
      </c>
      <c r="B22" s="194">
        <v>0</v>
      </c>
      <c r="C22" s="195">
        <v>0</v>
      </c>
      <c r="D22" s="195">
        <v>0</v>
      </c>
      <c r="E22" s="196">
        <v>0</v>
      </c>
      <c r="F22" s="197">
        <v>0</v>
      </c>
      <c r="G22" s="197">
        <v>4</v>
      </c>
      <c r="H22" s="197">
        <v>9</v>
      </c>
      <c r="I22" s="195">
        <v>6</v>
      </c>
      <c r="J22" s="198">
        <v>19</v>
      </c>
      <c r="K22" s="199">
        <v>19</v>
      </c>
      <c r="L22" s="194">
        <v>0</v>
      </c>
      <c r="M22" s="195">
        <v>0</v>
      </c>
      <c r="N22" s="198">
        <v>0</v>
      </c>
      <c r="O22" s="201">
        <v>1</v>
      </c>
      <c r="P22" s="197">
        <v>3</v>
      </c>
      <c r="Q22" s="197">
        <v>7</v>
      </c>
      <c r="R22" s="197">
        <v>1</v>
      </c>
      <c r="S22" s="195">
        <v>1</v>
      </c>
      <c r="T22" s="198">
        <v>13</v>
      </c>
      <c r="U22" s="202">
        <v>13</v>
      </c>
      <c r="V22" s="201">
        <v>0</v>
      </c>
      <c r="W22" s="195">
        <v>0</v>
      </c>
      <c r="X22" s="195">
        <v>0</v>
      </c>
      <c r="Y22" s="196">
        <v>0</v>
      </c>
      <c r="Z22" s="197">
        <v>0</v>
      </c>
      <c r="AA22" s="197">
        <v>0</v>
      </c>
      <c r="AB22" s="197">
        <v>0</v>
      </c>
      <c r="AC22" s="195">
        <v>0</v>
      </c>
      <c r="AD22" s="198">
        <v>0</v>
      </c>
      <c r="AE22" s="199">
        <v>0</v>
      </c>
      <c r="AF22" s="194">
        <v>0</v>
      </c>
      <c r="AG22" s="195">
        <v>0</v>
      </c>
      <c r="AH22" s="195">
        <v>0</v>
      </c>
      <c r="AI22" s="196">
        <v>0</v>
      </c>
      <c r="AJ22" s="197">
        <v>0</v>
      </c>
      <c r="AK22" s="197">
        <v>0</v>
      </c>
      <c r="AL22" s="197">
        <v>0</v>
      </c>
      <c r="AM22" s="195">
        <v>2</v>
      </c>
      <c r="AN22" s="198">
        <v>2</v>
      </c>
      <c r="AO22" s="200">
        <v>2</v>
      </c>
      <c r="AP22" s="37"/>
    </row>
    <row r="23" spans="1:42" ht="20.25" customHeight="1" x14ac:dyDescent="0.2">
      <c r="A23" s="62" t="s">
        <v>21</v>
      </c>
      <c r="B23" s="194">
        <v>0</v>
      </c>
      <c r="C23" s="195">
        <v>0</v>
      </c>
      <c r="D23" s="195">
        <v>0</v>
      </c>
      <c r="E23" s="196">
        <v>0</v>
      </c>
      <c r="F23" s="197">
        <v>0</v>
      </c>
      <c r="G23" s="197">
        <v>8</v>
      </c>
      <c r="H23" s="197">
        <v>9</v>
      </c>
      <c r="I23" s="195">
        <v>7</v>
      </c>
      <c r="J23" s="198">
        <v>24</v>
      </c>
      <c r="K23" s="199">
        <v>24</v>
      </c>
      <c r="L23" s="194">
        <v>0</v>
      </c>
      <c r="M23" s="195">
        <v>0</v>
      </c>
      <c r="N23" s="198">
        <v>0</v>
      </c>
      <c r="O23" s="201">
        <v>0</v>
      </c>
      <c r="P23" s="197">
        <v>1</v>
      </c>
      <c r="Q23" s="197">
        <v>1</v>
      </c>
      <c r="R23" s="197">
        <v>4</v>
      </c>
      <c r="S23" s="195">
        <v>1</v>
      </c>
      <c r="T23" s="198">
        <v>7</v>
      </c>
      <c r="U23" s="202">
        <v>7</v>
      </c>
      <c r="V23" s="201">
        <v>0</v>
      </c>
      <c r="W23" s="195">
        <v>0</v>
      </c>
      <c r="X23" s="195">
        <v>0</v>
      </c>
      <c r="Y23" s="196">
        <v>0</v>
      </c>
      <c r="Z23" s="197">
        <v>0</v>
      </c>
      <c r="AA23" s="197">
        <v>0</v>
      </c>
      <c r="AB23" s="197">
        <v>0</v>
      </c>
      <c r="AC23" s="195">
        <v>0</v>
      </c>
      <c r="AD23" s="198">
        <v>0</v>
      </c>
      <c r="AE23" s="199">
        <v>0</v>
      </c>
      <c r="AF23" s="194">
        <v>0</v>
      </c>
      <c r="AG23" s="195">
        <v>0</v>
      </c>
      <c r="AH23" s="195">
        <v>0</v>
      </c>
      <c r="AI23" s="196">
        <v>0</v>
      </c>
      <c r="AJ23" s="197">
        <v>0</v>
      </c>
      <c r="AK23" s="197">
        <v>0</v>
      </c>
      <c r="AL23" s="197">
        <v>3</v>
      </c>
      <c r="AM23" s="195">
        <v>0</v>
      </c>
      <c r="AN23" s="198">
        <v>3</v>
      </c>
      <c r="AO23" s="200">
        <v>3</v>
      </c>
      <c r="AP23" s="37"/>
    </row>
    <row r="24" spans="1:42" ht="20.25" customHeight="1" x14ac:dyDescent="0.2">
      <c r="A24" s="62" t="s">
        <v>22</v>
      </c>
      <c r="B24" s="194">
        <v>0</v>
      </c>
      <c r="C24" s="195">
        <v>0</v>
      </c>
      <c r="D24" s="195">
        <v>0</v>
      </c>
      <c r="E24" s="196">
        <v>0</v>
      </c>
      <c r="F24" s="197">
        <v>0</v>
      </c>
      <c r="G24" s="197">
        <v>3</v>
      </c>
      <c r="H24" s="197">
        <v>2</v>
      </c>
      <c r="I24" s="195">
        <v>0</v>
      </c>
      <c r="J24" s="198">
        <v>5</v>
      </c>
      <c r="K24" s="199">
        <v>5</v>
      </c>
      <c r="L24" s="194">
        <v>0</v>
      </c>
      <c r="M24" s="195">
        <v>0</v>
      </c>
      <c r="N24" s="198">
        <v>0</v>
      </c>
      <c r="O24" s="201">
        <v>0</v>
      </c>
      <c r="P24" s="197">
        <v>1</v>
      </c>
      <c r="Q24" s="197">
        <v>1</v>
      </c>
      <c r="R24" s="197">
        <v>2</v>
      </c>
      <c r="S24" s="195">
        <v>0</v>
      </c>
      <c r="T24" s="198">
        <v>4</v>
      </c>
      <c r="U24" s="202">
        <v>4</v>
      </c>
      <c r="V24" s="201">
        <v>0</v>
      </c>
      <c r="W24" s="195">
        <v>0</v>
      </c>
      <c r="X24" s="195">
        <v>0</v>
      </c>
      <c r="Y24" s="196">
        <v>0</v>
      </c>
      <c r="Z24" s="197">
        <v>0</v>
      </c>
      <c r="AA24" s="197">
        <v>0</v>
      </c>
      <c r="AB24" s="197">
        <v>0</v>
      </c>
      <c r="AC24" s="195">
        <v>0</v>
      </c>
      <c r="AD24" s="198">
        <v>0</v>
      </c>
      <c r="AE24" s="199">
        <v>0</v>
      </c>
      <c r="AF24" s="194">
        <v>0</v>
      </c>
      <c r="AG24" s="195">
        <v>0</v>
      </c>
      <c r="AH24" s="195">
        <v>0</v>
      </c>
      <c r="AI24" s="196">
        <v>0</v>
      </c>
      <c r="AJ24" s="197">
        <v>0</v>
      </c>
      <c r="AK24" s="197">
        <v>0</v>
      </c>
      <c r="AL24" s="197">
        <v>0</v>
      </c>
      <c r="AM24" s="195">
        <v>0</v>
      </c>
      <c r="AN24" s="198">
        <v>0</v>
      </c>
      <c r="AO24" s="200">
        <v>0</v>
      </c>
      <c r="AP24" s="37"/>
    </row>
    <row r="25" spans="1:42" ht="20.25" customHeight="1" x14ac:dyDescent="0.2">
      <c r="A25" s="62" t="s">
        <v>23</v>
      </c>
      <c r="B25" s="194">
        <v>0</v>
      </c>
      <c r="C25" s="195">
        <v>0</v>
      </c>
      <c r="D25" s="195">
        <v>0</v>
      </c>
      <c r="E25" s="196">
        <v>1</v>
      </c>
      <c r="F25" s="197">
        <v>0</v>
      </c>
      <c r="G25" s="197">
        <v>3</v>
      </c>
      <c r="H25" s="197">
        <v>3</v>
      </c>
      <c r="I25" s="195">
        <v>1</v>
      </c>
      <c r="J25" s="198">
        <v>8</v>
      </c>
      <c r="K25" s="199">
        <v>8</v>
      </c>
      <c r="L25" s="194">
        <v>0</v>
      </c>
      <c r="M25" s="195">
        <v>0</v>
      </c>
      <c r="N25" s="198">
        <v>0</v>
      </c>
      <c r="O25" s="201">
        <v>0</v>
      </c>
      <c r="P25" s="197">
        <v>1</v>
      </c>
      <c r="Q25" s="197">
        <v>1</v>
      </c>
      <c r="R25" s="197">
        <v>4</v>
      </c>
      <c r="S25" s="195">
        <v>0</v>
      </c>
      <c r="T25" s="198">
        <v>6</v>
      </c>
      <c r="U25" s="202">
        <v>6</v>
      </c>
      <c r="V25" s="201">
        <v>0</v>
      </c>
      <c r="W25" s="195">
        <v>0</v>
      </c>
      <c r="X25" s="195">
        <v>0</v>
      </c>
      <c r="Y25" s="196">
        <v>0</v>
      </c>
      <c r="Z25" s="197">
        <v>0</v>
      </c>
      <c r="AA25" s="197">
        <v>0</v>
      </c>
      <c r="AB25" s="197">
        <v>0</v>
      </c>
      <c r="AC25" s="195">
        <v>0</v>
      </c>
      <c r="AD25" s="198">
        <v>0</v>
      </c>
      <c r="AE25" s="199">
        <v>0</v>
      </c>
      <c r="AF25" s="194">
        <v>0</v>
      </c>
      <c r="AG25" s="195">
        <v>0</v>
      </c>
      <c r="AH25" s="195">
        <v>0</v>
      </c>
      <c r="AI25" s="196">
        <v>0</v>
      </c>
      <c r="AJ25" s="197">
        <v>0</v>
      </c>
      <c r="AK25" s="197">
        <v>0</v>
      </c>
      <c r="AL25" s="197">
        <v>0</v>
      </c>
      <c r="AM25" s="195">
        <v>0</v>
      </c>
      <c r="AN25" s="198">
        <v>0</v>
      </c>
      <c r="AO25" s="200">
        <v>0</v>
      </c>
      <c r="AP25" s="37"/>
    </row>
    <row r="26" spans="1:42" ht="20.25" customHeight="1" x14ac:dyDescent="0.2">
      <c r="A26" s="62" t="s">
        <v>24</v>
      </c>
      <c r="B26" s="194">
        <v>0</v>
      </c>
      <c r="C26" s="195">
        <v>0</v>
      </c>
      <c r="D26" s="195">
        <v>0</v>
      </c>
      <c r="E26" s="196">
        <v>0</v>
      </c>
      <c r="F26" s="197">
        <v>0</v>
      </c>
      <c r="G26" s="197">
        <v>0</v>
      </c>
      <c r="H26" s="197">
        <v>4</v>
      </c>
      <c r="I26" s="195">
        <v>4</v>
      </c>
      <c r="J26" s="198">
        <v>8</v>
      </c>
      <c r="K26" s="199">
        <v>8</v>
      </c>
      <c r="L26" s="194">
        <v>0</v>
      </c>
      <c r="M26" s="195">
        <v>0</v>
      </c>
      <c r="N26" s="198">
        <v>0</v>
      </c>
      <c r="O26" s="201">
        <v>1</v>
      </c>
      <c r="P26" s="197">
        <v>1</v>
      </c>
      <c r="Q26" s="197">
        <v>3</v>
      </c>
      <c r="R26" s="197">
        <v>3</v>
      </c>
      <c r="S26" s="195">
        <v>0</v>
      </c>
      <c r="T26" s="198">
        <v>8</v>
      </c>
      <c r="U26" s="202">
        <v>8</v>
      </c>
      <c r="V26" s="201">
        <v>0</v>
      </c>
      <c r="W26" s="195">
        <v>0</v>
      </c>
      <c r="X26" s="195">
        <v>0</v>
      </c>
      <c r="Y26" s="196">
        <v>0</v>
      </c>
      <c r="Z26" s="197">
        <v>0</v>
      </c>
      <c r="AA26" s="197">
        <v>0</v>
      </c>
      <c r="AB26" s="197">
        <v>0</v>
      </c>
      <c r="AC26" s="195">
        <v>0</v>
      </c>
      <c r="AD26" s="198">
        <v>0</v>
      </c>
      <c r="AE26" s="199">
        <v>0</v>
      </c>
      <c r="AF26" s="194">
        <v>0</v>
      </c>
      <c r="AG26" s="195">
        <v>0</v>
      </c>
      <c r="AH26" s="195">
        <v>0</v>
      </c>
      <c r="AI26" s="196">
        <v>0</v>
      </c>
      <c r="AJ26" s="197">
        <v>0</v>
      </c>
      <c r="AK26" s="197">
        <v>0</v>
      </c>
      <c r="AL26" s="197">
        <v>0</v>
      </c>
      <c r="AM26" s="195">
        <v>0</v>
      </c>
      <c r="AN26" s="198">
        <v>0</v>
      </c>
      <c r="AO26" s="200">
        <v>0</v>
      </c>
      <c r="AP26" s="37"/>
    </row>
    <row r="27" spans="1:42" ht="20.25" customHeight="1" x14ac:dyDescent="0.2">
      <c r="A27" s="62" t="s">
        <v>25</v>
      </c>
      <c r="B27" s="194">
        <v>0</v>
      </c>
      <c r="C27" s="195">
        <v>0</v>
      </c>
      <c r="D27" s="195">
        <v>0</v>
      </c>
      <c r="E27" s="196">
        <v>0</v>
      </c>
      <c r="F27" s="197">
        <v>1</v>
      </c>
      <c r="G27" s="197">
        <v>6</v>
      </c>
      <c r="H27" s="197">
        <v>3</v>
      </c>
      <c r="I27" s="195">
        <v>1</v>
      </c>
      <c r="J27" s="198">
        <v>11</v>
      </c>
      <c r="K27" s="199">
        <v>11</v>
      </c>
      <c r="L27" s="194">
        <v>0</v>
      </c>
      <c r="M27" s="195">
        <v>0</v>
      </c>
      <c r="N27" s="198">
        <v>0</v>
      </c>
      <c r="O27" s="201">
        <v>0</v>
      </c>
      <c r="P27" s="197">
        <v>0</v>
      </c>
      <c r="Q27" s="197">
        <v>1</v>
      </c>
      <c r="R27" s="197">
        <v>2</v>
      </c>
      <c r="S27" s="195">
        <v>0</v>
      </c>
      <c r="T27" s="198">
        <v>3</v>
      </c>
      <c r="U27" s="202">
        <v>3</v>
      </c>
      <c r="V27" s="201">
        <v>0</v>
      </c>
      <c r="W27" s="195">
        <v>0</v>
      </c>
      <c r="X27" s="195">
        <v>0</v>
      </c>
      <c r="Y27" s="196">
        <v>0</v>
      </c>
      <c r="Z27" s="197">
        <v>0</v>
      </c>
      <c r="AA27" s="197">
        <v>0</v>
      </c>
      <c r="AB27" s="197">
        <v>0</v>
      </c>
      <c r="AC27" s="195">
        <v>0</v>
      </c>
      <c r="AD27" s="198">
        <v>0</v>
      </c>
      <c r="AE27" s="199">
        <v>0</v>
      </c>
      <c r="AF27" s="194">
        <v>0</v>
      </c>
      <c r="AG27" s="195">
        <v>0</v>
      </c>
      <c r="AH27" s="195">
        <v>0</v>
      </c>
      <c r="AI27" s="196">
        <v>0</v>
      </c>
      <c r="AJ27" s="197">
        <v>0</v>
      </c>
      <c r="AK27" s="197">
        <v>0</v>
      </c>
      <c r="AL27" s="197">
        <v>0</v>
      </c>
      <c r="AM27" s="195">
        <v>0</v>
      </c>
      <c r="AN27" s="198">
        <v>0</v>
      </c>
      <c r="AO27" s="200">
        <v>0</v>
      </c>
      <c r="AP27" s="37"/>
    </row>
    <row r="28" spans="1:42" ht="20.25" customHeight="1" x14ac:dyDescent="0.2">
      <c r="A28" s="62" t="s">
        <v>26</v>
      </c>
      <c r="B28" s="194">
        <v>0</v>
      </c>
      <c r="C28" s="195">
        <v>0</v>
      </c>
      <c r="D28" s="195">
        <v>0</v>
      </c>
      <c r="E28" s="196">
        <v>0</v>
      </c>
      <c r="F28" s="197">
        <v>0</v>
      </c>
      <c r="G28" s="197">
        <v>1</v>
      </c>
      <c r="H28" s="197">
        <v>3</v>
      </c>
      <c r="I28" s="195">
        <v>0</v>
      </c>
      <c r="J28" s="198">
        <v>4</v>
      </c>
      <c r="K28" s="199">
        <v>4</v>
      </c>
      <c r="L28" s="194">
        <v>0</v>
      </c>
      <c r="M28" s="195">
        <v>0</v>
      </c>
      <c r="N28" s="198">
        <v>0</v>
      </c>
      <c r="O28" s="201">
        <v>0</v>
      </c>
      <c r="P28" s="197">
        <v>0</v>
      </c>
      <c r="Q28" s="197">
        <v>2</v>
      </c>
      <c r="R28" s="197">
        <v>1</v>
      </c>
      <c r="S28" s="195">
        <v>2</v>
      </c>
      <c r="T28" s="198">
        <v>5</v>
      </c>
      <c r="U28" s="202">
        <v>5</v>
      </c>
      <c r="V28" s="201">
        <v>0</v>
      </c>
      <c r="W28" s="195">
        <v>0</v>
      </c>
      <c r="X28" s="195">
        <v>0</v>
      </c>
      <c r="Y28" s="196">
        <v>0</v>
      </c>
      <c r="Z28" s="197">
        <v>0</v>
      </c>
      <c r="AA28" s="197">
        <v>0</v>
      </c>
      <c r="AB28" s="197">
        <v>0</v>
      </c>
      <c r="AC28" s="195">
        <v>0</v>
      </c>
      <c r="AD28" s="198">
        <v>0</v>
      </c>
      <c r="AE28" s="199">
        <v>0</v>
      </c>
      <c r="AF28" s="194">
        <v>0</v>
      </c>
      <c r="AG28" s="195">
        <v>0</v>
      </c>
      <c r="AH28" s="195">
        <v>0</v>
      </c>
      <c r="AI28" s="196">
        <v>0</v>
      </c>
      <c r="AJ28" s="197">
        <v>0</v>
      </c>
      <c r="AK28" s="197">
        <v>0</v>
      </c>
      <c r="AL28" s="197">
        <v>0</v>
      </c>
      <c r="AM28" s="195">
        <v>0</v>
      </c>
      <c r="AN28" s="198">
        <v>0</v>
      </c>
      <c r="AO28" s="200">
        <v>0</v>
      </c>
      <c r="AP28" s="37"/>
    </row>
    <row r="29" spans="1:42" ht="20.25" customHeight="1" x14ac:dyDescent="0.2">
      <c r="A29" s="62" t="s">
        <v>27</v>
      </c>
      <c r="B29" s="194">
        <v>0</v>
      </c>
      <c r="C29" s="195">
        <v>0</v>
      </c>
      <c r="D29" s="195">
        <v>0</v>
      </c>
      <c r="E29" s="196">
        <v>0</v>
      </c>
      <c r="F29" s="197">
        <v>1</v>
      </c>
      <c r="G29" s="197">
        <v>0</v>
      </c>
      <c r="H29" s="197">
        <v>1</v>
      </c>
      <c r="I29" s="195">
        <v>2</v>
      </c>
      <c r="J29" s="198">
        <v>4</v>
      </c>
      <c r="K29" s="199">
        <v>4</v>
      </c>
      <c r="L29" s="194">
        <v>0</v>
      </c>
      <c r="M29" s="195">
        <v>0</v>
      </c>
      <c r="N29" s="198">
        <v>0</v>
      </c>
      <c r="O29" s="201">
        <v>0</v>
      </c>
      <c r="P29" s="197">
        <v>1</v>
      </c>
      <c r="Q29" s="197">
        <v>4</v>
      </c>
      <c r="R29" s="197">
        <v>1</v>
      </c>
      <c r="S29" s="195">
        <v>1</v>
      </c>
      <c r="T29" s="198">
        <v>7</v>
      </c>
      <c r="U29" s="202">
        <v>7</v>
      </c>
      <c r="V29" s="201">
        <v>0</v>
      </c>
      <c r="W29" s="195">
        <v>0</v>
      </c>
      <c r="X29" s="195">
        <v>0</v>
      </c>
      <c r="Y29" s="196">
        <v>0</v>
      </c>
      <c r="Z29" s="197">
        <v>0</v>
      </c>
      <c r="AA29" s="197">
        <v>0</v>
      </c>
      <c r="AB29" s="197">
        <v>0</v>
      </c>
      <c r="AC29" s="195">
        <v>0</v>
      </c>
      <c r="AD29" s="198">
        <v>0</v>
      </c>
      <c r="AE29" s="199">
        <v>0</v>
      </c>
      <c r="AF29" s="194">
        <v>0</v>
      </c>
      <c r="AG29" s="195">
        <v>0</v>
      </c>
      <c r="AH29" s="195">
        <v>0</v>
      </c>
      <c r="AI29" s="196">
        <v>0</v>
      </c>
      <c r="AJ29" s="197">
        <v>0</v>
      </c>
      <c r="AK29" s="197">
        <v>0</v>
      </c>
      <c r="AL29" s="197">
        <v>1</v>
      </c>
      <c r="AM29" s="195">
        <v>0</v>
      </c>
      <c r="AN29" s="198">
        <v>1</v>
      </c>
      <c r="AO29" s="200">
        <v>1</v>
      </c>
      <c r="AP29" s="37"/>
    </row>
    <row r="30" spans="1:42" ht="20.25" customHeight="1" x14ac:dyDescent="0.2">
      <c r="A30" s="62" t="s">
        <v>28</v>
      </c>
      <c r="B30" s="194">
        <v>0</v>
      </c>
      <c r="C30" s="195">
        <v>0</v>
      </c>
      <c r="D30" s="195">
        <v>0</v>
      </c>
      <c r="E30" s="196">
        <v>0</v>
      </c>
      <c r="F30" s="197">
        <v>0</v>
      </c>
      <c r="G30" s="197">
        <v>0</v>
      </c>
      <c r="H30" s="197">
        <v>1</v>
      </c>
      <c r="I30" s="195">
        <v>0</v>
      </c>
      <c r="J30" s="198">
        <v>1</v>
      </c>
      <c r="K30" s="199">
        <v>1</v>
      </c>
      <c r="L30" s="194">
        <v>0</v>
      </c>
      <c r="M30" s="195">
        <v>0</v>
      </c>
      <c r="N30" s="198">
        <v>0</v>
      </c>
      <c r="O30" s="201">
        <v>0</v>
      </c>
      <c r="P30" s="197">
        <v>1</v>
      </c>
      <c r="Q30" s="197">
        <v>0</v>
      </c>
      <c r="R30" s="197">
        <v>1</v>
      </c>
      <c r="S30" s="195">
        <v>0</v>
      </c>
      <c r="T30" s="198">
        <v>2</v>
      </c>
      <c r="U30" s="202">
        <v>2</v>
      </c>
      <c r="V30" s="201">
        <v>0</v>
      </c>
      <c r="W30" s="195">
        <v>0</v>
      </c>
      <c r="X30" s="195">
        <v>0</v>
      </c>
      <c r="Y30" s="196">
        <v>0</v>
      </c>
      <c r="Z30" s="197">
        <v>0</v>
      </c>
      <c r="AA30" s="197">
        <v>0</v>
      </c>
      <c r="AB30" s="197">
        <v>0</v>
      </c>
      <c r="AC30" s="195">
        <v>0</v>
      </c>
      <c r="AD30" s="198">
        <v>0</v>
      </c>
      <c r="AE30" s="199">
        <v>0</v>
      </c>
      <c r="AF30" s="194">
        <v>0</v>
      </c>
      <c r="AG30" s="195">
        <v>0</v>
      </c>
      <c r="AH30" s="195">
        <v>0</v>
      </c>
      <c r="AI30" s="196">
        <v>0</v>
      </c>
      <c r="AJ30" s="197">
        <v>0</v>
      </c>
      <c r="AK30" s="197">
        <v>0</v>
      </c>
      <c r="AL30" s="197">
        <v>0</v>
      </c>
      <c r="AM30" s="195">
        <v>0</v>
      </c>
      <c r="AN30" s="198">
        <v>0</v>
      </c>
      <c r="AO30" s="200">
        <v>0</v>
      </c>
      <c r="AP30" s="37"/>
    </row>
    <row r="31" spans="1:42" ht="20.25" customHeight="1" x14ac:dyDescent="0.2">
      <c r="A31" s="62" t="s">
        <v>29</v>
      </c>
      <c r="B31" s="194">
        <v>0</v>
      </c>
      <c r="C31" s="195">
        <v>0</v>
      </c>
      <c r="D31" s="195">
        <v>0</v>
      </c>
      <c r="E31" s="196">
        <v>0</v>
      </c>
      <c r="F31" s="197">
        <v>0</v>
      </c>
      <c r="G31" s="197">
        <v>1</v>
      </c>
      <c r="H31" s="197">
        <v>0</v>
      </c>
      <c r="I31" s="195">
        <v>2</v>
      </c>
      <c r="J31" s="198">
        <v>3</v>
      </c>
      <c r="K31" s="199">
        <v>3</v>
      </c>
      <c r="L31" s="194">
        <v>0</v>
      </c>
      <c r="M31" s="195">
        <v>0</v>
      </c>
      <c r="N31" s="198">
        <v>0</v>
      </c>
      <c r="O31" s="201">
        <v>0</v>
      </c>
      <c r="P31" s="197">
        <v>0</v>
      </c>
      <c r="Q31" s="197">
        <v>0</v>
      </c>
      <c r="R31" s="197">
        <v>0</v>
      </c>
      <c r="S31" s="195">
        <v>0</v>
      </c>
      <c r="T31" s="198">
        <v>0</v>
      </c>
      <c r="U31" s="202">
        <v>0</v>
      </c>
      <c r="V31" s="201">
        <v>0</v>
      </c>
      <c r="W31" s="195">
        <v>0</v>
      </c>
      <c r="X31" s="195">
        <v>0</v>
      </c>
      <c r="Y31" s="196">
        <v>0</v>
      </c>
      <c r="Z31" s="197">
        <v>0</v>
      </c>
      <c r="AA31" s="197">
        <v>0</v>
      </c>
      <c r="AB31" s="197">
        <v>0</v>
      </c>
      <c r="AC31" s="195">
        <v>0</v>
      </c>
      <c r="AD31" s="198">
        <v>0</v>
      </c>
      <c r="AE31" s="199">
        <v>0</v>
      </c>
      <c r="AF31" s="194">
        <v>0</v>
      </c>
      <c r="AG31" s="195">
        <v>0</v>
      </c>
      <c r="AH31" s="195">
        <v>0</v>
      </c>
      <c r="AI31" s="196">
        <v>0</v>
      </c>
      <c r="AJ31" s="197">
        <v>0</v>
      </c>
      <c r="AK31" s="197">
        <v>0</v>
      </c>
      <c r="AL31" s="197">
        <v>0</v>
      </c>
      <c r="AM31" s="195">
        <v>0</v>
      </c>
      <c r="AN31" s="198">
        <v>0</v>
      </c>
      <c r="AO31" s="200">
        <v>0</v>
      </c>
      <c r="AP31" s="37"/>
    </row>
    <row r="32" spans="1:42" ht="20.25" customHeight="1" x14ac:dyDescent="0.2">
      <c r="A32" s="62" t="s">
        <v>30</v>
      </c>
      <c r="B32" s="194">
        <v>0</v>
      </c>
      <c r="C32" s="195">
        <v>0</v>
      </c>
      <c r="D32" s="195">
        <v>0</v>
      </c>
      <c r="E32" s="196">
        <v>0</v>
      </c>
      <c r="F32" s="197">
        <v>0</v>
      </c>
      <c r="G32" s="197">
        <v>0</v>
      </c>
      <c r="H32" s="197">
        <v>3</v>
      </c>
      <c r="I32" s="195">
        <v>0</v>
      </c>
      <c r="J32" s="198">
        <v>3</v>
      </c>
      <c r="K32" s="199">
        <v>3</v>
      </c>
      <c r="L32" s="194">
        <v>0</v>
      </c>
      <c r="M32" s="195">
        <v>0</v>
      </c>
      <c r="N32" s="198">
        <v>0</v>
      </c>
      <c r="O32" s="201">
        <v>1</v>
      </c>
      <c r="P32" s="197">
        <v>0</v>
      </c>
      <c r="Q32" s="197">
        <v>2</v>
      </c>
      <c r="R32" s="197">
        <v>2</v>
      </c>
      <c r="S32" s="195">
        <v>0</v>
      </c>
      <c r="T32" s="198">
        <v>5</v>
      </c>
      <c r="U32" s="202">
        <v>5</v>
      </c>
      <c r="V32" s="201">
        <v>0</v>
      </c>
      <c r="W32" s="195">
        <v>0</v>
      </c>
      <c r="X32" s="195">
        <v>0</v>
      </c>
      <c r="Y32" s="196">
        <v>0</v>
      </c>
      <c r="Z32" s="197">
        <v>0</v>
      </c>
      <c r="AA32" s="197">
        <v>0</v>
      </c>
      <c r="AB32" s="197">
        <v>0</v>
      </c>
      <c r="AC32" s="195">
        <v>0</v>
      </c>
      <c r="AD32" s="198">
        <v>0</v>
      </c>
      <c r="AE32" s="199">
        <v>0</v>
      </c>
      <c r="AF32" s="194">
        <v>0</v>
      </c>
      <c r="AG32" s="195">
        <v>0</v>
      </c>
      <c r="AH32" s="195">
        <v>0</v>
      </c>
      <c r="AI32" s="196">
        <v>0</v>
      </c>
      <c r="AJ32" s="197">
        <v>0</v>
      </c>
      <c r="AK32" s="197">
        <v>0</v>
      </c>
      <c r="AL32" s="197">
        <v>0</v>
      </c>
      <c r="AM32" s="195">
        <v>1</v>
      </c>
      <c r="AN32" s="198">
        <v>1</v>
      </c>
      <c r="AO32" s="200">
        <v>1</v>
      </c>
      <c r="AP32" s="37"/>
    </row>
    <row r="33" spans="1:42" ht="20.25" customHeight="1" x14ac:dyDescent="0.2">
      <c r="A33" s="62" t="s">
        <v>31</v>
      </c>
      <c r="B33" s="194">
        <v>0</v>
      </c>
      <c r="C33" s="195">
        <v>0</v>
      </c>
      <c r="D33" s="195">
        <v>0</v>
      </c>
      <c r="E33" s="196">
        <v>0</v>
      </c>
      <c r="F33" s="197">
        <v>0</v>
      </c>
      <c r="G33" s="197">
        <v>1</v>
      </c>
      <c r="H33" s="197">
        <v>0</v>
      </c>
      <c r="I33" s="195">
        <v>0</v>
      </c>
      <c r="J33" s="198">
        <v>1</v>
      </c>
      <c r="K33" s="199">
        <v>1</v>
      </c>
      <c r="L33" s="194">
        <v>0</v>
      </c>
      <c r="M33" s="195">
        <v>0</v>
      </c>
      <c r="N33" s="198">
        <v>0</v>
      </c>
      <c r="O33" s="201">
        <v>0</v>
      </c>
      <c r="P33" s="197">
        <v>2</v>
      </c>
      <c r="Q33" s="197">
        <v>0</v>
      </c>
      <c r="R33" s="197">
        <v>0</v>
      </c>
      <c r="S33" s="195">
        <v>0</v>
      </c>
      <c r="T33" s="198">
        <v>2</v>
      </c>
      <c r="U33" s="202">
        <v>2</v>
      </c>
      <c r="V33" s="201">
        <v>0</v>
      </c>
      <c r="W33" s="195">
        <v>0</v>
      </c>
      <c r="X33" s="195">
        <v>0</v>
      </c>
      <c r="Y33" s="196">
        <v>0</v>
      </c>
      <c r="Z33" s="197">
        <v>0</v>
      </c>
      <c r="AA33" s="197">
        <v>0</v>
      </c>
      <c r="AB33" s="197">
        <v>0</v>
      </c>
      <c r="AC33" s="195">
        <v>0</v>
      </c>
      <c r="AD33" s="198">
        <v>0</v>
      </c>
      <c r="AE33" s="199">
        <v>0</v>
      </c>
      <c r="AF33" s="194">
        <v>0</v>
      </c>
      <c r="AG33" s="195">
        <v>0</v>
      </c>
      <c r="AH33" s="195">
        <v>0</v>
      </c>
      <c r="AI33" s="196">
        <v>0</v>
      </c>
      <c r="AJ33" s="197">
        <v>0</v>
      </c>
      <c r="AK33" s="197">
        <v>0</v>
      </c>
      <c r="AL33" s="197">
        <v>0</v>
      </c>
      <c r="AM33" s="195">
        <v>0</v>
      </c>
      <c r="AN33" s="198">
        <v>0</v>
      </c>
      <c r="AO33" s="200">
        <v>0</v>
      </c>
      <c r="AP33" s="37"/>
    </row>
    <row r="34" spans="1:42" ht="20.25" customHeight="1" x14ac:dyDescent="0.2">
      <c r="A34" s="62" t="s">
        <v>32</v>
      </c>
      <c r="B34" s="194">
        <v>0</v>
      </c>
      <c r="C34" s="195">
        <v>0</v>
      </c>
      <c r="D34" s="195">
        <v>0</v>
      </c>
      <c r="E34" s="196">
        <v>0</v>
      </c>
      <c r="F34" s="197">
        <v>0</v>
      </c>
      <c r="G34" s="197">
        <v>0</v>
      </c>
      <c r="H34" s="197">
        <v>2</v>
      </c>
      <c r="I34" s="195">
        <v>1</v>
      </c>
      <c r="J34" s="198">
        <v>3</v>
      </c>
      <c r="K34" s="199">
        <v>3</v>
      </c>
      <c r="L34" s="194">
        <v>0</v>
      </c>
      <c r="M34" s="195">
        <v>0</v>
      </c>
      <c r="N34" s="198">
        <v>0</v>
      </c>
      <c r="O34" s="201">
        <v>1</v>
      </c>
      <c r="P34" s="197">
        <v>0</v>
      </c>
      <c r="Q34" s="197">
        <v>1</v>
      </c>
      <c r="R34" s="197">
        <v>0</v>
      </c>
      <c r="S34" s="195">
        <v>1</v>
      </c>
      <c r="T34" s="198">
        <v>3</v>
      </c>
      <c r="U34" s="202">
        <v>3</v>
      </c>
      <c r="V34" s="201">
        <v>0</v>
      </c>
      <c r="W34" s="195">
        <v>0</v>
      </c>
      <c r="X34" s="195">
        <v>0</v>
      </c>
      <c r="Y34" s="196">
        <v>0</v>
      </c>
      <c r="Z34" s="197">
        <v>0</v>
      </c>
      <c r="AA34" s="197">
        <v>0</v>
      </c>
      <c r="AB34" s="197">
        <v>0</v>
      </c>
      <c r="AC34" s="195">
        <v>0</v>
      </c>
      <c r="AD34" s="198">
        <v>0</v>
      </c>
      <c r="AE34" s="199">
        <v>0</v>
      </c>
      <c r="AF34" s="194">
        <v>0</v>
      </c>
      <c r="AG34" s="195">
        <v>0</v>
      </c>
      <c r="AH34" s="195">
        <v>0</v>
      </c>
      <c r="AI34" s="196">
        <v>0</v>
      </c>
      <c r="AJ34" s="197">
        <v>0</v>
      </c>
      <c r="AK34" s="197">
        <v>0</v>
      </c>
      <c r="AL34" s="197">
        <v>1</v>
      </c>
      <c r="AM34" s="195">
        <v>0</v>
      </c>
      <c r="AN34" s="198">
        <v>1</v>
      </c>
      <c r="AO34" s="200">
        <v>1</v>
      </c>
      <c r="AP34" s="37"/>
    </row>
    <row r="35" spans="1:42" ht="20.25" customHeight="1" x14ac:dyDescent="0.2">
      <c r="A35" s="62" t="s">
        <v>33</v>
      </c>
      <c r="B35" s="194">
        <v>0</v>
      </c>
      <c r="C35" s="195">
        <v>0</v>
      </c>
      <c r="D35" s="195">
        <v>0</v>
      </c>
      <c r="E35" s="196">
        <v>0</v>
      </c>
      <c r="F35" s="197">
        <v>0</v>
      </c>
      <c r="G35" s="197">
        <v>0</v>
      </c>
      <c r="H35" s="197">
        <v>0</v>
      </c>
      <c r="I35" s="195">
        <v>0</v>
      </c>
      <c r="J35" s="198">
        <v>0</v>
      </c>
      <c r="K35" s="199">
        <v>0</v>
      </c>
      <c r="L35" s="194">
        <v>0</v>
      </c>
      <c r="M35" s="195">
        <v>0</v>
      </c>
      <c r="N35" s="198">
        <v>0</v>
      </c>
      <c r="O35" s="201">
        <v>0</v>
      </c>
      <c r="P35" s="197">
        <v>0</v>
      </c>
      <c r="Q35" s="197">
        <v>0</v>
      </c>
      <c r="R35" s="197">
        <v>0</v>
      </c>
      <c r="S35" s="195">
        <v>1</v>
      </c>
      <c r="T35" s="198">
        <v>1</v>
      </c>
      <c r="U35" s="202">
        <v>1</v>
      </c>
      <c r="V35" s="201">
        <v>0</v>
      </c>
      <c r="W35" s="195">
        <v>0</v>
      </c>
      <c r="X35" s="195">
        <v>0</v>
      </c>
      <c r="Y35" s="196">
        <v>0</v>
      </c>
      <c r="Z35" s="197">
        <v>0</v>
      </c>
      <c r="AA35" s="197">
        <v>0</v>
      </c>
      <c r="AB35" s="197">
        <v>0</v>
      </c>
      <c r="AC35" s="195">
        <v>0</v>
      </c>
      <c r="AD35" s="198">
        <v>0</v>
      </c>
      <c r="AE35" s="199">
        <v>0</v>
      </c>
      <c r="AF35" s="194">
        <v>0</v>
      </c>
      <c r="AG35" s="195">
        <v>0</v>
      </c>
      <c r="AH35" s="195">
        <v>0</v>
      </c>
      <c r="AI35" s="196">
        <v>0</v>
      </c>
      <c r="AJ35" s="197">
        <v>0</v>
      </c>
      <c r="AK35" s="197">
        <v>1</v>
      </c>
      <c r="AL35" s="197">
        <v>1</v>
      </c>
      <c r="AM35" s="195">
        <v>0</v>
      </c>
      <c r="AN35" s="198">
        <v>2</v>
      </c>
      <c r="AO35" s="200">
        <v>2</v>
      </c>
      <c r="AP35" s="37"/>
    </row>
    <row r="36" spans="1:42" ht="20.25" customHeight="1" x14ac:dyDescent="0.2">
      <c r="A36" s="62" t="s">
        <v>34</v>
      </c>
      <c r="B36" s="194">
        <v>0</v>
      </c>
      <c r="C36" s="195">
        <v>0</v>
      </c>
      <c r="D36" s="195">
        <v>0</v>
      </c>
      <c r="E36" s="196">
        <v>0</v>
      </c>
      <c r="F36" s="197">
        <v>0</v>
      </c>
      <c r="G36" s="197">
        <v>1</v>
      </c>
      <c r="H36" s="197">
        <v>0</v>
      </c>
      <c r="I36" s="195">
        <v>0</v>
      </c>
      <c r="J36" s="198">
        <v>1</v>
      </c>
      <c r="K36" s="199">
        <v>1</v>
      </c>
      <c r="L36" s="194">
        <v>0</v>
      </c>
      <c r="M36" s="195">
        <v>0</v>
      </c>
      <c r="N36" s="198">
        <v>0</v>
      </c>
      <c r="O36" s="201">
        <v>0</v>
      </c>
      <c r="P36" s="197">
        <v>0</v>
      </c>
      <c r="Q36" s="197">
        <v>0</v>
      </c>
      <c r="R36" s="197">
        <v>0</v>
      </c>
      <c r="S36" s="195">
        <v>0</v>
      </c>
      <c r="T36" s="198">
        <v>0</v>
      </c>
      <c r="U36" s="202">
        <v>0</v>
      </c>
      <c r="V36" s="201">
        <v>0</v>
      </c>
      <c r="W36" s="195">
        <v>0</v>
      </c>
      <c r="X36" s="195">
        <v>0</v>
      </c>
      <c r="Y36" s="196">
        <v>0</v>
      </c>
      <c r="Z36" s="197">
        <v>0</v>
      </c>
      <c r="AA36" s="197">
        <v>0</v>
      </c>
      <c r="AB36" s="197">
        <v>0</v>
      </c>
      <c r="AC36" s="195">
        <v>0</v>
      </c>
      <c r="AD36" s="198">
        <v>0</v>
      </c>
      <c r="AE36" s="199">
        <v>0</v>
      </c>
      <c r="AF36" s="194">
        <v>0</v>
      </c>
      <c r="AG36" s="195">
        <v>0</v>
      </c>
      <c r="AH36" s="195">
        <v>0</v>
      </c>
      <c r="AI36" s="196">
        <v>0</v>
      </c>
      <c r="AJ36" s="197">
        <v>0</v>
      </c>
      <c r="AK36" s="197">
        <v>0</v>
      </c>
      <c r="AL36" s="197">
        <v>0</v>
      </c>
      <c r="AM36" s="195">
        <v>0</v>
      </c>
      <c r="AN36" s="198">
        <v>0</v>
      </c>
      <c r="AO36" s="200">
        <v>0</v>
      </c>
      <c r="AP36" s="37"/>
    </row>
    <row r="37" spans="1:42" ht="20.25" customHeight="1" x14ac:dyDescent="0.2">
      <c r="A37" s="62" t="s">
        <v>35</v>
      </c>
      <c r="B37" s="194">
        <v>0</v>
      </c>
      <c r="C37" s="195">
        <v>0</v>
      </c>
      <c r="D37" s="195">
        <v>0</v>
      </c>
      <c r="E37" s="196">
        <v>0</v>
      </c>
      <c r="F37" s="197">
        <v>0</v>
      </c>
      <c r="G37" s="197">
        <v>0</v>
      </c>
      <c r="H37" s="197">
        <v>3</v>
      </c>
      <c r="I37" s="195">
        <v>1</v>
      </c>
      <c r="J37" s="198">
        <v>4</v>
      </c>
      <c r="K37" s="199">
        <v>4</v>
      </c>
      <c r="L37" s="194">
        <v>0</v>
      </c>
      <c r="M37" s="195">
        <v>0</v>
      </c>
      <c r="N37" s="198">
        <v>0</v>
      </c>
      <c r="O37" s="201">
        <v>0</v>
      </c>
      <c r="P37" s="197">
        <v>0</v>
      </c>
      <c r="Q37" s="197">
        <v>1</v>
      </c>
      <c r="R37" s="197">
        <v>1</v>
      </c>
      <c r="S37" s="195">
        <v>1</v>
      </c>
      <c r="T37" s="198">
        <v>3</v>
      </c>
      <c r="U37" s="202">
        <v>3</v>
      </c>
      <c r="V37" s="201">
        <v>0</v>
      </c>
      <c r="W37" s="195">
        <v>0</v>
      </c>
      <c r="X37" s="195">
        <v>0</v>
      </c>
      <c r="Y37" s="196">
        <v>0</v>
      </c>
      <c r="Z37" s="197">
        <v>0</v>
      </c>
      <c r="AA37" s="197">
        <v>0</v>
      </c>
      <c r="AB37" s="197">
        <v>0</v>
      </c>
      <c r="AC37" s="195">
        <v>0</v>
      </c>
      <c r="AD37" s="198">
        <v>0</v>
      </c>
      <c r="AE37" s="199">
        <v>0</v>
      </c>
      <c r="AF37" s="194">
        <v>0</v>
      </c>
      <c r="AG37" s="195">
        <v>0</v>
      </c>
      <c r="AH37" s="195">
        <v>0</v>
      </c>
      <c r="AI37" s="196">
        <v>0</v>
      </c>
      <c r="AJ37" s="197">
        <v>0</v>
      </c>
      <c r="AK37" s="197">
        <v>0</v>
      </c>
      <c r="AL37" s="197">
        <v>0</v>
      </c>
      <c r="AM37" s="195">
        <v>0</v>
      </c>
      <c r="AN37" s="198">
        <v>0</v>
      </c>
      <c r="AO37" s="200">
        <v>0</v>
      </c>
      <c r="AP37" s="37"/>
    </row>
    <row r="38" spans="1:42" ht="20.25" customHeight="1" x14ac:dyDescent="0.2">
      <c r="A38" s="62" t="s">
        <v>36</v>
      </c>
      <c r="B38" s="194">
        <v>0</v>
      </c>
      <c r="C38" s="195">
        <v>0</v>
      </c>
      <c r="D38" s="195">
        <v>0</v>
      </c>
      <c r="E38" s="196">
        <v>0</v>
      </c>
      <c r="F38" s="197">
        <v>0</v>
      </c>
      <c r="G38" s="197">
        <v>0</v>
      </c>
      <c r="H38" s="197">
        <v>4</v>
      </c>
      <c r="I38" s="195">
        <v>4</v>
      </c>
      <c r="J38" s="198">
        <v>8</v>
      </c>
      <c r="K38" s="199">
        <v>8</v>
      </c>
      <c r="L38" s="194">
        <v>0</v>
      </c>
      <c r="M38" s="195">
        <v>0</v>
      </c>
      <c r="N38" s="198">
        <v>0</v>
      </c>
      <c r="O38" s="201">
        <v>0</v>
      </c>
      <c r="P38" s="197">
        <v>1</v>
      </c>
      <c r="Q38" s="197">
        <v>2</v>
      </c>
      <c r="R38" s="197">
        <v>0</v>
      </c>
      <c r="S38" s="195">
        <v>0</v>
      </c>
      <c r="T38" s="198">
        <v>3</v>
      </c>
      <c r="U38" s="202">
        <v>3</v>
      </c>
      <c r="V38" s="201">
        <v>0</v>
      </c>
      <c r="W38" s="195">
        <v>0</v>
      </c>
      <c r="X38" s="195">
        <v>0</v>
      </c>
      <c r="Y38" s="196">
        <v>0</v>
      </c>
      <c r="Z38" s="197">
        <v>0</v>
      </c>
      <c r="AA38" s="197">
        <v>0</v>
      </c>
      <c r="AB38" s="197">
        <v>0</v>
      </c>
      <c r="AC38" s="195">
        <v>0</v>
      </c>
      <c r="AD38" s="198">
        <v>0</v>
      </c>
      <c r="AE38" s="199">
        <v>0</v>
      </c>
      <c r="AF38" s="194">
        <v>0</v>
      </c>
      <c r="AG38" s="195">
        <v>0</v>
      </c>
      <c r="AH38" s="195">
        <v>0</v>
      </c>
      <c r="AI38" s="196">
        <v>0</v>
      </c>
      <c r="AJ38" s="197">
        <v>0</v>
      </c>
      <c r="AK38" s="197">
        <v>0</v>
      </c>
      <c r="AL38" s="197">
        <v>0</v>
      </c>
      <c r="AM38" s="195">
        <v>0</v>
      </c>
      <c r="AN38" s="198">
        <v>0</v>
      </c>
      <c r="AO38" s="200">
        <v>0</v>
      </c>
      <c r="AP38" s="37"/>
    </row>
    <row r="39" spans="1:42" ht="20.25" customHeight="1" thickBot="1" x14ac:dyDescent="0.25">
      <c r="A39" s="63" t="s">
        <v>37</v>
      </c>
      <c r="B39" s="203">
        <v>0</v>
      </c>
      <c r="C39" s="204">
        <v>0</v>
      </c>
      <c r="D39" s="204">
        <v>0</v>
      </c>
      <c r="E39" s="205">
        <v>0</v>
      </c>
      <c r="F39" s="206">
        <v>0</v>
      </c>
      <c r="G39" s="206">
        <v>1</v>
      </c>
      <c r="H39" s="206">
        <v>0</v>
      </c>
      <c r="I39" s="204">
        <v>1</v>
      </c>
      <c r="J39" s="207">
        <v>2</v>
      </c>
      <c r="K39" s="208">
        <v>2</v>
      </c>
      <c r="L39" s="203">
        <v>0</v>
      </c>
      <c r="M39" s="204">
        <v>0</v>
      </c>
      <c r="N39" s="207">
        <v>0</v>
      </c>
      <c r="O39" s="210">
        <v>0</v>
      </c>
      <c r="P39" s="206">
        <v>0</v>
      </c>
      <c r="Q39" s="206">
        <v>0</v>
      </c>
      <c r="R39" s="206">
        <v>0</v>
      </c>
      <c r="S39" s="204">
        <v>0</v>
      </c>
      <c r="T39" s="207">
        <v>0</v>
      </c>
      <c r="U39" s="211">
        <v>0</v>
      </c>
      <c r="V39" s="210">
        <v>0</v>
      </c>
      <c r="W39" s="204">
        <v>0</v>
      </c>
      <c r="X39" s="204">
        <v>0</v>
      </c>
      <c r="Y39" s="205">
        <v>0</v>
      </c>
      <c r="Z39" s="206">
        <v>0</v>
      </c>
      <c r="AA39" s="206">
        <v>0</v>
      </c>
      <c r="AB39" s="206">
        <v>0</v>
      </c>
      <c r="AC39" s="204">
        <v>0</v>
      </c>
      <c r="AD39" s="207">
        <v>0</v>
      </c>
      <c r="AE39" s="208">
        <v>0</v>
      </c>
      <c r="AF39" s="203">
        <v>0</v>
      </c>
      <c r="AG39" s="204">
        <v>0</v>
      </c>
      <c r="AH39" s="204">
        <v>0</v>
      </c>
      <c r="AI39" s="205">
        <v>0</v>
      </c>
      <c r="AJ39" s="206">
        <v>0</v>
      </c>
      <c r="AK39" s="206">
        <v>0</v>
      </c>
      <c r="AL39" s="206">
        <v>0</v>
      </c>
      <c r="AM39" s="204">
        <v>0</v>
      </c>
      <c r="AN39" s="207">
        <v>0</v>
      </c>
      <c r="AO39" s="209">
        <v>0</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V3:AE3"/>
    <mergeCell ref="AF3:AO3"/>
    <mergeCell ref="L4:N4"/>
    <mergeCell ref="O4:T4"/>
    <mergeCell ref="U4:U5"/>
    <mergeCell ref="V4:X4"/>
    <mergeCell ref="Y4:AD4"/>
    <mergeCell ref="AE4:AE5"/>
    <mergeCell ref="AF4:AH4"/>
    <mergeCell ref="AI4:AN4"/>
    <mergeCell ref="AO4:AO5"/>
    <mergeCell ref="F1:G1"/>
    <mergeCell ref="A3:A4"/>
    <mergeCell ref="B3:K3"/>
    <mergeCell ref="L3:U3"/>
    <mergeCell ref="B4:D4"/>
    <mergeCell ref="E4:J4"/>
    <mergeCell ref="K4:K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8.88671875"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368">
        <f>第１表!F2</f>
        <v>4</v>
      </c>
      <c r="E1" s="251">
        <f>第１表!G2</f>
        <v>6</v>
      </c>
      <c r="F1" s="555">
        <f>IF(E1&lt;3,E1-2+12,E1-2)</f>
        <v>4</v>
      </c>
      <c r="G1" s="555"/>
    </row>
    <row r="2" spans="1:42" ht="17.25" customHeight="1" thickBot="1" x14ac:dyDescent="0.25">
      <c r="A2" s="20" t="s">
        <v>159</v>
      </c>
      <c r="E2" s="20" t="s">
        <v>140</v>
      </c>
    </row>
    <row r="3" spans="1:42" ht="24.75" customHeight="1" x14ac:dyDescent="0.2">
      <c r="A3" s="573"/>
      <c r="B3" s="576" t="s">
        <v>57</v>
      </c>
      <c r="C3" s="577"/>
      <c r="D3" s="577"/>
      <c r="E3" s="577"/>
      <c r="F3" s="577"/>
      <c r="G3" s="577"/>
      <c r="H3" s="577"/>
      <c r="I3" s="577"/>
      <c r="J3" s="577"/>
      <c r="K3" s="577"/>
      <c r="L3" s="576" t="s">
        <v>58</v>
      </c>
      <c r="M3" s="579"/>
      <c r="N3" s="579"/>
      <c r="O3" s="579"/>
      <c r="P3" s="579"/>
      <c r="Q3" s="579"/>
      <c r="R3" s="579"/>
      <c r="S3" s="579"/>
      <c r="T3" s="579"/>
      <c r="U3" s="579"/>
      <c r="V3" s="576" t="s">
        <v>59</v>
      </c>
      <c r="W3" s="577"/>
      <c r="X3" s="577"/>
      <c r="Y3" s="577"/>
      <c r="Z3" s="577"/>
      <c r="AA3" s="577"/>
      <c r="AB3" s="577"/>
      <c r="AC3" s="577"/>
      <c r="AD3" s="577"/>
      <c r="AE3" s="577"/>
      <c r="AF3" s="605" t="s">
        <v>151</v>
      </c>
      <c r="AG3" s="577"/>
      <c r="AH3" s="577"/>
      <c r="AI3" s="577"/>
      <c r="AJ3" s="577"/>
      <c r="AK3" s="577"/>
      <c r="AL3" s="577"/>
      <c r="AM3" s="577"/>
      <c r="AN3" s="577"/>
      <c r="AO3" s="578"/>
    </row>
    <row r="4" spans="1:42" ht="24.75" customHeight="1" x14ac:dyDescent="0.2">
      <c r="A4" s="575"/>
      <c r="B4" s="581" t="s">
        <v>61</v>
      </c>
      <c r="C4" s="582"/>
      <c r="D4" s="583"/>
      <c r="E4" s="584" t="s">
        <v>62</v>
      </c>
      <c r="F4" s="585"/>
      <c r="G4" s="585"/>
      <c r="H4" s="585"/>
      <c r="I4" s="585"/>
      <c r="J4" s="586"/>
      <c r="K4" s="597" t="s">
        <v>52</v>
      </c>
      <c r="L4" s="581" t="s">
        <v>61</v>
      </c>
      <c r="M4" s="582"/>
      <c r="N4" s="583"/>
      <c r="O4" s="584" t="s">
        <v>62</v>
      </c>
      <c r="P4" s="585"/>
      <c r="Q4" s="585"/>
      <c r="R4" s="585"/>
      <c r="S4" s="585"/>
      <c r="T4" s="586"/>
      <c r="U4" s="587" t="s">
        <v>52</v>
      </c>
      <c r="V4" s="581" t="s">
        <v>61</v>
      </c>
      <c r="W4" s="582"/>
      <c r="X4" s="583"/>
      <c r="Y4" s="584" t="s">
        <v>62</v>
      </c>
      <c r="Z4" s="585"/>
      <c r="AA4" s="585"/>
      <c r="AB4" s="585"/>
      <c r="AC4" s="585"/>
      <c r="AD4" s="586"/>
      <c r="AE4" s="597" t="s">
        <v>52</v>
      </c>
      <c r="AF4" s="581" t="s">
        <v>61</v>
      </c>
      <c r="AG4" s="582"/>
      <c r="AH4" s="583"/>
      <c r="AI4" s="584" t="s">
        <v>62</v>
      </c>
      <c r="AJ4" s="585"/>
      <c r="AK4" s="585"/>
      <c r="AL4" s="585"/>
      <c r="AM4" s="585"/>
      <c r="AN4" s="586"/>
      <c r="AO4" s="587" t="s">
        <v>52</v>
      </c>
    </row>
    <row r="5" spans="1:42" ht="24.75" customHeight="1" thickBot="1" x14ac:dyDescent="0.25">
      <c r="A5" s="365" t="s">
        <v>42</v>
      </c>
      <c r="B5" s="31" t="s">
        <v>43</v>
      </c>
      <c r="C5" s="32" t="s">
        <v>44</v>
      </c>
      <c r="D5" s="32" t="s">
        <v>45</v>
      </c>
      <c r="E5" s="33" t="s">
        <v>47</v>
      </c>
      <c r="F5" s="34" t="s">
        <v>48</v>
      </c>
      <c r="G5" s="34" t="s">
        <v>49</v>
      </c>
      <c r="H5" s="35" t="s">
        <v>50</v>
      </c>
      <c r="I5" s="32" t="s">
        <v>51</v>
      </c>
      <c r="J5" s="36" t="s">
        <v>95</v>
      </c>
      <c r="K5" s="596"/>
      <c r="L5" s="31" t="s">
        <v>43</v>
      </c>
      <c r="M5" s="32" t="s">
        <v>44</v>
      </c>
      <c r="N5" s="36" t="s">
        <v>45</v>
      </c>
      <c r="O5" s="15" t="s">
        <v>47</v>
      </c>
      <c r="P5" s="34" t="s">
        <v>48</v>
      </c>
      <c r="Q5" s="34" t="s">
        <v>49</v>
      </c>
      <c r="R5" s="35" t="s">
        <v>50</v>
      </c>
      <c r="S5" s="32" t="s">
        <v>51</v>
      </c>
      <c r="T5" s="36" t="s">
        <v>45</v>
      </c>
      <c r="U5" s="588"/>
      <c r="V5" s="31" t="s">
        <v>43</v>
      </c>
      <c r="W5" s="32" t="s">
        <v>44</v>
      </c>
      <c r="X5" s="32" t="s">
        <v>45</v>
      </c>
      <c r="Y5" s="33" t="s">
        <v>47</v>
      </c>
      <c r="Z5" s="34" t="s">
        <v>48</v>
      </c>
      <c r="AA5" s="34" t="s">
        <v>49</v>
      </c>
      <c r="AB5" s="35" t="s">
        <v>50</v>
      </c>
      <c r="AC5" s="32" t="s">
        <v>51</v>
      </c>
      <c r="AD5" s="36" t="s">
        <v>45</v>
      </c>
      <c r="AE5" s="596"/>
      <c r="AF5" s="31" t="s">
        <v>43</v>
      </c>
      <c r="AG5" s="32" t="s">
        <v>44</v>
      </c>
      <c r="AH5" s="32" t="s">
        <v>45</v>
      </c>
      <c r="AI5" s="33" t="s">
        <v>47</v>
      </c>
      <c r="AJ5" s="34" t="s">
        <v>48</v>
      </c>
      <c r="AK5" s="34" t="s">
        <v>49</v>
      </c>
      <c r="AL5" s="35" t="s">
        <v>50</v>
      </c>
      <c r="AM5" s="32" t="s">
        <v>51</v>
      </c>
      <c r="AN5" s="36" t="s">
        <v>45</v>
      </c>
      <c r="AO5" s="588"/>
    </row>
    <row r="6" spans="1:42" ht="20.25" customHeight="1" x14ac:dyDescent="0.2">
      <c r="A6" s="364" t="s">
        <v>4</v>
      </c>
      <c r="B6" s="185">
        <v>0</v>
      </c>
      <c r="C6" s="186">
        <v>0</v>
      </c>
      <c r="D6" s="186">
        <v>0</v>
      </c>
      <c r="E6" s="187">
        <v>4</v>
      </c>
      <c r="F6" s="188">
        <v>31</v>
      </c>
      <c r="G6" s="188">
        <v>230</v>
      </c>
      <c r="H6" s="188">
        <v>423</v>
      </c>
      <c r="I6" s="186">
        <v>281</v>
      </c>
      <c r="J6" s="189">
        <v>969</v>
      </c>
      <c r="K6" s="190">
        <v>969</v>
      </c>
      <c r="L6" s="185">
        <v>0</v>
      </c>
      <c r="M6" s="186">
        <v>0</v>
      </c>
      <c r="N6" s="189">
        <v>0</v>
      </c>
      <c r="O6" s="192">
        <v>59</v>
      </c>
      <c r="P6" s="188">
        <v>149</v>
      </c>
      <c r="Q6" s="188">
        <v>219</v>
      </c>
      <c r="R6" s="188">
        <v>252</v>
      </c>
      <c r="S6" s="186">
        <v>125</v>
      </c>
      <c r="T6" s="189">
        <v>804</v>
      </c>
      <c r="U6" s="193">
        <v>804</v>
      </c>
      <c r="V6" s="192">
        <v>0</v>
      </c>
      <c r="W6" s="186">
        <v>0</v>
      </c>
      <c r="X6" s="186">
        <v>0</v>
      </c>
      <c r="Y6" s="187">
        <v>0</v>
      </c>
      <c r="Z6" s="188">
        <v>0</v>
      </c>
      <c r="AA6" s="188">
        <v>0</v>
      </c>
      <c r="AB6" s="188">
        <v>13</v>
      </c>
      <c r="AC6" s="186">
        <v>18</v>
      </c>
      <c r="AD6" s="189">
        <v>31</v>
      </c>
      <c r="AE6" s="190">
        <v>31</v>
      </c>
      <c r="AF6" s="185">
        <v>0</v>
      </c>
      <c r="AG6" s="186">
        <v>0</v>
      </c>
      <c r="AH6" s="186">
        <v>0</v>
      </c>
      <c r="AI6" s="187">
        <v>0</v>
      </c>
      <c r="AJ6" s="188">
        <v>2</v>
      </c>
      <c r="AK6" s="188">
        <v>1</v>
      </c>
      <c r="AL6" s="188">
        <v>10</v>
      </c>
      <c r="AM6" s="186">
        <v>19</v>
      </c>
      <c r="AN6" s="189">
        <v>32</v>
      </c>
      <c r="AO6" s="191">
        <v>32</v>
      </c>
      <c r="AP6" s="37"/>
    </row>
    <row r="7" spans="1:42" ht="20.25" customHeight="1" x14ac:dyDescent="0.2">
      <c r="A7" s="62" t="s">
        <v>5</v>
      </c>
      <c r="B7" s="194">
        <v>0</v>
      </c>
      <c r="C7" s="195">
        <v>0</v>
      </c>
      <c r="D7" s="195">
        <v>0</v>
      </c>
      <c r="E7" s="196">
        <v>2</v>
      </c>
      <c r="F7" s="197">
        <v>20</v>
      </c>
      <c r="G7" s="197">
        <v>110</v>
      </c>
      <c r="H7" s="197">
        <v>174</v>
      </c>
      <c r="I7" s="195">
        <v>143</v>
      </c>
      <c r="J7" s="198">
        <v>449</v>
      </c>
      <c r="K7" s="199">
        <v>449</v>
      </c>
      <c r="L7" s="194">
        <v>0</v>
      </c>
      <c r="M7" s="195">
        <v>0</v>
      </c>
      <c r="N7" s="198">
        <v>0</v>
      </c>
      <c r="O7" s="201">
        <v>27</v>
      </c>
      <c r="P7" s="197">
        <v>76</v>
      </c>
      <c r="Q7" s="197">
        <v>99</v>
      </c>
      <c r="R7" s="197">
        <v>126</v>
      </c>
      <c r="S7" s="195">
        <v>73</v>
      </c>
      <c r="T7" s="198">
        <v>401</v>
      </c>
      <c r="U7" s="202">
        <v>401</v>
      </c>
      <c r="V7" s="201">
        <v>0</v>
      </c>
      <c r="W7" s="195">
        <v>0</v>
      </c>
      <c r="X7" s="195">
        <v>0</v>
      </c>
      <c r="Y7" s="196">
        <v>0</v>
      </c>
      <c r="Z7" s="197">
        <v>0</v>
      </c>
      <c r="AA7" s="197">
        <v>0</v>
      </c>
      <c r="AB7" s="197">
        <v>4</v>
      </c>
      <c r="AC7" s="195">
        <v>6</v>
      </c>
      <c r="AD7" s="198">
        <v>10</v>
      </c>
      <c r="AE7" s="199">
        <v>10</v>
      </c>
      <c r="AF7" s="194">
        <v>0</v>
      </c>
      <c r="AG7" s="195">
        <v>0</v>
      </c>
      <c r="AH7" s="195">
        <v>0</v>
      </c>
      <c r="AI7" s="196">
        <v>0</v>
      </c>
      <c r="AJ7" s="197">
        <v>1</v>
      </c>
      <c r="AK7" s="197">
        <v>0</v>
      </c>
      <c r="AL7" s="197">
        <v>4</v>
      </c>
      <c r="AM7" s="195">
        <v>10</v>
      </c>
      <c r="AN7" s="198">
        <v>15</v>
      </c>
      <c r="AO7" s="200">
        <v>15</v>
      </c>
      <c r="AP7" s="37"/>
    </row>
    <row r="8" spans="1:42" ht="20.25" customHeight="1" x14ac:dyDescent="0.2">
      <c r="A8" s="62" t="s">
        <v>6</v>
      </c>
      <c r="B8" s="194">
        <v>0</v>
      </c>
      <c r="C8" s="195">
        <v>0</v>
      </c>
      <c r="D8" s="195">
        <v>0</v>
      </c>
      <c r="E8" s="196">
        <v>0</v>
      </c>
      <c r="F8" s="197">
        <v>3</v>
      </c>
      <c r="G8" s="197">
        <v>32</v>
      </c>
      <c r="H8" s="197">
        <v>52</v>
      </c>
      <c r="I8" s="195">
        <v>34</v>
      </c>
      <c r="J8" s="198">
        <v>121</v>
      </c>
      <c r="K8" s="199">
        <v>121</v>
      </c>
      <c r="L8" s="194">
        <v>0</v>
      </c>
      <c r="M8" s="195">
        <v>0</v>
      </c>
      <c r="N8" s="198">
        <v>0</v>
      </c>
      <c r="O8" s="201">
        <v>6</v>
      </c>
      <c r="P8" s="197">
        <v>19</v>
      </c>
      <c r="Q8" s="197">
        <v>27</v>
      </c>
      <c r="R8" s="197">
        <v>44</v>
      </c>
      <c r="S8" s="195">
        <v>17</v>
      </c>
      <c r="T8" s="198">
        <v>113</v>
      </c>
      <c r="U8" s="202">
        <v>113</v>
      </c>
      <c r="V8" s="201">
        <v>0</v>
      </c>
      <c r="W8" s="195">
        <v>0</v>
      </c>
      <c r="X8" s="195">
        <v>0</v>
      </c>
      <c r="Y8" s="196">
        <v>0</v>
      </c>
      <c r="Z8" s="197">
        <v>0</v>
      </c>
      <c r="AA8" s="197">
        <v>0</v>
      </c>
      <c r="AB8" s="197">
        <v>9</v>
      </c>
      <c r="AC8" s="195">
        <v>9</v>
      </c>
      <c r="AD8" s="198">
        <v>18</v>
      </c>
      <c r="AE8" s="199">
        <v>18</v>
      </c>
      <c r="AF8" s="194">
        <v>0</v>
      </c>
      <c r="AG8" s="195">
        <v>0</v>
      </c>
      <c r="AH8" s="195">
        <v>0</v>
      </c>
      <c r="AI8" s="196">
        <v>0</v>
      </c>
      <c r="AJ8" s="197">
        <v>0</v>
      </c>
      <c r="AK8" s="197">
        <v>0</v>
      </c>
      <c r="AL8" s="197">
        <v>2</v>
      </c>
      <c r="AM8" s="195">
        <v>1</v>
      </c>
      <c r="AN8" s="198">
        <v>3</v>
      </c>
      <c r="AO8" s="200">
        <v>3</v>
      </c>
      <c r="AP8" s="37"/>
    </row>
    <row r="9" spans="1:42" ht="20.25" customHeight="1" x14ac:dyDescent="0.2">
      <c r="A9" s="62" t="s">
        <v>14</v>
      </c>
      <c r="B9" s="194">
        <v>0</v>
      </c>
      <c r="C9" s="195">
        <v>0</v>
      </c>
      <c r="D9" s="195">
        <v>0</v>
      </c>
      <c r="E9" s="196">
        <v>0</v>
      </c>
      <c r="F9" s="197">
        <v>0</v>
      </c>
      <c r="G9" s="197">
        <v>18</v>
      </c>
      <c r="H9" s="197">
        <v>33</v>
      </c>
      <c r="I9" s="195">
        <v>20</v>
      </c>
      <c r="J9" s="198">
        <v>71</v>
      </c>
      <c r="K9" s="199">
        <v>71</v>
      </c>
      <c r="L9" s="194">
        <v>0</v>
      </c>
      <c r="M9" s="195">
        <v>0</v>
      </c>
      <c r="N9" s="198">
        <v>0</v>
      </c>
      <c r="O9" s="201">
        <v>3</v>
      </c>
      <c r="P9" s="197">
        <v>12</v>
      </c>
      <c r="Q9" s="197">
        <v>9</v>
      </c>
      <c r="R9" s="197">
        <v>12</v>
      </c>
      <c r="S9" s="195">
        <v>0</v>
      </c>
      <c r="T9" s="198">
        <v>36</v>
      </c>
      <c r="U9" s="202">
        <v>36</v>
      </c>
      <c r="V9" s="201">
        <v>0</v>
      </c>
      <c r="W9" s="195">
        <v>0</v>
      </c>
      <c r="X9" s="195">
        <v>0</v>
      </c>
      <c r="Y9" s="196">
        <v>0</v>
      </c>
      <c r="Z9" s="197">
        <v>0</v>
      </c>
      <c r="AA9" s="197">
        <v>0</v>
      </c>
      <c r="AB9" s="197">
        <v>0</v>
      </c>
      <c r="AC9" s="195">
        <v>0</v>
      </c>
      <c r="AD9" s="198">
        <v>0</v>
      </c>
      <c r="AE9" s="199">
        <v>0</v>
      </c>
      <c r="AF9" s="194">
        <v>0</v>
      </c>
      <c r="AG9" s="195">
        <v>0</v>
      </c>
      <c r="AH9" s="195">
        <v>0</v>
      </c>
      <c r="AI9" s="196">
        <v>0</v>
      </c>
      <c r="AJ9" s="197">
        <v>0</v>
      </c>
      <c r="AK9" s="197">
        <v>0</v>
      </c>
      <c r="AL9" s="197">
        <v>1</v>
      </c>
      <c r="AM9" s="195">
        <v>2</v>
      </c>
      <c r="AN9" s="198">
        <v>3</v>
      </c>
      <c r="AO9" s="200">
        <v>3</v>
      </c>
      <c r="AP9" s="37"/>
    </row>
    <row r="10" spans="1:42" ht="20.25" customHeight="1" x14ac:dyDescent="0.2">
      <c r="A10" s="62" t="s">
        <v>7</v>
      </c>
      <c r="B10" s="194">
        <v>0</v>
      </c>
      <c r="C10" s="195">
        <v>0</v>
      </c>
      <c r="D10" s="195">
        <v>0</v>
      </c>
      <c r="E10" s="196">
        <v>0</v>
      </c>
      <c r="F10" s="197">
        <v>1</v>
      </c>
      <c r="G10" s="197">
        <v>1</v>
      </c>
      <c r="H10" s="197">
        <v>22</v>
      </c>
      <c r="I10" s="195">
        <v>11</v>
      </c>
      <c r="J10" s="198">
        <v>35</v>
      </c>
      <c r="K10" s="199">
        <v>35</v>
      </c>
      <c r="L10" s="194">
        <v>0</v>
      </c>
      <c r="M10" s="195">
        <v>0</v>
      </c>
      <c r="N10" s="198">
        <v>0</v>
      </c>
      <c r="O10" s="201">
        <v>1</v>
      </c>
      <c r="P10" s="197">
        <v>6</v>
      </c>
      <c r="Q10" s="197">
        <v>5</v>
      </c>
      <c r="R10" s="197">
        <v>3</v>
      </c>
      <c r="S10" s="195">
        <v>3</v>
      </c>
      <c r="T10" s="198">
        <v>18</v>
      </c>
      <c r="U10" s="202">
        <v>18</v>
      </c>
      <c r="V10" s="201">
        <v>0</v>
      </c>
      <c r="W10" s="195">
        <v>0</v>
      </c>
      <c r="X10" s="195">
        <v>0</v>
      </c>
      <c r="Y10" s="196">
        <v>0</v>
      </c>
      <c r="Z10" s="197">
        <v>0</v>
      </c>
      <c r="AA10" s="197">
        <v>0</v>
      </c>
      <c r="AB10" s="197">
        <v>0</v>
      </c>
      <c r="AC10" s="195">
        <v>0</v>
      </c>
      <c r="AD10" s="198">
        <v>0</v>
      </c>
      <c r="AE10" s="199">
        <v>0</v>
      </c>
      <c r="AF10" s="194">
        <v>0</v>
      </c>
      <c r="AG10" s="195">
        <v>0</v>
      </c>
      <c r="AH10" s="195">
        <v>0</v>
      </c>
      <c r="AI10" s="196">
        <v>0</v>
      </c>
      <c r="AJ10" s="197">
        <v>0</v>
      </c>
      <c r="AK10" s="197">
        <v>0</v>
      </c>
      <c r="AL10" s="197">
        <v>0</v>
      </c>
      <c r="AM10" s="195">
        <v>0</v>
      </c>
      <c r="AN10" s="198">
        <v>0</v>
      </c>
      <c r="AO10" s="200">
        <v>0</v>
      </c>
      <c r="AP10" s="37"/>
    </row>
    <row r="11" spans="1:42" ht="20.25" customHeight="1" x14ac:dyDescent="0.2">
      <c r="A11" s="62" t="s">
        <v>8</v>
      </c>
      <c r="B11" s="194">
        <v>0</v>
      </c>
      <c r="C11" s="195">
        <v>0</v>
      </c>
      <c r="D11" s="195">
        <v>0</v>
      </c>
      <c r="E11" s="196">
        <v>1</v>
      </c>
      <c r="F11" s="197">
        <v>2</v>
      </c>
      <c r="G11" s="197">
        <v>0</v>
      </c>
      <c r="H11" s="197">
        <v>9</v>
      </c>
      <c r="I11" s="195">
        <v>6</v>
      </c>
      <c r="J11" s="198">
        <v>18</v>
      </c>
      <c r="K11" s="199">
        <v>18</v>
      </c>
      <c r="L11" s="194">
        <v>0</v>
      </c>
      <c r="M11" s="195">
        <v>0</v>
      </c>
      <c r="N11" s="198">
        <v>0</v>
      </c>
      <c r="O11" s="201">
        <v>0</v>
      </c>
      <c r="P11" s="197">
        <v>4</v>
      </c>
      <c r="Q11" s="197">
        <v>4</v>
      </c>
      <c r="R11" s="197">
        <v>7</v>
      </c>
      <c r="S11" s="195">
        <v>1</v>
      </c>
      <c r="T11" s="198">
        <v>16</v>
      </c>
      <c r="U11" s="202">
        <v>16</v>
      </c>
      <c r="V11" s="201">
        <v>0</v>
      </c>
      <c r="W11" s="195">
        <v>0</v>
      </c>
      <c r="X11" s="195">
        <v>0</v>
      </c>
      <c r="Y11" s="196">
        <v>0</v>
      </c>
      <c r="Z11" s="197">
        <v>0</v>
      </c>
      <c r="AA11" s="197">
        <v>0</v>
      </c>
      <c r="AB11" s="197">
        <v>0</v>
      </c>
      <c r="AC11" s="195">
        <v>0</v>
      </c>
      <c r="AD11" s="198">
        <v>0</v>
      </c>
      <c r="AE11" s="199">
        <v>0</v>
      </c>
      <c r="AF11" s="194">
        <v>0</v>
      </c>
      <c r="AG11" s="195">
        <v>0</v>
      </c>
      <c r="AH11" s="195">
        <v>0</v>
      </c>
      <c r="AI11" s="196">
        <v>0</v>
      </c>
      <c r="AJ11" s="197">
        <v>0</v>
      </c>
      <c r="AK11" s="197">
        <v>0</v>
      </c>
      <c r="AL11" s="197">
        <v>0</v>
      </c>
      <c r="AM11" s="195">
        <v>0</v>
      </c>
      <c r="AN11" s="198">
        <v>0</v>
      </c>
      <c r="AO11" s="200">
        <v>0</v>
      </c>
      <c r="AP11" s="37"/>
    </row>
    <row r="12" spans="1:42" ht="20.25" customHeight="1" x14ac:dyDescent="0.2">
      <c r="A12" s="62" t="s">
        <v>9</v>
      </c>
      <c r="B12" s="194">
        <v>0</v>
      </c>
      <c r="C12" s="195">
        <v>0</v>
      </c>
      <c r="D12" s="195">
        <v>0</v>
      </c>
      <c r="E12" s="196">
        <v>0</v>
      </c>
      <c r="F12" s="197">
        <v>0</v>
      </c>
      <c r="G12" s="197">
        <v>7</v>
      </c>
      <c r="H12" s="197">
        <v>21</v>
      </c>
      <c r="I12" s="195">
        <v>16</v>
      </c>
      <c r="J12" s="198">
        <v>44</v>
      </c>
      <c r="K12" s="199">
        <v>44</v>
      </c>
      <c r="L12" s="194">
        <v>0</v>
      </c>
      <c r="M12" s="195">
        <v>0</v>
      </c>
      <c r="N12" s="198">
        <v>0</v>
      </c>
      <c r="O12" s="201">
        <v>3</v>
      </c>
      <c r="P12" s="197">
        <v>4</v>
      </c>
      <c r="Q12" s="197">
        <v>10</v>
      </c>
      <c r="R12" s="197">
        <v>4</v>
      </c>
      <c r="S12" s="195">
        <v>6</v>
      </c>
      <c r="T12" s="198">
        <v>27</v>
      </c>
      <c r="U12" s="202">
        <v>27</v>
      </c>
      <c r="V12" s="201">
        <v>0</v>
      </c>
      <c r="W12" s="195">
        <v>0</v>
      </c>
      <c r="X12" s="195">
        <v>0</v>
      </c>
      <c r="Y12" s="196">
        <v>0</v>
      </c>
      <c r="Z12" s="197">
        <v>0</v>
      </c>
      <c r="AA12" s="197">
        <v>0</v>
      </c>
      <c r="AB12" s="197">
        <v>0</v>
      </c>
      <c r="AC12" s="195">
        <v>0</v>
      </c>
      <c r="AD12" s="198">
        <v>0</v>
      </c>
      <c r="AE12" s="199">
        <v>0</v>
      </c>
      <c r="AF12" s="194">
        <v>0</v>
      </c>
      <c r="AG12" s="195">
        <v>0</v>
      </c>
      <c r="AH12" s="195">
        <v>0</v>
      </c>
      <c r="AI12" s="196">
        <v>0</v>
      </c>
      <c r="AJ12" s="197">
        <v>0</v>
      </c>
      <c r="AK12" s="197">
        <v>0</v>
      </c>
      <c r="AL12" s="197">
        <v>0</v>
      </c>
      <c r="AM12" s="195">
        <v>0</v>
      </c>
      <c r="AN12" s="198">
        <v>0</v>
      </c>
      <c r="AO12" s="200">
        <v>0</v>
      </c>
      <c r="AP12" s="37"/>
    </row>
    <row r="13" spans="1:42" ht="20.25" customHeight="1" x14ac:dyDescent="0.2">
      <c r="A13" s="62" t="s">
        <v>10</v>
      </c>
      <c r="B13" s="194">
        <v>0</v>
      </c>
      <c r="C13" s="195">
        <v>0</v>
      </c>
      <c r="D13" s="195">
        <v>0</v>
      </c>
      <c r="E13" s="196">
        <v>0</v>
      </c>
      <c r="F13" s="197">
        <v>2</v>
      </c>
      <c r="G13" s="197">
        <v>16</v>
      </c>
      <c r="H13" s="197">
        <v>20</v>
      </c>
      <c r="I13" s="195">
        <v>13</v>
      </c>
      <c r="J13" s="198">
        <v>51</v>
      </c>
      <c r="K13" s="199">
        <v>51</v>
      </c>
      <c r="L13" s="194">
        <v>0</v>
      </c>
      <c r="M13" s="195">
        <v>0</v>
      </c>
      <c r="N13" s="198">
        <v>0</v>
      </c>
      <c r="O13" s="201">
        <v>2</v>
      </c>
      <c r="P13" s="197">
        <v>4</v>
      </c>
      <c r="Q13" s="197">
        <v>10</v>
      </c>
      <c r="R13" s="197">
        <v>6</v>
      </c>
      <c r="S13" s="195">
        <v>1</v>
      </c>
      <c r="T13" s="198">
        <v>23</v>
      </c>
      <c r="U13" s="202">
        <v>23</v>
      </c>
      <c r="V13" s="201">
        <v>0</v>
      </c>
      <c r="W13" s="195">
        <v>0</v>
      </c>
      <c r="X13" s="195">
        <v>0</v>
      </c>
      <c r="Y13" s="196">
        <v>0</v>
      </c>
      <c r="Z13" s="197">
        <v>0</v>
      </c>
      <c r="AA13" s="197">
        <v>0</v>
      </c>
      <c r="AB13" s="197">
        <v>0</v>
      </c>
      <c r="AC13" s="195">
        <v>0</v>
      </c>
      <c r="AD13" s="198">
        <v>0</v>
      </c>
      <c r="AE13" s="199">
        <v>0</v>
      </c>
      <c r="AF13" s="194">
        <v>0</v>
      </c>
      <c r="AG13" s="195">
        <v>0</v>
      </c>
      <c r="AH13" s="195">
        <v>0</v>
      </c>
      <c r="AI13" s="196">
        <v>0</v>
      </c>
      <c r="AJ13" s="197">
        <v>0</v>
      </c>
      <c r="AK13" s="197">
        <v>0</v>
      </c>
      <c r="AL13" s="197">
        <v>0</v>
      </c>
      <c r="AM13" s="195">
        <v>2</v>
      </c>
      <c r="AN13" s="198">
        <v>2</v>
      </c>
      <c r="AO13" s="200">
        <v>2</v>
      </c>
      <c r="AP13" s="37"/>
    </row>
    <row r="14" spans="1:42" ht="20.25" customHeight="1" x14ac:dyDescent="0.2">
      <c r="A14" s="62" t="s">
        <v>11</v>
      </c>
      <c r="B14" s="194">
        <v>0</v>
      </c>
      <c r="C14" s="195">
        <v>0</v>
      </c>
      <c r="D14" s="195">
        <v>0</v>
      </c>
      <c r="E14" s="196">
        <v>0</v>
      </c>
      <c r="F14" s="197">
        <v>0</v>
      </c>
      <c r="G14" s="197">
        <v>1</v>
      </c>
      <c r="H14" s="197">
        <v>11</v>
      </c>
      <c r="I14" s="195">
        <v>5</v>
      </c>
      <c r="J14" s="198">
        <v>17</v>
      </c>
      <c r="K14" s="199">
        <v>17</v>
      </c>
      <c r="L14" s="194">
        <v>0</v>
      </c>
      <c r="M14" s="195">
        <v>0</v>
      </c>
      <c r="N14" s="198">
        <v>0</v>
      </c>
      <c r="O14" s="201">
        <v>3</v>
      </c>
      <c r="P14" s="197">
        <v>1</v>
      </c>
      <c r="Q14" s="197">
        <v>3</v>
      </c>
      <c r="R14" s="197">
        <v>4</v>
      </c>
      <c r="S14" s="195">
        <v>1</v>
      </c>
      <c r="T14" s="198">
        <v>12</v>
      </c>
      <c r="U14" s="202">
        <v>12</v>
      </c>
      <c r="V14" s="201">
        <v>0</v>
      </c>
      <c r="W14" s="195">
        <v>0</v>
      </c>
      <c r="X14" s="195">
        <v>0</v>
      </c>
      <c r="Y14" s="196">
        <v>0</v>
      </c>
      <c r="Z14" s="197">
        <v>0</v>
      </c>
      <c r="AA14" s="197">
        <v>0</v>
      </c>
      <c r="AB14" s="197">
        <v>0</v>
      </c>
      <c r="AC14" s="195">
        <v>0</v>
      </c>
      <c r="AD14" s="198">
        <v>0</v>
      </c>
      <c r="AE14" s="199">
        <v>0</v>
      </c>
      <c r="AF14" s="194">
        <v>0</v>
      </c>
      <c r="AG14" s="195">
        <v>0</v>
      </c>
      <c r="AH14" s="195">
        <v>0</v>
      </c>
      <c r="AI14" s="196">
        <v>0</v>
      </c>
      <c r="AJ14" s="197">
        <v>0</v>
      </c>
      <c r="AK14" s="197">
        <v>0</v>
      </c>
      <c r="AL14" s="197">
        <v>0</v>
      </c>
      <c r="AM14" s="195">
        <v>0</v>
      </c>
      <c r="AN14" s="198">
        <v>0</v>
      </c>
      <c r="AO14" s="200">
        <v>0</v>
      </c>
      <c r="AP14" s="37"/>
    </row>
    <row r="15" spans="1:42" ht="20.25" customHeight="1" x14ac:dyDescent="0.2">
      <c r="A15" s="62" t="s">
        <v>12</v>
      </c>
      <c r="B15" s="194">
        <v>0</v>
      </c>
      <c r="C15" s="195">
        <v>0</v>
      </c>
      <c r="D15" s="195">
        <v>0</v>
      </c>
      <c r="E15" s="196">
        <v>0</v>
      </c>
      <c r="F15" s="197">
        <v>1</v>
      </c>
      <c r="G15" s="197">
        <v>4</v>
      </c>
      <c r="H15" s="197">
        <v>11</v>
      </c>
      <c r="I15" s="195">
        <v>5</v>
      </c>
      <c r="J15" s="198">
        <v>21</v>
      </c>
      <c r="K15" s="199">
        <v>21</v>
      </c>
      <c r="L15" s="194">
        <v>0</v>
      </c>
      <c r="M15" s="195">
        <v>0</v>
      </c>
      <c r="N15" s="198">
        <v>0</v>
      </c>
      <c r="O15" s="201">
        <v>0</v>
      </c>
      <c r="P15" s="197">
        <v>4</v>
      </c>
      <c r="Q15" s="197">
        <v>5</v>
      </c>
      <c r="R15" s="197">
        <v>11</v>
      </c>
      <c r="S15" s="195">
        <v>3</v>
      </c>
      <c r="T15" s="198">
        <v>23</v>
      </c>
      <c r="U15" s="202">
        <v>23</v>
      </c>
      <c r="V15" s="201">
        <v>0</v>
      </c>
      <c r="W15" s="195">
        <v>0</v>
      </c>
      <c r="X15" s="195">
        <v>0</v>
      </c>
      <c r="Y15" s="196">
        <v>0</v>
      </c>
      <c r="Z15" s="197">
        <v>0</v>
      </c>
      <c r="AA15" s="197">
        <v>0</v>
      </c>
      <c r="AB15" s="197">
        <v>0</v>
      </c>
      <c r="AC15" s="195">
        <v>1</v>
      </c>
      <c r="AD15" s="198">
        <v>1</v>
      </c>
      <c r="AE15" s="199">
        <v>1</v>
      </c>
      <c r="AF15" s="194">
        <v>0</v>
      </c>
      <c r="AG15" s="195">
        <v>0</v>
      </c>
      <c r="AH15" s="195">
        <v>0</v>
      </c>
      <c r="AI15" s="196">
        <v>0</v>
      </c>
      <c r="AJ15" s="197">
        <v>0</v>
      </c>
      <c r="AK15" s="197">
        <v>0</v>
      </c>
      <c r="AL15" s="197">
        <v>0</v>
      </c>
      <c r="AM15" s="195">
        <v>0</v>
      </c>
      <c r="AN15" s="198">
        <v>0</v>
      </c>
      <c r="AO15" s="200">
        <v>0</v>
      </c>
      <c r="AP15" s="37"/>
    </row>
    <row r="16" spans="1:42" ht="20.25" customHeight="1" x14ac:dyDescent="0.2">
      <c r="A16" s="62" t="s">
        <v>13</v>
      </c>
      <c r="B16" s="194">
        <v>0</v>
      </c>
      <c r="C16" s="195">
        <v>0</v>
      </c>
      <c r="D16" s="195">
        <v>0</v>
      </c>
      <c r="E16" s="196">
        <v>0</v>
      </c>
      <c r="F16" s="197">
        <v>0</v>
      </c>
      <c r="G16" s="197">
        <v>3</v>
      </c>
      <c r="H16" s="197">
        <v>4</v>
      </c>
      <c r="I16" s="195">
        <v>4</v>
      </c>
      <c r="J16" s="198">
        <v>11</v>
      </c>
      <c r="K16" s="199">
        <v>11</v>
      </c>
      <c r="L16" s="194">
        <v>0</v>
      </c>
      <c r="M16" s="195">
        <v>0</v>
      </c>
      <c r="N16" s="198">
        <v>0</v>
      </c>
      <c r="O16" s="201">
        <v>0</v>
      </c>
      <c r="P16" s="197">
        <v>0</v>
      </c>
      <c r="Q16" s="197">
        <v>2</v>
      </c>
      <c r="R16" s="197">
        <v>3</v>
      </c>
      <c r="S16" s="195">
        <v>1</v>
      </c>
      <c r="T16" s="198">
        <v>6</v>
      </c>
      <c r="U16" s="202">
        <v>6</v>
      </c>
      <c r="V16" s="201">
        <v>0</v>
      </c>
      <c r="W16" s="195">
        <v>0</v>
      </c>
      <c r="X16" s="195">
        <v>0</v>
      </c>
      <c r="Y16" s="196">
        <v>0</v>
      </c>
      <c r="Z16" s="197">
        <v>0</v>
      </c>
      <c r="AA16" s="197">
        <v>0</v>
      </c>
      <c r="AB16" s="197">
        <v>0</v>
      </c>
      <c r="AC16" s="195">
        <v>0</v>
      </c>
      <c r="AD16" s="198">
        <v>0</v>
      </c>
      <c r="AE16" s="199">
        <v>0</v>
      </c>
      <c r="AF16" s="194">
        <v>0</v>
      </c>
      <c r="AG16" s="195">
        <v>0</v>
      </c>
      <c r="AH16" s="195">
        <v>0</v>
      </c>
      <c r="AI16" s="196">
        <v>0</v>
      </c>
      <c r="AJ16" s="197">
        <v>0</v>
      </c>
      <c r="AK16" s="197">
        <v>0</v>
      </c>
      <c r="AL16" s="197">
        <v>0</v>
      </c>
      <c r="AM16" s="195">
        <v>0</v>
      </c>
      <c r="AN16" s="198">
        <v>0</v>
      </c>
      <c r="AO16" s="200">
        <v>0</v>
      </c>
      <c r="AP16" s="37"/>
    </row>
    <row r="17" spans="1:42" ht="20.25" customHeight="1" x14ac:dyDescent="0.2">
      <c r="A17" s="62" t="s">
        <v>15</v>
      </c>
      <c r="B17" s="194">
        <v>0</v>
      </c>
      <c r="C17" s="195">
        <v>0</v>
      </c>
      <c r="D17" s="195">
        <v>0</v>
      </c>
      <c r="E17" s="196">
        <v>0</v>
      </c>
      <c r="F17" s="197">
        <v>0</v>
      </c>
      <c r="G17" s="197">
        <v>0</v>
      </c>
      <c r="H17" s="197">
        <v>1</v>
      </c>
      <c r="I17" s="195">
        <v>1</v>
      </c>
      <c r="J17" s="198">
        <v>2</v>
      </c>
      <c r="K17" s="199">
        <v>2</v>
      </c>
      <c r="L17" s="194">
        <v>0</v>
      </c>
      <c r="M17" s="195">
        <v>0</v>
      </c>
      <c r="N17" s="198">
        <v>0</v>
      </c>
      <c r="O17" s="201">
        <v>1</v>
      </c>
      <c r="P17" s="197">
        <v>0</v>
      </c>
      <c r="Q17" s="197">
        <v>1</v>
      </c>
      <c r="R17" s="197">
        <v>1</v>
      </c>
      <c r="S17" s="195">
        <v>0</v>
      </c>
      <c r="T17" s="198">
        <v>3</v>
      </c>
      <c r="U17" s="202">
        <v>3</v>
      </c>
      <c r="V17" s="201">
        <v>0</v>
      </c>
      <c r="W17" s="195">
        <v>0</v>
      </c>
      <c r="X17" s="195">
        <v>0</v>
      </c>
      <c r="Y17" s="196">
        <v>0</v>
      </c>
      <c r="Z17" s="197">
        <v>0</v>
      </c>
      <c r="AA17" s="197">
        <v>0</v>
      </c>
      <c r="AB17" s="197">
        <v>0</v>
      </c>
      <c r="AC17" s="195">
        <v>0</v>
      </c>
      <c r="AD17" s="198">
        <v>0</v>
      </c>
      <c r="AE17" s="199">
        <v>0</v>
      </c>
      <c r="AF17" s="194">
        <v>0</v>
      </c>
      <c r="AG17" s="195">
        <v>0</v>
      </c>
      <c r="AH17" s="195">
        <v>0</v>
      </c>
      <c r="AI17" s="196">
        <v>0</v>
      </c>
      <c r="AJ17" s="197">
        <v>0</v>
      </c>
      <c r="AK17" s="197">
        <v>0</v>
      </c>
      <c r="AL17" s="197">
        <v>0</v>
      </c>
      <c r="AM17" s="195">
        <v>0</v>
      </c>
      <c r="AN17" s="198">
        <v>0</v>
      </c>
      <c r="AO17" s="200">
        <v>0</v>
      </c>
      <c r="AP17" s="37"/>
    </row>
    <row r="18" spans="1:42" ht="20.25" customHeight="1" x14ac:dyDescent="0.2">
      <c r="A18" s="62" t="s">
        <v>16</v>
      </c>
      <c r="B18" s="194">
        <v>0</v>
      </c>
      <c r="C18" s="195">
        <v>0</v>
      </c>
      <c r="D18" s="195">
        <v>0</v>
      </c>
      <c r="E18" s="196">
        <v>0</v>
      </c>
      <c r="F18" s="197">
        <v>0</v>
      </c>
      <c r="G18" s="197">
        <v>6</v>
      </c>
      <c r="H18" s="197">
        <v>7</v>
      </c>
      <c r="I18" s="195">
        <v>2</v>
      </c>
      <c r="J18" s="198">
        <v>15</v>
      </c>
      <c r="K18" s="199">
        <v>15</v>
      </c>
      <c r="L18" s="194">
        <v>0</v>
      </c>
      <c r="M18" s="195">
        <v>0</v>
      </c>
      <c r="N18" s="198">
        <v>0</v>
      </c>
      <c r="O18" s="201">
        <v>1</v>
      </c>
      <c r="P18" s="197">
        <v>4</v>
      </c>
      <c r="Q18" s="197">
        <v>5</v>
      </c>
      <c r="R18" s="197">
        <v>5</v>
      </c>
      <c r="S18" s="195">
        <v>3</v>
      </c>
      <c r="T18" s="198">
        <v>18</v>
      </c>
      <c r="U18" s="202">
        <v>18</v>
      </c>
      <c r="V18" s="201">
        <v>0</v>
      </c>
      <c r="W18" s="195">
        <v>0</v>
      </c>
      <c r="X18" s="195">
        <v>0</v>
      </c>
      <c r="Y18" s="196">
        <v>0</v>
      </c>
      <c r="Z18" s="197">
        <v>0</v>
      </c>
      <c r="AA18" s="197">
        <v>0</v>
      </c>
      <c r="AB18" s="197">
        <v>0</v>
      </c>
      <c r="AC18" s="195">
        <v>0</v>
      </c>
      <c r="AD18" s="198">
        <v>0</v>
      </c>
      <c r="AE18" s="199">
        <v>0</v>
      </c>
      <c r="AF18" s="194">
        <v>0</v>
      </c>
      <c r="AG18" s="195">
        <v>0</v>
      </c>
      <c r="AH18" s="195">
        <v>0</v>
      </c>
      <c r="AI18" s="196">
        <v>0</v>
      </c>
      <c r="AJ18" s="197">
        <v>0</v>
      </c>
      <c r="AK18" s="197">
        <v>0</v>
      </c>
      <c r="AL18" s="197">
        <v>2</v>
      </c>
      <c r="AM18" s="195">
        <v>0</v>
      </c>
      <c r="AN18" s="198">
        <v>2</v>
      </c>
      <c r="AO18" s="200">
        <v>2</v>
      </c>
      <c r="AP18" s="37"/>
    </row>
    <row r="19" spans="1:42" ht="20.25" customHeight="1" x14ac:dyDescent="0.2">
      <c r="A19" s="62" t="s">
        <v>17</v>
      </c>
      <c r="B19" s="194">
        <v>0</v>
      </c>
      <c r="C19" s="195">
        <v>0</v>
      </c>
      <c r="D19" s="195">
        <v>0</v>
      </c>
      <c r="E19" s="196">
        <v>1</v>
      </c>
      <c r="F19" s="197">
        <v>1</v>
      </c>
      <c r="G19" s="197">
        <v>8</v>
      </c>
      <c r="H19" s="197">
        <v>4</v>
      </c>
      <c r="I19" s="195">
        <v>5</v>
      </c>
      <c r="J19" s="198">
        <v>19</v>
      </c>
      <c r="K19" s="199">
        <v>19</v>
      </c>
      <c r="L19" s="194">
        <v>0</v>
      </c>
      <c r="M19" s="195">
        <v>0</v>
      </c>
      <c r="N19" s="198">
        <v>0</v>
      </c>
      <c r="O19" s="201">
        <v>1</v>
      </c>
      <c r="P19" s="197">
        <v>4</v>
      </c>
      <c r="Q19" s="197">
        <v>12</v>
      </c>
      <c r="R19" s="197">
        <v>7</v>
      </c>
      <c r="S19" s="195">
        <v>5</v>
      </c>
      <c r="T19" s="198">
        <v>29</v>
      </c>
      <c r="U19" s="202">
        <v>29</v>
      </c>
      <c r="V19" s="201">
        <v>0</v>
      </c>
      <c r="W19" s="195">
        <v>0</v>
      </c>
      <c r="X19" s="195">
        <v>0</v>
      </c>
      <c r="Y19" s="196">
        <v>0</v>
      </c>
      <c r="Z19" s="197">
        <v>0</v>
      </c>
      <c r="AA19" s="197">
        <v>0</v>
      </c>
      <c r="AB19" s="197">
        <v>0</v>
      </c>
      <c r="AC19" s="195">
        <v>0</v>
      </c>
      <c r="AD19" s="198">
        <v>0</v>
      </c>
      <c r="AE19" s="199">
        <v>0</v>
      </c>
      <c r="AF19" s="194">
        <v>0</v>
      </c>
      <c r="AG19" s="195">
        <v>0</v>
      </c>
      <c r="AH19" s="195">
        <v>0</v>
      </c>
      <c r="AI19" s="196">
        <v>0</v>
      </c>
      <c r="AJ19" s="197">
        <v>0</v>
      </c>
      <c r="AK19" s="197">
        <v>1</v>
      </c>
      <c r="AL19" s="197">
        <v>0</v>
      </c>
      <c r="AM19" s="195">
        <v>0</v>
      </c>
      <c r="AN19" s="198">
        <v>1</v>
      </c>
      <c r="AO19" s="200">
        <v>1</v>
      </c>
      <c r="AP19" s="37"/>
    </row>
    <row r="20" spans="1:42" ht="20.25" customHeight="1" x14ac:dyDescent="0.2">
      <c r="A20" s="62" t="s">
        <v>18</v>
      </c>
      <c r="B20" s="194">
        <v>0</v>
      </c>
      <c r="C20" s="195">
        <v>0</v>
      </c>
      <c r="D20" s="195">
        <v>0</v>
      </c>
      <c r="E20" s="196">
        <v>0</v>
      </c>
      <c r="F20" s="197">
        <v>0</v>
      </c>
      <c r="G20" s="197">
        <v>6</v>
      </c>
      <c r="H20" s="197">
        <v>17</v>
      </c>
      <c r="I20" s="195">
        <v>3</v>
      </c>
      <c r="J20" s="198">
        <v>26</v>
      </c>
      <c r="K20" s="199">
        <v>26</v>
      </c>
      <c r="L20" s="194">
        <v>0</v>
      </c>
      <c r="M20" s="195">
        <v>0</v>
      </c>
      <c r="N20" s="198">
        <v>0</v>
      </c>
      <c r="O20" s="201">
        <v>4</v>
      </c>
      <c r="P20" s="197">
        <v>2</v>
      </c>
      <c r="Q20" s="197">
        <v>6</v>
      </c>
      <c r="R20" s="197">
        <v>4</v>
      </c>
      <c r="S20" s="195">
        <v>3</v>
      </c>
      <c r="T20" s="198">
        <v>19</v>
      </c>
      <c r="U20" s="202">
        <v>19</v>
      </c>
      <c r="V20" s="201">
        <v>0</v>
      </c>
      <c r="W20" s="195">
        <v>0</v>
      </c>
      <c r="X20" s="195">
        <v>0</v>
      </c>
      <c r="Y20" s="196">
        <v>0</v>
      </c>
      <c r="Z20" s="197">
        <v>0</v>
      </c>
      <c r="AA20" s="197">
        <v>0</v>
      </c>
      <c r="AB20" s="197">
        <v>0</v>
      </c>
      <c r="AC20" s="195">
        <v>1</v>
      </c>
      <c r="AD20" s="198">
        <v>1</v>
      </c>
      <c r="AE20" s="199">
        <v>1</v>
      </c>
      <c r="AF20" s="194">
        <v>0</v>
      </c>
      <c r="AG20" s="195">
        <v>0</v>
      </c>
      <c r="AH20" s="195">
        <v>0</v>
      </c>
      <c r="AI20" s="196">
        <v>0</v>
      </c>
      <c r="AJ20" s="197">
        <v>0</v>
      </c>
      <c r="AK20" s="197">
        <v>0</v>
      </c>
      <c r="AL20" s="197">
        <v>0</v>
      </c>
      <c r="AM20" s="195">
        <v>0</v>
      </c>
      <c r="AN20" s="198">
        <v>0</v>
      </c>
      <c r="AO20" s="200">
        <v>0</v>
      </c>
      <c r="AP20" s="37"/>
    </row>
    <row r="21" spans="1:42" ht="20.25" customHeight="1" x14ac:dyDescent="0.2">
      <c r="A21" s="62" t="s">
        <v>19</v>
      </c>
      <c r="B21" s="194">
        <v>0</v>
      </c>
      <c r="C21" s="195">
        <v>0</v>
      </c>
      <c r="D21" s="195">
        <v>0</v>
      </c>
      <c r="E21" s="196">
        <v>0</v>
      </c>
      <c r="F21" s="197">
        <v>0</v>
      </c>
      <c r="G21" s="197">
        <v>3</v>
      </c>
      <c r="H21" s="197">
        <v>5</v>
      </c>
      <c r="I21" s="195">
        <v>2</v>
      </c>
      <c r="J21" s="198">
        <v>10</v>
      </c>
      <c r="K21" s="199">
        <v>10</v>
      </c>
      <c r="L21" s="194">
        <v>0</v>
      </c>
      <c r="M21" s="195">
        <v>0</v>
      </c>
      <c r="N21" s="198">
        <v>0</v>
      </c>
      <c r="O21" s="201">
        <v>1</v>
      </c>
      <c r="P21" s="197">
        <v>2</v>
      </c>
      <c r="Q21" s="197">
        <v>3</v>
      </c>
      <c r="R21" s="197">
        <v>0</v>
      </c>
      <c r="S21" s="195">
        <v>1</v>
      </c>
      <c r="T21" s="198">
        <v>7</v>
      </c>
      <c r="U21" s="202">
        <v>7</v>
      </c>
      <c r="V21" s="201">
        <v>0</v>
      </c>
      <c r="W21" s="195">
        <v>0</v>
      </c>
      <c r="X21" s="195">
        <v>0</v>
      </c>
      <c r="Y21" s="196">
        <v>0</v>
      </c>
      <c r="Z21" s="197">
        <v>0</v>
      </c>
      <c r="AA21" s="197">
        <v>0</v>
      </c>
      <c r="AB21" s="197">
        <v>0</v>
      </c>
      <c r="AC21" s="195">
        <v>0</v>
      </c>
      <c r="AD21" s="198">
        <v>0</v>
      </c>
      <c r="AE21" s="199">
        <v>0</v>
      </c>
      <c r="AF21" s="194">
        <v>0</v>
      </c>
      <c r="AG21" s="195">
        <v>0</v>
      </c>
      <c r="AH21" s="195">
        <v>0</v>
      </c>
      <c r="AI21" s="196">
        <v>0</v>
      </c>
      <c r="AJ21" s="197">
        <v>0</v>
      </c>
      <c r="AK21" s="197">
        <v>0</v>
      </c>
      <c r="AL21" s="197">
        <v>0</v>
      </c>
      <c r="AM21" s="195">
        <v>0</v>
      </c>
      <c r="AN21" s="198">
        <v>0</v>
      </c>
      <c r="AO21" s="200">
        <v>0</v>
      </c>
      <c r="AP21" s="37"/>
    </row>
    <row r="22" spans="1:42" ht="20.25" customHeight="1" x14ac:dyDescent="0.2">
      <c r="A22" s="62" t="s">
        <v>20</v>
      </c>
      <c r="B22" s="194">
        <v>0</v>
      </c>
      <c r="C22" s="195">
        <v>0</v>
      </c>
      <c r="D22" s="195">
        <v>0</v>
      </c>
      <c r="E22" s="196">
        <v>0</v>
      </c>
      <c r="F22" s="197">
        <v>1</v>
      </c>
      <c r="G22" s="197">
        <v>3</v>
      </c>
      <c r="H22" s="197">
        <v>8</v>
      </c>
      <c r="I22" s="195">
        <v>3</v>
      </c>
      <c r="J22" s="198">
        <v>15</v>
      </c>
      <c r="K22" s="199">
        <v>15</v>
      </c>
      <c r="L22" s="194">
        <v>0</v>
      </c>
      <c r="M22" s="195">
        <v>0</v>
      </c>
      <c r="N22" s="198">
        <v>0</v>
      </c>
      <c r="O22" s="201">
        <v>1</v>
      </c>
      <c r="P22" s="197">
        <v>1</v>
      </c>
      <c r="Q22" s="197">
        <v>3</v>
      </c>
      <c r="R22" s="197">
        <v>2</v>
      </c>
      <c r="S22" s="195">
        <v>0</v>
      </c>
      <c r="T22" s="198">
        <v>7</v>
      </c>
      <c r="U22" s="202">
        <v>7</v>
      </c>
      <c r="V22" s="201">
        <v>0</v>
      </c>
      <c r="W22" s="195">
        <v>0</v>
      </c>
      <c r="X22" s="195">
        <v>0</v>
      </c>
      <c r="Y22" s="196">
        <v>0</v>
      </c>
      <c r="Z22" s="197">
        <v>0</v>
      </c>
      <c r="AA22" s="197">
        <v>0</v>
      </c>
      <c r="AB22" s="197">
        <v>0</v>
      </c>
      <c r="AC22" s="195">
        <v>0</v>
      </c>
      <c r="AD22" s="198">
        <v>0</v>
      </c>
      <c r="AE22" s="199">
        <v>0</v>
      </c>
      <c r="AF22" s="194">
        <v>0</v>
      </c>
      <c r="AG22" s="195">
        <v>0</v>
      </c>
      <c r="AH22" s="195">
        <v>0</v>
      </c>
      <c r="AI22" s="196">
        <v>0</v>
      </c>
      <c r="AJ22" s="197">
        <v>0</v>
      </c>
      <c r="AK22" s="197">
        <v>0</v>
      </c>
      <c r="AL22" s="197">
        <v>0</v>
      </c>
      <c r="AM22" s="195">
        <v>1</v>
      </c>
      <c r="AN22" s="198">
        <v>1</v>
      </c>
      <c r="AO22" s="200">
        <v>1</v>
      </c>
      <c r="AP22" s="37"/>
    </row>
    <row r="23" spans="1:42" ht="20.25" customHeight="1" x14ac:dyDescent="0.2">
      <c r="A23" s="62" t="s">
        <v>21</v>
      </c>
      <c r="B23" s="194">
        <v>0</v>
      </c>
      <c r="C23" s="195">
        <v>0</v>
      </c>
      <c r="D23" s="195">
        <v>0</v>
      </c>
      <c r="E23" s="196">
        <v>0</v>
      </c>
      <c r="F23" s="197">
        <v>0</v>
      </c>
      <c r="G23" s="197">
        <v>2</v>
      </c>
      <c r="H23" s="197">
        <v>6</v>
      </c>
      <c r="I23" s="195">
        <v>2</v>
      </c>
      <c r="J23" s="198">
        <v>10</v>
      </c>
      <c r="K23" s="199">
        <v>10</v>
      </c>
      <c r="L23" s="194">
        <v>0</v>
      </c>
      <c r="M23" s="195">
        <v>0</v>
      </c>
      <c r="N23" s="198">
        <v>0</v>
      </c>
      <c r="O23" s="201">
        <v>0</v>
      </c>
      <c r="P23" s="197">
        <v>3</v>
      </c>
      <c r="Q23" s="197">
        <v>2</v>
      </c>
      <c r="R23" s="197">
        <v>3</v>
      </c>
      <c r="S23" s="195">
        <v>1</v>
      </c>
      <c r="T23" s="198">
        <v>9</v>
      </c>
      <c r="U23" s="202">
        <v>9</v>
      </c>
      <c r="V23" s="201">
        <v>0</v>
      </c>
      <c r="W23" s="195">
        <v>0</v>
      </c>
      <c r="X23" s="195">
        <v>0</v>
      </c>
      <c r="Y23" s="196">
        <v>0</v>
      </c>
      <c r="Z23" s="197">
        <v>0</v>
      </c>
      <c r="AA23" s="197">
        <v>0</v>
      </c>
      <c r="AB23" s="197">
        <v>0</v>
      </c>
      <c r="AC23" s="195">
        <v>0</v>
      </c>
      <c r="AD23" s="198">
        <v>0</v>
      </c>
      <c r="AE23" s="199">
        <v>0</v>
      </c>
      <c r="AF23" s="194">
        <v>0</v>
      </c>
      <c r="AG23" s="195">
        <v>0</v>
      </c>
      <c r="AH23" s="195">
        <v>0</v>
      </c>
      <c r="AI23" s="196">
        <v>0</v>
      </c>
      <c r="AJ23" s="197">
        <v>0</v>
      </c>
      <c r="AK23" s="197">
        <v>0</v>
      </c>
      <c r="AL23" s="197">
        <v>0</v>
      </c>
      <c r="AM23" s="195">
        <v>1</v>
      </c>
      <c r="AN23" s="198">
        <v>1</v>
      </c>
      <c r="AO23" s="200">
        <v>1</v>
      </c>
      <c r="AP23" s="37"/>
    </row>
    <row r="24" spans="1:42" ht="20.25" customHeight="1" x14ac:dyDescent="0.2">
      <c r="A24" s="62" t="s">
        <v>22</v>
      </c>
      <c r="B24" s="194">
        <v>0</v>
      </c>
      <c r="C24" s="195">
        <v>0</v>
      </c>
      <c r="D24" s="195">
        <v>0</v>
      </c>
      <c r="E24" s="196">
        <v>0</v>
      </c>
      <c r="F24" s="197">
        <v>0</v>
      </c>
      <c r="G24" s="197">
        <v>0</v>
      </c>
      <c r="H24" s="197">
        <v>0</v>
      </c>
      <c r="I24" s="195">
        <v>0</v>
      </c>
      <c r="J24" s="198">
        <v>0</v>
      </c>
      <c r="K24" s="199">
        <v>0</v>
      </c>
      <c r="L24" s="194">
        <v>0</v>
      </c>
      <c r="M24" s="195">
        <v>0</v>
      </c>
      <c r="N24" s="198">
        <v>0</v>
      </c>
      <c r="O24" s="201">
        <v>1</v>
      </c>
      <c r="P24" s="197">
        <v>0</v>
      </c>
      <c r="Q24" s="197">
        <v>3</v>
      </c>
      <c r="R24" s="197">
        <v>2</v>
      </c>
      <c r="S24" s="195">
        <v>0</v>
      </c>
      <c r="T24" s="198">
        <v>6</v>
      </c>
      <c r="U24" s="202">
        <v>6</v>
      </c>
      <c r="V24" s="201">
        <v>0</v>
      </c>
      <c r="W24" s="195">
        <v>0</v>
      </c>
      <c r="X24" s="195">
        <v>0</v>
      </c>
      <c r="Y24" s="196">
        <v>0</v>
      </c>
      <c r="Z24" s="197">
        <v>0</v>
      </c>
      <c r="AA24" s="197">
        <v>0</v>
      </c>
      <c r="AB24" s="197">
        <v>0</v>
      </c>
      <c r="AC24" s="195">
        <v>0</v>
      </c>
      <c r="AD24" s="198">
        <v>0</v>
      </c>
      <c r="AE24" s="199">
        <v>0</v>
      </c>
      <c r="AF24" s="194">
        <v>0</v>
      </c>
      <c r="AG24" s="195">
        <v>0</v>
      </c>
      <c r="AH24" s="195">
        <v>0</v>
      </c>
      <c r="AI24" s="196">
        <v>0</v>
      </c>
      <c r="AJ24" s="197">
        <v>0</v>
      </c>
      <c r="AK24" s="197">
        <v>0</v>
      </c>
      <c r="AL24" s="197">
        <v>0</v>
      </c>
      <c r="AM24" s="195">
        <v>0</v>
      </c>
      <c r="AN24" s="198">
        <v>0</v>
      </c>
      <c r="AO24" s="200">
        <v>0</v>
      </c>
      <c r="AP24" s="37"/>
    </row>
    <row r="25" spans="1:42" ht="20.25" customHeight="1" x14ac:dyDescent="0.2">
      <c r="A25" s="62" t="s">
        <v>23</v>
      </c>
      <c r="B25" s="194">
        <v>0</v>
      </c>
      <c r="C25" s="195">
        <v>0</v>
      </c>
      <c r="D25" s="195">
        <v>0</v>
      </c>
      <c r="E25" s="196">
        <v>0</v>
      </c>
      <c r="F25" s="197">
        <v>0</v>
      </c>
      <c r="G25" s="197">
        <v>2</v>
      </c>
      <c r="H25" s="197">
        <v>5</v>
      </c>
      <c r="I25" s="195">
        <v>1</v>
      </c>
      <c r="J25" s="198">
        <v>8</v>
      </c>
      <c r="K25" s="199">
        <v>8</v>
      </c>
      <c r="L25" s="194">
        <v>0</v>
      </c>
      <c r="M25" s="195">
        <v>0</v>
      </c>
      <c r="N25" s="198">
        <v>0</v>
      </c>
      <c r="O25" s="201">
        <v>0</v>
      </c>
      <c r="P25" s="197">
        <v>2</v>
      </c>
      <c r="Q25" s="197">
        <v>1</v>
      </c>
      <c r="R25" s="197">
        <v>1</v>
      </c>
      <c r="S25" s="195">
        <v>2</v>
      </c>
      <c r="T25" s="198">
        <v>6</v>
      </c>
      <c r="U25" s="202">
        <v>6</v>
      </c>
      <c r="V25" s="201">
        <v>0</v>
      </c>
      <c r="W25" s="195">
        <v>0</v>
      </c>
      <c r="X25" s="195">
        <v>0</v>
      </c>
      <c r="Y25" s="196">
        <v>0</v>
      </c>
      <c r="Z25" s="197">
        <v>0</v>
      </c>
      <c r="AA25" s="197">
        <v>0</v>
      </c>
      <c r="AB25" s="197">
        <v>0</v>
      </c>
      <c r="AC25" s="195">
        <v>1</v>
      </c>
      <c r="AD25" s="198">
        <v>1</v>
      </c>
      <c r="AE25" s="199">
        <v>1</v>
      </c>
      <c r="AF25" s="194">
        <v>0</v>
      </c>
      <c r="AG25" s="195">
        <v>0</v>
      </c>
      <c r="AH25" s="195">
        <v>0</v>
      </c>
      <c r="AI25" s="196">
        <v>0</v>
      </c>
      <c r="AJ25" s="197">
        <v>0</v>
      </c>
      <c r="AK25" s="197">
        <v>0</v>
      </c>
      <c r="AL25" s="197">
        <v>0</v>
      </c>
      <c r="AM25" s="195">
        <v>0</v>
      </c>
      <c r="AN25" s="198">
        <v>0</v>
      </c>
      <c r="AO25" s="200">
        <v>0</v>
      </c>
      <c r="AP25" s="37"/>
    </row>
    <row r="26" spans="1:42" ht="20.25" customHeight="1" x14ac:dyDescent="0.2">
      <c r="A26" s="62" t="s">
        <v>24</v>
      </c>
      <c r="B26" s="194">
        <v>0</v>
      </c>
      <c r="C26" s="195">
        <v>0</v>
      </c>
      <c r="D26" s="195">
        <v>0</v>
      </c>
      <c r="E26" s="196">
        <v>0</v>
      </c>
      <c r="F26" s="197">
        <v>0</v>
      </c>
      <c r="G26" s="197">
        <v>1</v>
      </c>
      <c r="H26" s="197">
        <v>2</v>
      </c>
      <c r="I26" s="195">
        <v>0</v>
      </c>
      <c r="J26" s="198">
        <v>3</v>
      </c>
      <c r="K26" s="199">
        <v>3</v>
      </c>
      <c r="L26" s="194">
        <v>0</v>
      </c>
      <c r="M26" s="195">
        <v>0</v>
      </c>
      <c r="N26" s="198">
        <v>0</v>
      </c>
      <c r="O26" s="201">
        <v>1</v>
      </c>
      <c r="P26" s="197">
        <v>0</v>
      </c>
      <c r="Q26" s="197">
        <v>0</v>
      </c>
      <c r="R26" s="197">
        <v>1</v>
      </c>
      <c r="S26" s="195">
        <v>0</v>
      </c>
      <c r="T26" s="198">
        <v>2</v>
      </c>
      <c r="U26" s="202">
        <v>2</v>
      </c>
      <c r="V26" s="201">
        <v>0</v>
      </c>
      <c r="W26" s="195">
        <v>0</v>
      </c>
      <c r="X26" s="195">
        <v>0</v>
      </c>
      <c r="Y26" s="196">
        <v>0</v>
      </c>
      <c r="Z26" s="197">
        <v>0</v>
      </c>
      <c r="AA26" s="197">
        <v>0</v>
      </c>
      <c r="AB26" s="197">
        <v>0</v>
      </c>
      <c r="AC26" s="195">
        <v>0</v>
      </c>
      <c r="AD26" s="198">
        <v>0</v>
      </c>
      <c r="AE26" s="199">
        <v>0</v>
      </c>
      <c r="AF26" s="194">
        <v>0</v>
      </c>
      <c r="AG26" s="195">
        <v>0</v>
      </c>
      <c r="AH26" s="195">
        <v>0</v>
      </c>
      <c r="AI26" s="196">
        <v>0</v>
      </c>
      <c r="AJ26" s="197">
        <v>0</v>
      </c>
      <c r="AK26" s="197">
        <v>0</v>
      </c>
      <c r="AL26" s="197">
        <v>0</v>
      </c>
      <c r="AM26" s="195">
        <v>0</v>
      </c>
      <c r="AN26" s="198">
        <v>0</v>
      </c>
      <c r="AO26" s="200">
        <v>0</v>
      </c>
      <c r="AP26" s="37"/>
    </row>
    <row r="27" spans="1:42" ht="20.25" customHeight="1" x14ac:dyDescent="0.2">
      <c r="A27" s="62" t="s">
        <v>25</v>
      </c>
      <c r="B27" s="194">
        <v>0</v>
      </c>
      <c r="C27" s="195">
        <v>0</v>
      </c>
      <c r="D27" s="195">
        <v>0</v>
      </c>
      <c r="E27" s="196">
        <v>0</v>
      </c>
      <c r="F27" s="197">
        <v>0</v>
      </c>
      <c r="G27" s="197">
        <v>1</v>
      </c>
      <c r="H27" s="197">
        <v>1</v>
      </c>
      <c r="I27" s="195">
        <v>1</v>
      </c>
      <c r="J27" s="198">
        <v>3</v>
      </c>
      <c r="K27" s="199">
        <v>3</v>
      </c>
      <c r="L27" s="194">
        <v>0</v>
      </c>
      <c r="M27" s="195">
        <v>0</v>
      </c>
      <c r="N27" s="198">
        <v>0</v>
      </c>
      <c r="O27" s="201">
        <v>0</v>
      </c>
      <c r="P27" s="197">
        <v>0</v>
      </c>
      <c r="Q27" s="197">
        <v>0</v>
      </c>
      <c r="R27" s="197">
        <v>1</v>
      </c>
      <c r="S27" s="195">
        <v>1</v>
      </c>
      <c r="T27" s="198">
        <v>2</v>
      </c>
      <c r="U27" s="202">
        <v>2</v>
      </c>
      <c r="V27" s="201">
        <v>0</v>
      </c>
      <c r="W27" s="195">
        <v>0</v>
      </c>
      <c r="X27" s="195">
        <v>0</v>
      </c>
      <c r="Y27" s="196">
        <v>0</v>
      </c>
      <c r="Z27" s="197">
        <v>0</v>
      </c>
      <c r="AA27" s="197">
        <v>0</v>
      </c>
      <c r="AB27" s="197">
        <v>0</v>
      </c>
      <c r="AC27" s="195">
        <v>0</v>
      </c>
      <c r="AD27" s="198">
        <v>0</v>
      </c>
      <c r="AE27" s="199">
        <v>0</v>
      </c>
      <c r="AF27" s="194">
        <v>0</v>
      </c>
      <c r="AG27" s="195">
        <v>0</v>
      </c>
      <c r="AH27" s="195">
        <v>0</v>
      </c>
      <c r="AI27" s="196">
        <v>0</v>
      </c>
      <c r="AJ27" s="197">
        <v>0</v>
      </c>
      <c r="AK27" s="197">
        <v>0</v>
      </c>
      <c r="AL27" s="197">
        <v>0</v>
      </c>
      <c r="AM27" s="195">
        <v>0</v>
      </c>
      <c r="AN27" s="198">
        <v>0</v>
      </c>
      <c r="AO27" s="200">
        <v>0</v>
      </c>
      <c r="AP27" s="37"/>
    </row>
    <row r="28" spans="1:42" ht="20.25" customHeight="1" x14ac:dyDescent="0.2">
      <c r="A28" s="62" t="s">
        <v>26</v>
      </c>
      <c r="B28" s="194">
        <v>0</v>
      </c>
      <c r="C28" s="195">
        <v>0</v>
      </c>
      <c r="D28" s="195">
        <v>0</v>
      </c>
      <c r="E28" s="196">
        <v>0</v>
      </c>
      <c r="F28" s="197">
        <v>0</v>
      </c>
      <c r="G28" s="197">
        <v>0</v>
      </c>
      <c r="H28" s="197">
        <v>1</v>
      </c>
      <c r="I28" s="195">
        <v>1</v>
      </c>
      <c r="J28" s="198">
        <v>2</v>
      </c>
      <c r="K28" s="199">
        <v>2</v>
      </c>
      <c r="L28" s="194">
        <v>0</v>
      </c>
      <c r="M28" s="195">
        <v>0</v>
      </c>
      <c r="N28" s="198">
        <v>0</v>
      </c>
      <c r="O28" s="201">
        <v>1</v>
      </c>
      <c r="P28" s="197">
        <v>0</v>
      </c>
      <c r="Q28" s="197">
        <v>1</v>
      </c>
      <c r="R28" s="197">
        <v>0</v>
      </c>
      <c r="S28" s="195">
        <v>0</v>
      </c>
      <c r="T28" s="198">
        <v>2</v>
      </c>
      <c r="U28" s="202">
        <v>2</v>
      </c>
      <c r="V28" s="201">
        <v>0</v>
      </c>
      <c r="W28" s="195">
        <v>0</v>
      </c>
      <c r="X28" s="195">
        <v>0</v>
      </c>
      <c r="Y28" s="196">
        <v>0</v>
      </c>
      <c r="Z28" s="197">
        <v>0</v>
      </c>
      <c r="AA28" s="197">
        <v>0</v>
      </c>
      <c r="AB28" s="197">
        <v>0</v>
      </c>
      <c r="AC28" s="195">
        <v>0</v>
      </c>
      <c r="AD28" s="198">
        <v>0</v>
      </c>
      <c r="AE28" s="199">
        <v>0</v>
      </c>
      <c r="AF28" s="194">
        <v>0</v>
      </c>
      <c r="AG28" s="195">
        <v>0</v>
      </c>
      <c r="AH28" s="195">
        <v>0</v>
      </c>
      <c r="AI28" s="196">
        <v>0</v>
      </c>
      <c r="AJ28" s="197">
        <v>0</v>
      </c>
      <c r="AK28" s="197">
        <v>0</v>
      </c>
      <c r="AL28" s="197">
        <v>0</v>
      </c>
      <c r="AM28" s="195">
        <v>0</v>
      </c>
      <c r="AN28" s="198">
        <v>0</v>
      </c>
      <c r="AO28" s="200">
        <v>0</v>
      </c>
      <c r="AP28" s="37"/>
    </row>
    <row r="29" spans="1:42" ht="20.25" customHeight="1" x14ac:dyDescent="0.2">
      <c r="A29" s="62" t="s">
        <v>27</v>
      </c>
      <c r="B29" s="194">
        <v>0</v>
      </c>
      <c r="C29" s="195">
        <v>0</v>
      </c>
      <c r="D29" s="195">
        <v>0</v>
      </c>
      <c r="E29" s="196">
        <v>0</v>
      </c>
      <c r="F29" s="197">
        <v>0</v>
      </c>
      <c r="G29" s="197">
        <v>1</v>
      </c>
      <c r="H29" s="197">
        <v>2</v>
      </c>
      <c r="I29" s="195">
        <v>0</v>
      </c>
      <c r="J29" s="198">
        <v>3</v>
      </c>
      <c r="K29" s="199">
        <v>3</v>
      </c>
      <c r="L29" s="194">
        <v>0</v>
      </c>
      <c r="M29" s="195">
        <v>0</v>
      </c>
      <c r="N29" s="198">
        <v>0</v>
      </c>
      <c r="O29" s="201">
        <v>0</v>
      </c>
      <c r="P29" s="197">
        <v>0</v>
      </c>
      <c r="Q29" s="197">
        <v>1</v>
      </c>
      <c r="R29" s="197">
        <v>1</v>
      </c>
      <c r="S29" s="195">
        <v>0</v>
      </c>
      <c r="T29" s="198">
        <v>2</v>
      </c>
      <c r="U29" s="202">
        <v>2</v>
      </c>
      <c r="V29" s="201">
        <v>0</v>
      </c>
      <c r="W29" s="195">
        <v>0</v>
      </c>
      <c r="X29" s="195">
        <v>0</v>
      </c>
      <c r="Y29" s="196">
        <v>0</v>
      </c>
      <c r="Z29" s="197">
        <v>0</v>
      </c>
      <c r="AA29" s="197">
        <v>0</v>
      </c>
      <c r="AB29" s="197">
        <v>0</v>
      </c>
      <c r="AC29" s="195">
        <v>0</v>
      </c>
      <c r="AD29" s="198">
        <v>0</v>
      </c>
      <c r="AE29" s="199">
        <v>0</v>
      </c>
      <c r="AF29" s="194">
        <v>0</v>
      </c>
      <c r="AG29" s="195">
        <v>0</v>
      </c>
      <c r="AH29" s="195">
        <v>0</v>
      </c>
      <c r="AI29" s="196">
        <v>0</v>
      </c>
      <c r="AJ29" s="197">
        <v>0</v>
      </c>
      <c r="AK29" s="197">
        <v>0</v>
      </c>
      <c r="AL29" s="197">
        <v>0</v>
      </c>
      <c r="AM29" s="195">
        <v>0</v>
      </c>
      <c r="AN29" s="198">
        <v>0</v>
      </c>
      <c r="AO29" s="200">
        <v>0</v>
      </c>
      <c r="AP29" s="37"/>
    </row>
    <row r="30" spans="1:42" ht="20.25" customHeight="1" x14ac:dyDescent="0.2">
      <c r="A30" s="62" t="s">
        <v>28</v>
      </c>
      <c r="B30" s="194">
        <v>0</v>
      </c>
      <c r="C30" s="195">
        <v>0</v>
      </c>
      <c r="D30" s="195">
        <v>0</v>
      </c>
      <c r="E30" s="196">
        <v>0</v>
      </c>
      <c r="F30" s="197">
        <v>0</v>
      </c>
      <c r="G30" s="197">
        <v>0</v>
      </c>
      <c r="H30" s="197">
        <v>1</v>
      </c>
      <c r="I30" s="195">
        <v>0</v>
      </c>
      <c r="J30" s="198">
        <v>1</v>
      </c>
      <c r="K30" s="199">
        <v>1</v>
      </c>
      <c r="L30" s="194">
        <v>0</v>
      </c>
      <c r="M30" s="195">
        <v>0</v>
      </c>
      <c r="N30" s="198">
        <v>0</v>
      </c>
      <c r="O30" s="201">
        <v>0</v>
      </c>
      <c r="P30" s="197">
        <v>0</v>
      </c>
      <c r="Q30" s="197">
        <v>1</v>
      </c>
      <c r="R30" s="197">
        <v>1</v>
      </c>
      <c r="S30" s="195">
        <v>1</v>
      </c>
      <c r="T30" s="198">
        <v>3</v>
      </c>
      <c r="U30" s="202">
        <v>3</v>
      </c>
      <c r="V30" s="201">
        <v>0</v>
      </c>
      <c r="W30" s="195">
        <v>0</v>
      </c>
      <c r="X30" s="195">
        <v>0</v>
      </c>
      <c r="Y30" s="196">
        <v>0</v>
      </c>
      <c r="Z30" s="197">
        <v>0</v>
      </c>
      <c r="AA30" s="197">
        <v>0</v>
      </c>
      <c r="AB30" s="197">
        <v>0</v>
      </c>
      <c r="AC30" s="195">
        <v>0</v>
      </c>
      <c r="AD30" s="198">
        <v>0</v>
      </c>
      <c r="AE30" s="199">
        <v>0</v>
      </c>
      <c r="AF30" s="194">
        <v>0</v>
      </c>
      <c r="AG30" s="195">
        <v>0</v>
      </c>
      <c r="AH30" s="195">
        <v>0</v>
      </c>
      <c r="AI30" s="196">
        <v>0</v>
      </c>
      <c r="AJ30" s="197">
        <v>0</v>
      </c>
      <c r="AK30" s="197">
        <v>0</v>
      </c>
      <c r="AL30" s="197">
        <v>0</v>
      </c>
      <c r="AM30" s="195">
        <v>0</v>
      </c>
      <c r="AN30" s="198">
        <v>0</v>
      </c>
      <c r="AO30" s="200">
        <v>0</v>
      </c>
      <c r="AP30" s="37"/>
    </row>
    <row r="31" spans="1:42" ht="20.25" customHeight="1" x14ac:dyDescent="0.2">
      <c r="A31" s="62" t="s">
        <v>29</v>
      </c>
      <c r="B31" s="194">
        <v>0</v>
      </c>
      <c r="C31" s="195">
        <v>0</v>
      </c>
      <c r="D31" s="195">
        <v>0</v>
      </c>
      <c r="E31" s="196">
        <v>0</v>
      </c>
      <c r="F31" s="197">
        <v>0</v>
      </c>
      <c r="G31" s="197">
        <v>1</v>
      </c>
      <c r="H31" s="197">
        <v>0</v>
      </c>
      <c r="I31" s="195">
        <v>0</v>
      </c>
      <c r="J31" s="198">
        <v>1</v>
      </c>
      <c r="K31" s="199">
        <v>1</v>
      </c>
      <c r="L31" s="194">
        <v>0</v>
      </c>
      <c r="M31" s="195">
        <v>0</v>
      </c>
      <c r="N31" s="198">
        <v>0</v>
      </c>
      <c r="O31" s="201">
        <v>0</v>
      </c>
      <c r="P31" s="197">
        <v>0</v>
      </c>
      <c r="Q31" s="197">
        <v>2</v>
      </c>
      <c r="R31" s="197">
        <v>1</v>
      </c>
      <c r="S31" s="195">
        <v>0</v>
      </c>
      <c r="T31" s="198">
        <v>3</v>
      </c>
      <c r="U31" s="202">
        <v>3</v>
      </c>
      <c r="V31" s="201">
        <v>0</v>
      </c>
      <c r="W31" s="195">
        <v>0</v>
      </c>
      <c r="X31" s="195">
        <v>0</v>
      </c>
      <c r="Y31" s="196">
        <v>0</v>
      </c>
      <c r="Z31" s="197">
        <v>0</v>
      </c>
      <c r="AA31" s="197">
        <v>0</v>
      </c>
      <c r="AB31" s="197">
        <v>0</v>
      </c>
      <c r="AC31" s="195">
        <v>0</v>
      </c>
      <c r="AD31" s="198">
        <v>0</v>
      </c>
      <c r="AE31" s="199">
        <v>0</v>
      </c>
      <c r="AF31" s="194">
        <v>0</v>
      </c>
      <c r="AG31" s="195">
        <v>0</v>
      </c>
      <c r="AH31" s="195">
        <v>0</v>
      </c>
      <c r="AI31" s="196">
        <v>0</v>
      </c>
      <c r="AJ31" s="197">
        <v>0</v>
      </c>
      <c r="AK31" s="197">
        <v>0</v>
      </c>
      <c r="AL31" s="197">
        <v>0</v>
      </c>
      <c r="AM31" s="195">
        <v>0</v>
      </c>
      <c r="AN31" s="198">
        <v>0</v>
      </c>
      <c r="AO31" s="200">
        <v>0</v>
      </c>
      <c r="AP31" s="37"/>
    </row>
    <row r="32" spans="1:42" ht="20.25" customHeight="1" x14ac:dyDescent="0.2">
      <c r="A32" s="62" t="s">
        <v>30</v>
      </c>
      <c r="B32" s="194">
        <v>0</v>
      </c>
      <c r="C32" s="195">
        <v>0</v>
      </c>
      <c r="D32" s="195">
        <v>0</v>
      </c>
      <c r="E32" s="196">
        <v>0</v>
      </c>
      <c r="F32" s="197">
        <v>0</v>
      </c>
      <c r="G32" s="197">
        <v>1</v>
      </c>
      <c r="H32" s="197">
        <v>0</v>
      </c>
      <c r="I32" s="195">
        <v>0</v>
      </c>
      <c r="J32" s="198">
        <v>1</v>
      </c>
      <c r="K32" s="199">
        <v>1</v>
      </c>
      <c r="L32" s="194">
        <v>0</v>
      </c>
      <c r="M32" s="195">
        <v>0</v>
      </c>
      <c r="N32" s="198">
        <v>0</v>
      </c>
      <c r="O32" s="201">
        <v>0</v>
      </c>
      <c r="P32" s="197">
        <v>0</v>
      </c>
      <c r="Q32" s="197">
        <v>1</v>
      </c>
      <c r="R32" s="197">
        <v>1</v>
      </c>
      <c r="S32" s="195">
        <v>1</v>
      </c>
      <c r="T32" s="198">
        <v>3</v>
      </c>
      <c r="U32" s="202">
        <v>3</v>
      </c>
      <c r="V32" s="201">
        <v>0</v>
      </c>
      <c r="W32" s="195">
        <v>0</v>
      </c>
      <c r="X32" s="195">
        <v>0</v>
      </c>
      <c r="Y32" s="196">
        <v>0</v>
      </c>
      <c r="Z32" s="197">
        <v>0</v>
      </c>
      <c r="AA32" s="197">
        <v>0</v>
      </c>
      <c r="AB32" s="197">
        <v>0</v>
      </c>
      <c r="AC32" s="195">
        <v>0</v>
      </c>
      <c r="AD32" s="198">
        <v>0</v>
      </c>
      <c r="AE32" s="199">
        <v>0</v>
      </c>
      <c r="AF32" s="194">
        <v>0</v>
      </c>
      <c r="AG32" s="195">
        <v>0</v>
      </c>
      <c r="AH32" s="195">
        <v>0</v>
      </c>
      <c r="AI32" s="196">
        <v>0</v>
      </c>
      <c r="AJ32" s="197">
        <v>0</v>
      </c>
      <c r="AK32" s="197">
        <v>0</v>
      </c>
      <c r="AL32" s="197">
        <v>0</v>
      </c>
      <c r="AM32" s="195">
        <v>0</v>
      </c>
      <c r="AN32" s="198">
        <v>0</v>
      </c>
      <c r="AO32" s="200">
        <v>0</v>
      </c>
      <c r="AP32" s="37"/>
    </row>
    <row r="33" spans="1:42" ht="20.25" customHeight="1" x14ac:dyDescent="0.2">
      <c r="A33" s="62" t="s">
        <v>31</v>
      </c>
      <c r="B33" s="194">
        <v>0</v>
      </c>
      <c r="C33" s="195">
        <v>0</v>
      </c>
      <c r="D33" s="195">
        <v>0</v>
      </c>
      <c r="E33" s="196">
        <v>0</v>
      </c>
      <c r="F33" s="197">
        <v>0</v>
      </c>
      <c r="G33" s="197">
        <v>2</v>
      </c>
      <c r="H33" s="197">
        <v>1</v>
      </c>
      <c r="I33" s="195">
        <v>0</v>
      </c>
      <c r="J33" s="198">
        <v>3</v>
      </c>
      <c r="K33" s="199">
        <v>3</v>
      </c>
      <c r="L33" s="194">
        <v>0</v>
      </c>
      <c r="M33" s="195">
        <v>0</v>
      </c>
      <c r="N33" s="198">
        <v>0</v>
      </c>
      <c r="O33" s="201">
        <v>0</v>
      </c>
      <c r="P33" s="197">
        <v>1</v>
      </c>
      <c r="Q33" s="197">
        <v>0</v>
      </c>
      <c r="R33" s="197">
        <v>0</v>
      </c>
      <c r="S33" s="195">
        <v>1</v>
      </c>
      <c r="T33" s="198">
        <v>2</v>
      </c>
      <c r="U33" s="202">
        <v>2</v>
      </c>
      <c r="V33" s="201">
        <v>0</v>
      </c>
      <c r="W33" s="195">
        <v>0</v>
      </c>
      <c r="X33" s="195">
        <v>0</v>
      </c>
      <c r="Y33" s="196">
        <v>0</v>
      </c>
      <c r="Z33" s="197">
        <v>0</v>
      </c>
      <c r="AA33" s="197">
        <v>0</v>
      </c>
      <c r="AB33" s="197">
        <v>0</v>
      </c>
      <c r="AC33" s="195">
        <v>0</v>
      </c>
      <c r="AD33" s="198">
        <v>0</v>
      </c>
      <c r="AE33" s="199">
        <v>0</v>
      </c>
      <c r="AF33" s="194">
        <v>0</v>
      </c>
      <c r="AG33" s="195">
        <v>0</v>
      </c>
      <c r="AH33" s="195">
        <v>0</v>
      </c>
      <c r="AI33" s="196">
        <v>0</v>
      </c>
      <c r="AJ33" s="197">
        <v>0</v>
      </c>
      <c r="AK33" s="197">
        <v>0</v>
      </c>
      <c r="AL33" s="197">
        <v>0</v>
      </c>
      <c r="AM33" s="195">
        <v>0</v>
      </c>
      <c r="AN33" s="198">
        <v>0</v>
      </c>
      <c r="AO33" s="200">
        <v>0</v>
      </c>
      <c r="AP33" s="37"/>
    </row>
    <row r="34" spans="1:42" ht="20.25" customHeight="1" x14ac:dyDescent="0.2">
      <c r="A34" s="62" t="s">
        <v>32</v>
      </c>
      <c r="B34" s="194">
        <v>0</v>
      </c>
      <c r="C34" s="195">
        <v>0</v>
      </c>
      <c r="D34" s="195">
        <v>0</v>
      </c>
      <c r="E34" s="196">
        <v>0</v>
      </c>
      <c r="F34" s="197">
        <v>0</v>
      </c>
      <c r="G34" s="197">
        <v>0</v>
      </c>
      <c r="H34" s="197">
        <v>0</v>
      </c>
      <c r="I34" s="195">
        <v>1</v>
      </c>
      <c r="J34" s="198">
        <v>1</v>
      </c>
      <c r="K34" s="199">
        <v>1</v>
      </c>
      <c r="L34" s="194">
        <v>0</v>
      </c>
      <c r="M34" s="195">
        <v>0</v>
      </c>
      <c r="N34" s="198">
        <v>0</v>
      </c>
      <c r="O34" s="201">
        <v>0</v>
      </c>
      <c r="P34" s="197">
        <v>0</v>
      </c>
      <c r="Q34" s="197">
        <v>0</v>
      </c>
      <c r="R34" s="197">
        <v>0</v>
      </c>
      <c r="S34" s="195">
        <v>0</v>
      </c>
      <c r="T34" s="198">
        <v>0</v>
      </c>
      <c r="U34" s="202">
        <v>0</v>
      </c>
      <c r="V34" s="201">
        <v>0</v>
      </c>
      <c r="W34" s="195">
        <v>0</v>
      </c>
      <c r="X34" s="195">
        <v>0</v>
      </c>
      <c r="Y34" s="196">
        <v>0</v>
      </c>
      <c r="Z34" s="197">
        <v>0</v>
      </c>
      <c r="AA34" s="197">
        <v>0</v>
      </c>
      <c r="AB34" s="197">
        <v>0</v>
      </c>
      <c r="AC34" s="195">
        <v>0</v>
      </c>
      <c r="AD34" s="198">
        <v>0</v>
      </c>
      <c r="AE34" s="199">
        <v>0</v>
      </c>
      <c r="AF34" s="194">
        <v>0</v>
      </c>
      <c r="AG34" s="195">
        <v>0</v>
      </c>
      <c r="AH34" s="195">
        <v>0</v>
      </c>
      <c r="AI34" s="196">
        <v>0</v>
      </c>
      <c r="AJ34" s="197">
        <v>0</v>
      </c>
      <c r="AK34" s="197">
        <v>0</v>
      </c>
      <c r="AL34" s="197">
        <v>0</v>
      </c>
      <c r="AM34" s="195">
        <v>0</v>
      </c>
      <c r="AN34" s="198">
        <v>0</v>
      </c>
      <c r="AO34" s="200">
        <v>0</v>
      </c>
      <c r="AP34" s="37"/>
    </row>
    <row r="35" spans="1:42" ht="20.25" customHeight="1" x14ac:dyDescent="0.2">
      <c r="A35" s="62" t="s">
        <v>33</v>
      </c>
      <c r="B35" s="194">
        <v>0</v>
      </c>
      <c r="C35" s="195">
        <v>0</v>
      </c>
      <c r="D35" s="195">
        <v>0</v>
      </c>
      <c r="E35" s="196">
        <v>0</v>
      </c>
      <c r="F35" s="197">
        <v>0</v>
      </c>
      <c r="G35" s="197">
        <v>0</v>
      </c>
      <c r="H35" s="197">
        <v>1</v>
      </c>
      <c r="I35" s="195">
        <v>0</v>
      </c>
      <c r="J35" s="198">
        <v>1</v>
      </c>
      <c r="K35" s="199">
        <v>1</v>
      </c>
      <c r="L35" s="194">
        <v>0</v>
      </c>
      <c r="M35" s="195">
        <v>0</v>
      </c>
      <c r="N35" s="198">
        <v>0</v>
      </c>
      <c r="O35" s="201">
        <v>0</v>
      </c>
      <c r="P35" s="197">
        <v>0</v>
      </c>
      <c r="Q35" s="197">
        <v>0</v>
      </c>
      <c r="R35" s="197">
        <v>0</v>
      </c>
      <c r="S35" s="195">
        <v>0</v>
      </c>
      <c r="T35" s="198">
        <v>0</v>
      </c>
      <c r="U35" s="202">
        <v>0</v>
      </c>
      <c r="V35" s="201">
        <v>0</v>
      </c>
      <c r="W35" s="195">
        <v>0</v>
      </c>
      <c r="X35" s="195">
        <v>0</v>
      </c>
      <c r="Y35" s="196">
        <v>0</v>
      </c>
      <c r="Z35" s="197">
        <v>0</v>
      </c>
      <c r="AA35" s="197">
        <v>0</v>
      </c>
      <c r="AB35" s="197">
        <v>0</v>
      </c>
      <c r="AC35" s="195">
        <v>0</v>
      </c>
      <c r="AD35" s="198">
        <v>0</v>
      </c>
      <c r="AE35" s="199">
        <v>0</v>
      </c>
      <c r="AF35" s="194">
        <v>0</v>
      </c>
      <c r="AG35" s="195">
        <v>0</v>
      </c>
      <c r="AH35" s="195">
        <v>0</v>
      </c>
      <c r="AI35" s="196">
        <v>0</v>
      </c>
      <c r="AJ35" s="197">
        <v>1</v>
      </c>
      <c r="AK35" s="197">
        <v>0</v>
      </c>
      <c r="AL35" s="197">
        <v>1</v>
      </c>
      <c r="AM35" s="195">
        <v>1</v>
      </c>
      <c r="AN35" s="198">
        <v>3</v>
      </c>
      <c r="AO35" s="200">
        <v>3</v>
      </c>
      <c r="AP35" s="37"/>
    </row>
    <row r="36" spans="1:42" ht="20.25" customHeight="1" x14ac:dyDescent="0.2">
      <c r="A36" s="62" t="s">
        <v>34</v>
      </c>
      <c r="B36" s="194">
        <v>0</v>
      </c>
      <c r="C36" s="195">
        <v>0</v>
      </c>
      <c r="D36" s="195">
        <v>0</v>
      </c>
      <c r="E36" s="196">
        <v>0</v>
      </c>
      <c r="F36" s="197">
        <v>0</v>
      </c>
      <c r="G36" s="197">
        <v>0</v>
      </c>
      <c r="H36" s="197">
        <v>0</v>
      </c>
      <c r="I36" s="195">
        <v>0</v>
      </c>
      <c r="J36" s="198">
        <v>0</v>
      </c>
      <c r="K36" s="199">
        <v>0</v>
      </c>
      <c r="L36" s="194">
        <v>0</v>
      </c>
      <c r="M36" s="195">
        <v>0</v>
      </c>
      <c r="N36" s="198">
        <v>0</v>
      </c>
      <c r="O36" s="201">
        <v>0</v>
      </c>
      <c r="P36" s="197">
        <v>0</v>
      </c>
      <c r="Q36" s="197">
        <v>1</v>
      </c>
      <c r="R36" s="197">
        <v>0</v>
      </c>
      <c r="S36" s="195">
        <v>0</v>
      </c>
      <c r="T36" s="198">
        <v>1</v>
      </c>
      <c r="U36" s="202">
        <v>1</v>
      </c>
      <c r="V36" s="201">
        <v>0</v>
      </c>
      <c r="W36" s="195">
        <v>0</v>
      </c>
      <c r="X36" s="195">
        <v>0</v>
      </c>
      <c r="Y36" s="196">
        <v>0</v>
      </c>
      <c r="Z36" s="197">
        <v>0</v>
      </c>
      <c r="AA36" s="197">
        <v>0</v>
      </c>
      <c r="AB36" s="197">
        <v>0</v>
      </c>
      <c r="AC36" s="195">
        <v>0</v>
      </c>
      <c r="AD36" s="198">
        <v>0</v>
      </c>
      <c r="AE36" s="199">
        <v>0</v>
      </c>
      <c r="AF36" s="194">
        <v>0</v>
      </c>
      <c r="AG36" s="195">
        <v>0</v>
      </c>
      <c r="AH36" s="195">
        <v>0</v>
      </c>
      <c r="AI36" s="196">
        <v>0</v>
      </c>
      <c r="AJ36" s="197">
        <v>0</v>
      </c>
      <c r="AK36" s="197">
        <v>0</v>
      </c>
      <c r="AL36" s="197">
        <v>0</v>
      </c>
      <c r="AM36" s="195">
        <v>0</v>
      </c>
      <c r="AN36" s="198">
        <v>0</v>
      </c>
      <c r="AO36" s="200">
        <v>0</v>
      </c>
      <c r="AP36" s="37"/>
    </row>
    <row r="37" spans="1:42" ht="20.25" customHeight="1" x14ac:dyDescent="0.2">
      <c r="A37" s="62" t="s">
        <v>35</v>
      </c>
      <c r="B37" s="194">
        <v>0</v>
      </c>
      <c r="C37" s="195">
        <v>0</v>
      </c>
      <c r="D37" s="195">
        <v>0</v>
      </c>
      <c r="E37" s="196">
        <v>0</v>
      </c>
      <c r="F37" s="197">
        <v>0</v>
      </c>
      <c r="G37" s="197">
        <v>1</v>
      </c>
      <c r="H37" s="197">
        <v>2</v>
      </c>
      <c r="I37" s="195">
        <v>0</v>
      </c>
      <c r="J37" s="198">
        <v>3</v>
      </c>
      <c r="K37" s="199">
        <v>3</v>
      </c>
      <c r="L37" s="194">
        <v>0</v>
      </c>
      <c r="M37" s="195">
        <v>0</v>
      </c>
      <c r="N37" s="198">
        <v>0</v>
      </c>
      <c r="O37" s="201">
        <v>0</v>
      </c>
      <c r="P37" s="197">
        <v>0</v>
      </c>
      <c r="Q37" s="197">
        <v>1</v>
      </c>
      <c r="R37" s="197">
        <v>0</v>
      </c>
      <c r="S37" s="195">
        <v>0</v>
      </c>
      <c r="T37" s="198">
        <v>1</v>
      </c>
      <c r="U37" s="202">
        <v>1</v>
      </c>
      <c r="V37" s="201">
        <v>0</v>
      </c>
      <c r="W37" s="195">
        <v>0</v>
      </c>
      <c r="X37" s="195">
        <v>0</v>
      </c>
      <c r="Y37" s="196">
        <v>0</v>
      </c>
      <c r="Z37" s="197">
        <v>0</v>
      </c>
      <c r="AA37" s="197">
        <v>0</v>
      </c>
      <c r="AB37" s="197">
        <v>0</v>
      </c>
      <c r="AC37" s="195">
        <v>0</v>
      </c>
      <c r="AD37" s="198">
        <v>0</v>
      </c>
      <c r="AE37" s="199">
        <v>0</v>
      </c>
      <c r="AF37" s="194">
        <v>0</v>
      </c>
      <c r="AG37" s="195">
        <v>0</v>
      </c>
      <c r="AH37" s="195">
        <v>0</v>
      </c>
      <c r="AI37" s="196">
        <v>0</v>
      </c>
      <c r="AJ37" s="197">
        <v>0</v>
      </c>
      <c r="AK37" s="197">
        <v>0</v>
      </c>
      <c r="AL37" s="197">
        <v>0</v>
      </c>
      <c r="AM37" s="195">
        <v>0</v>
      </c>
      <c r="AN37" s="198">
        <v>0</v>
      </c>
      <c r="AO37" s="200">
        <v>0</v>
      </c>
      <c r="AP37" s="37"/>
    </row>
    <row r="38" spans="1:42" ht="20.25" customHeight="1" x14ac:dyDescent="0.2">
      <c r="A38" s="62" t="s">
        <v>36</v>
      </c>
      <c r="B38" s="194">
        <v>0</v>
      </c>
      <c r="C38" s="195">
        <v>0</v>
      </c>
      <c r="D38" s="195">
        <v>0</v>
      </c>
      <c r="E38" s="196">
        <v>0</v>
      </c>
      <c r="F38" s="197">
        <v>0</v>
      </c>
      <c r="G38" s="197">
        <v>0</v>
      </c>
      <c r="H38" s="197">
        <v>2</v>
      </c>
      <c r="I38" s="195">
        <v>2</v>
      </c>
      <c r="J38" s="198">
        <v>4</v>
      </c>
      <c r="K38" s="199">
        <v>4</v>
      </c>
      <c r="L38" s="194">
        <v>0</v>
      </c>
      <c r="M38" s="195">
        <v>0</v>
      </c>
      <c r="N38" s="198">
        <v>0</v>
      </c>
      <c r="O38" s="201">
        <v>2</v>
      </c>
      <c r="P38" s="197">
        <v>0</v>
      </c>
      <c r="Q38" s="197">
        <v>1</v>
      </c>
      <c r="R38" s="197">
        <v>1</v>
      </c>
      <c r="S38" s="195">
        <v>0</v>
      </c>
      <c r="T38" s="198">
        <v>4</v>
      </c>
      <c r="U38" s="202">
        <v>4</v>
      </c>
      <c r="V38" s="201">
        <v>0</v>
      </c>
      <c r="W38" s="195">
        <v>0</v>
      </c>
      <c r="X38" s="195">
        <v>0</v>
      </c>
      <c r="Y38" s="196">
        <v>0</v>
      </c>
      <c r="Z38" s="197">
        <v>0</v>
      </c>
      <c r="AA38" s="197">
        <v>0</v>
      </c>
      <c r="AB38" s="197">
        <v>0</v>
      </c>
      <c r="AC38" s="195">
        <v>0</v>
      </c>
      <c r="AD38" s="198">
        <v>0</v>
      </c>
      <c r="AE38" s="199">
        <v>0</v>
      </c>
      <c r="AF38" s="194">
        <v>0</v>
      </c>
      <c r="AG38" s="195">
        <v>0</v>
      </c>
      <c r="AH38" s="195">
        <v>0</v>
      </c>
      <c r="AI38" s="196">
        <v>0</v>
      </c>
      <c r="AJ38" s="197">
        <v>0</v>
      </c>
      <c r="AK38" s="197">
        <v>0</v>
      </c>
      <c r="AL38" s="197">
        <v>0</v>
      </c>
      <c r="AM38" s="195">
        <v>0</v>
      </c>
      <c r="AN38" s="198">
        <v>0</v>
      </c>
      <c r="AO38" s="200">
        <v>0</v>
      </c>
      <c r="AP38" s="37"/>
    </row>
    <row r="39" spans="1:42" ht="20.25" customHeight="1" thickBot="1" x14ac:dyDescent="0.25">
      <c r="A39" s="63" t="s">
        <v>37</v>
      </c>
      <c r="B39" s="203">
        <v>0</v>
      </c>
      <c r="C39" s="204">
        <v>0</v>
      </c>
      <c r="D39" s="204">
        <v>0</v>
      </c>
      <c r="E39" s="205">
        <v>0</v>
      </c>
      <c r="F39" s="206">
        <v>0</v>
      </c>
      <c r="G39" s="206">
        <v>0</v>
      </c>
      <c r="H39" s="206">
        <v>0</v>
      </c>
      <c r="I39" s="204">
        <v>0</v>
      </c>
      <c r="J39" s="207">
        <v>0</v>
      </c>
      <c r="K39" s="208">
        <v>0</v>
      </c>
      <c r="L39" s="203">
        <v>0</v>
      </c>
      <c r="M39" s="204">
        <v>0</v>
      </c>
      <c r="N39" s="207">
        <v>0</v>
      </c>
      <c r="O39" s="210">
        <v>0</v>
      </c>
      <c r="P39" s="206">
        <v>0</v>
      </c>
      <c r="Q39" s="206">
        <v>0</v>
      </c>
      <c r="R39" s="206">
        <v>0</v>
      </c>
      <c r="S39" s="204">
        <v>0</v>
      </c>
      <c r="T39" s="207">
        <v>0</v>
      </c>
      <c r="U39" s="211">
        <v>0</v>
      </c>
      <c r="V39" s="210">
        <v>0</v>
      </c>
      <c r="W39" s="204">
        <v>0</v>
      </c>
      <c r="X39" s="204">
        <v>0</v>
      </c>
      <c r="Y39" s="205">
        <v>0</v>
      </c>
      <c r="Z39" s="206">
        <v>0</v>
      </c>
      <c r="AA39" s="206">
        <v>0</v>
      </c>
      <c r="AB39" s="206">
        <v>0</v>
      </c>
      <c r="AC39" s="204">
        <v>0</v>
      </c>
      <c r="AD39" s="207">
        <v>0</v>
      </c>
      <c r="AE39" s="208">
        <v>0</v>
      </c>
      <c r="AF39" s="203">
        <v>0</v>
      </c>
      <c r="AG39" s="204">
        <v>0</v>
      </c>
      <c r="AH39" s="204">
        <v>0</v>
      </c>
      <c r="AI39" s="205">
        <v>0</v>
      </c>
      <c r="AJ39" s="206">
        <v>0</v>
      </c>
      <c r="AK39" s="206">
        <v>0</v>
      </c>
      <c r="AL39" s="206">
        <v>0</v>
      </c>
      <c r="AM39" s="204">
        <v>1</v>
      </c>
      <c r="AN39" s="207">
        <v>1</v>
      </c>
      <c r="AO39" s="209">
        <v>1</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Y4:AD4"/>
    <mergeCell ref="AE4:AE5"/>
    <mergeCell ref="F1:G1"/>
    <mergeCell ref="AF4:AH4"/>
    <mergeCell ref="AI4:AN4"/>
    <mergeCell ref="AO4:AO5"/>
    <mergeCell ref="A3:A4"/>
    <mergeCell ref="B3:K3"/>
    <mergeCell ref="L3:U3"/>
    <mergeCell ref="V3:AE3"/>
    <mergeCell ref="AF3:AO3"/>
    <mergeCell ref="B4:D4"/>
    <mergeCell ref="E4:J4"/>
    <mergeCell ref="K4:K5"/>
    <mergeCell ref="L4:N4"/>
    <mergeCell ref="O4:T4"/>
    <mergeCell ref="U4:U5"/>
    <mergeCell ref="V4:X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1" max="1048575" man="1"/>
    <brk id="21"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1" customWidth="1"/>
    <col min="2" max="2" width="8.21875" style="1" customWidth="1"/>
    <col min="3" max="4" width="10" style="1" customWidth="1"/>
    <col min="5" max="5" width="7" style="1" customWidth="1"/>
    <col min="6" max="12" width="10.33203125" style="1" customWidth="1"/>
    <col min="13" max="15" width="8.88671875" style="1" customWidth="1"/>
    <col min="16" max="16" width="7.6640625" style="1" customWidth="1"/>
    <col min="17" max="23" width="10.6640625" style="1" customWidth="1"/>
    <col min="24" max="26" width="8.88671875" style="1" customWidth="1"/>
    <col min="27" max="27" width="7.6640625" style="1" customWidth="1"/>
    <col min="28" max="28" width="8.88671875" style="1" customWidth="1"/>
    <col min="29" max="29" width="10.44140625" style="1" customWidth="1"/>
    <col min="30" max="32" width="8.88671875" style="1" customWidth="1"/>
    <col min="33" max="34" width="10" style="1" customWidth="1"/>
    <col min="35" max="37" width="8.88671875" style="1" customWidth="1"/>
    <col min="38" max="38" width="7.77734375" style="1" customWidth="1"/>
    <col min="39" max="48" width="8.88671875" style="1" customWidth="1"/>
    <col min="49" max="49" width="7.77734375" style="1" customWidth="1"/>
    <col min="50" max="54" width="8.88671875" style="1" customWidth="1"/>
    <col min="55" max="56" width="10.33203125" style="1" customWidth="1"/>
    <col min="57" max="59" width="8.88671875" style="1" customWidth="1"/>
    <col min="60" max="60" width="8" style="1" customWidth="1"/>
    <col min="61" max="70" width="8.88671875" style="1" customWidth="1"/>
    <col min="71" max="71" width="7.44140625" style="1" customWidth="1"/>
    <col min="72" max="76" width="8.88671875" style="1" customWidth="1"/>
    <col min="77" max="77" width="11.77734375" style="1" customWidth="1"/>
    <col min="78" max="78" width="12" style="1" customWidth="1"/>
    <col min="79" max="81" width="8.88671875" style="39" customWidth="1"/>
    <col min="82" max="82" width="7.77734375" style="39" customWidth="1"/>
    <col min="83" max="89" width="9" style="39" customWidth="1"/>
    <col min="90" max="92" width="8.88671875" style="1" customWidth="1"/>
    <col min="93" max="93" width="7.44140625" style="1" customWidth="1"/>
    <col min="94" max="96" width="10.109375" style="1" customWidth="1"/>
    <col min="97" max="98" width="8.88671875" style="1" customWidth="1"/>
    <col min="99" max="100" width="10.21875" style="1" customWidth="1"/>
    <col min="101" max="103" width="8.88671875" style="1" customWidth="1"/>
    <col min="104" max="104" width="7.33203125" style="1" customWidth="1"/>
    <col min="105" max="109" width="8.88671875" style="1" customWidth="1"/>
    <col min="110" max="111" width="9.21875" style="1" customWidth="1"/>
    <col min="112" max="114" width="8.88671875" style="39" customWidth="1"/>
    <col min="115" max="115" width="7.33203125" style="39" customWidth="1"/>
    <col min="116" max="120" width="8.88671875" style="39" customWidth="1"/>
    <col min="121" max="122" width="9.6640625" style="39" customWidth="1"/>
    <col min="123" max="125" width="8.88671875" style="1" customWidth="1"/>
    <col min="126" max="126" width="7.77734375" style="1" customWidth="1"/>
    <col min="127" max="131" width="8.88671875" style="1" customWidth="1"/>
    <col min="132" max="133" width="9.33203125" style="1" customWidth="1"/>
    <col min="134" max="136" width="8.88671875" style="1" customWidth="1"/>
    <col min="137" max="137" width="7.44140625" style="1" customWidth="1"/>
    <col min="138" max="147" width="8.88671875" style="1" customWidth="1"/>
    <col min="148" max="148" width="7.21875" style="1" customWidth="1"/>
    <col min="149" max="158" width="8.88671875" style="1" customWidth="1"/>
    <col min="159" max="159" width="7.21875" style="1" customWidth="1"/>
    <col min="160" max="166" width="8.88671875" style="1" customWidth="1"/>
    <col min="167" max="169" width="8.88671875" style="39" customWidth="1"/>
    <col min="170" max="170" width="7.33203125" style="39" customWidth="1"/>
    <col min="171" max="175" width="8.88671875" style="39" customWidth="1"/>
    <col min="176" max="177" width="9.6640625" style="39" customWidth="1"/>
    <col min="178" max="180" width="8.88671875" style="1" customWidth="1"/>
    <col min="181" max="181" width="7.21875" style="1" customWidth="1"/>
    <col min="182" max="186" width="8.88671875" style="1" customWidth="1"/>
    <col min="187" max="188" width="9.44140625" style="1" customWidth="1"/>
    <col min="189" max="191" width="8.88671875" style="1" customWidth="1"/>
    <col min="192" max="192" width="7.77734375" style="1" customWidth="1"/>
    <col min="193" max="202" width="8.88671875" style="1" customWidth="1"/>
    <col min="203" max="203" width="7.44140625" style="1" customWidth="1"/>
    <col min="204" max="213" width="8.88671875" style="1" customWidth="1"/>
    <col min="214" max="214" width="7.33203125" style="1" customWidth="1"/>
    <col min="215" max="217" width="8.88671875" style="1" customWidth="1"/>
    <col min="218" max="218" width="10.44140625" style="1" customWidth="1"/>
    <col min="219" max="219" width="8.88671875" style="1" customWidth="1"/>
    <col min="220" max="221" width="9.6640625" style="1" customWidth="1"/>
    <col min="222" max="224" width="8.88671875" style="1" customWidth="1"/>
    <col min="225" max="225" width="7.6640625" style="1" customWidth="1"/>
    <col min="226" max="230" width="8.88671875" style="1" customWidth="1"/>
    <col min="231" max="232" width="10" style="1"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1"/>
  </cols>
  <sheetData>
    <row r="1" spans="1:408" ht="21" customHeight="1" x14ac:dyDescent="0.2">
      <c r="A1" s="20" t="s">
        <v>146</v>
      </c>
      <c r="F1" s="368">
        <f>第１表!F2</f>
        <v>4</v>
      </c>
      <c r="G1" s="251">
        <f>第１表!G2</f>
        <v>6</v>
      </c>
      <c r="H1" s="611">
        <f>IF(G1&lt;3,G1-2+12,G1-2)</f>
        <v>4</v>
      </c>
      <c r="I1" s="611"/>
      <c r="IA1" s="368"/>
      <c r="IB1" s="253"/>
      <c r="IC1" s="611"/>
      <c r="ID1" s="611"/>
    </row>
    <row r="2" spans="1:408" s="44" customFormat="1" ht="16.5" customHeight="1" x14ac:dyDescent="0.2">
      <c r="A2" s="20" t="s">
        <v>147</v>
      </c>
      <c r="D2" s="250"/>
      <c r="E2" s="251"/>
      <c r="F2" s="646"/>
      <c r="G2" s="646"/>
      <c r="CA2" s="325"/>
      <c r="CB2" s="325"/>
      <c r="CC2" s="325"/>
      <c r="CD2" s="325"/>
      <c r="CE2" s="325"/>
      <c r="CF2" s="325"/>
      <c r="CG2" s="325"/>
      <c r="CH2" s="325"/>
      <c r="CI2" s="325"/>
      <c r="CJ2" s="325"/>
      <c r="CK2" s="325"/>
      <c r="DH2" s="325"/>
      <c r="DI2" s="325"/>
      <c r="DJ2" s="325"/>
      <c r="DK2" s="325"/>
      <c r="DL2" s="325"/>
      <c r="DM2" s="325"/>
      <c r="DN2" s="325"/>
      <c r="DO2" s="325"/>
      <c r="DP2" s="325"/>
      <c r="DQ2" s="325"/>
      <c r="DR2" s="325"/>
      <c r="FK2" s="325"/>
      <c r="FL2" s="325"/>
      <c r="FM2" s="325"/>
      <c r="FN2" s="325"/>
      <c r="FO2" s="325"/>
      <c r="FP2" s="325"/>
      <c r="FQ2" s="325"/>
      <c r="FR2" s="325"/>
      <c r="FS2" s="325"/>
      <c r="FT2" s="325"/>
      <c r="FU2" s="325"/>
      <c r="HY2" s="39"/>
      <c r="HZ2" s="39"/>
      <c r="IA2" s="252"/>
      <c r="IB2" s="253"/>
      <c r="IC2" s="371"/>
      <c r="ID2" s="371"/>
      <c r="IE2" s="39"/>
      <c r="IF2" s="39"/>
      <c r="IG2" s="39"/>
      <c r="IH2" s="39"/>
      <c r="II2" s="39"/>
      <c r="IJ2" s="1"/>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39"/>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1"/>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row>
    <row r="3" spans="1:408" s="44" customFormat="1" ht="18.75" customHeight="1" thickBot="1" x14ac:dyDescent="0.25">
      <c r="A3" s="20" t="s">
        <v>148</v>
      </c>
      <c r="CA3" s="325"/>
      <c r="CB3" s="325"/>
      <c r="CC3" s="325"/>
      <c r="CD3" s="325"/>
      <c r="CE3" s="325"/>
      <c r="CF3" s="325"/>
      <c r="CG3" s="325"/>
      <c r="CH3" s="325"/>
      <c r="CI3" s="325"/>
      <c r="CJ3" s="325"/>
      <c r="CK3" s="325"/>
      <c r="DH3" s="325"/>
      <c r="DI3" s="325"/>
      <c r="DJ3" s="325"/>
      <c r="DK3" s="325"/>
      <c r="DL3" s="325"/>
      <c r="DM3" s="325"/>
      <c r="DN3" s="325"/>
      <c r="DO3" s="325"/>
      <c r="DP3" s="325"/>
      <c r="DQ3" s="325"/>
      <c r="DR3" s="325"/>
      <c r="FK3" s="325"/>
      <c r="FL3" s="325"/>
      <c r="FM3" s="325"/>
      <c r="FN3" s="325"/>
      <c r="FO3" s="325"/>
      <c r="FP3" s="325"/>
      <c r="FQ3" s="325"/>
      <c r="FR3" s="325"/>
      <c r="FS3" s="325"/>
      <c r="FT3" s="325"/>
      <c r="FU3" s="325"/>
      <c r="HY3" s="39"/>
      <c r="HZ3" s="39"/>
      <c r="IA3" s="39"/>
      <c r="IB3" s="39"/>
      <c r="IC3" s="39"/>
      <c r="ID3" s="39"/>
      <c r="IE3" s="39"/>
      <c r="IF3" s="39"/>
      <c r="IG3" s="39"/>
      <c r="IH3" s="39"/>
      <c r="II3" s="39"/>
      <c r="IJ3" s="1"/>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39"/>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1"/>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row>
    <row r="4" spans="1:408" ht="18" customHeight="1" thickBot="1" x14ac:dyDescent="0.25">
      <c r="A4" s="622" t="s">
        <v>42</v>
      </c>
      <c r="B4" s="625" t="s">
        <v>63</v>
      </c>
      <c r="C4" s="625"/>
      <c r="D4" s="625"/>
      <c r="E4" s="625"/>
      <c r="F4" s="625"/>
      <c r="G4" s="625"/>
      <c r="H4" s="625"/>
      <c r="I4" s="625"/>
      <c r="J4" s="625"/>
      <c r="K4" s="625"/>
      <c r="L4" s="625"/>
      <c r="M4" s="577"/>
      <c r="N4" s="577"/>
      <c r="O4" s="577"/>
      <c r="P4" s="577"/>
      <c r="Q4" s="577"/>
      <c r="R4" s="577"/>
      <c r="S4" s="577"/>
      <c r="T4" s="577"/>
      <c r="U4" s="577"/>
      <c r="V4" s="577"/>
      <c r="W4" s="577"/>
      <c r="X4" s="577"/>
      <c r="Y4" s="577"/>
      <c r="Z4" s="577"/>
      <c r="AA4" s="577"/>
      <c r="AB4" s="577"/>
      <c r="AC4" s="577"/>
      <c r="AD4" s="577"/>
      <c r="AE4" s="577"/>
      <c r="AF4" s="577"/>
      <c r="AG4" s="577"/>
      <c r="AH4" s="577"/>
      <c r="AI4" s="577"/>
      <c r="AJ4" s="577"/>
      <c r="AK4" s="577"/>
      <c r="AL4" s="577"/>
      <c r="AM4" s="577"/>
      <c r="AN4" s="577"/>
      <c r="AO4" s="577"/>
      <c r="AP4" s="577"/>
      <c r="AQ4" s="577"/>
      <c r="AR4" s="577"/>
      <c r="AS4" s="577"/>
      <c r="AT4" s="577"/>
      <c r="AU4" s="577"/>
      <c r="AV4" s="577"/>
      <c r="AW4" s="577"/>
      <c r="AX4" s="577"/>
      <c r="AY4" s="577"/>
      <c r="AZ4" s="577"/>
      <c r="BA4" s="577"/>
      <c r="BB4" s="577"/>
      <c r="BC4" s="577"/>
      <c r="BD4" s="577"/>
      <c r="BE4" s="577"/>
      <c r="BF4" s="577"/>
      <c r="BG4" s="577"/>
      <c r="BH4" s="577"/>
      <c r="BI4" s="577"/>
      <c r="BJ4" s="577"/>
      <c r="BK4" s="577"/>
      <c r="BL4" s="577"/>
      <c r="BM4" s="577"/>
      <c r="BN4" s="577"/>
      <c r="BO4" s="577"/>
      <c r="BP4" s="577"/>
      <c r="BQ4" s="577"/>
      <c r="BR4" s="577"/>
      <c r="BS4" s="577"/>
      <c r="BT4" s="577"/>
      <c r="BU4" s="577"/>
      <c r="BV4" s="577"/>
      <c r="BW4" s="577"/>
      <c r="BX4" s="577"/>
      <c r="BY4" s="577"/>
      <c r="BZ4" s="577"/>
      <c r="CA4" s="577"/>
      <c r="CB4" s="577"/>
      <c r="CC4" s="577"/>
      <c r="CD4" s="577"/>
      <c r="CE4" s="577"/>
      <c r="CF4" s="577"/>
      <c r="CG4" s="577"/>
      <c r="CH4" s="577"/>
      <c r="CI4" s="577"/>
      <c r="CJ4" s="577"/>
      <c r="CK4" s="577"/>
      <c r="CL4" s="577"/>
      <c r="CM4" s="577"/>
      <c r="CN4" s="577"/>
      <c r="CO4" s="577"/>
      <c r="CP4" s="577"/>
      <c r="CQ4" s="577"/>
      <c r="CR4" s="577"/>
      <c r="CS4" s="577"/>
      <c r="CT4" s="577"/>
      <c r="CU4" s="577"/>
      <c r="CV4" s="577"/>
      <c r="CW4" s="577"/>
      <c r="CX4" s="577"/>
      <c r="CY4" s="577"/>
      <c r="CZ4" s="577"/>
      <c r="DA4" s="577"/>
      <c r="DB4" s="577"/>
      <c r="DC4" s="577"/>
      <c r="DD4" s="577"/>
      <c r="DE4" s="577"/>
      <c r="DF4" s="577"/>
      <c r="DG4" s="577"/>
      <c r="DH4" s="577"/>
      <c r="DI4" s="577"/>
      <c r="DJ4" s="577"/>
      <c r="DK4" s="577"/>
      <c r="DL4" s="577"/>
      <c r="DM4" s="577"/>
      <c r="DN4" s="577"/>
      <c r="DO4" s="577"/>
      <c r="DP4" s="577"/>
      <c r="DQ4" s="577"/>
      <c r="DR4" s="577"/>
      <c r="DS4" s="577"/>
      <c r="DT4" s="577"/>
      <c r="DU4" s="577"/>
      <c r="DV4" s="577"/>
      <c r="DW4" s="577"/>
      <c r="DX4" s="577"/>
      <c r="DY4" s="577"/>
      <c r="DZ4" s="577"/>
      <c r="EA4" s="577"/>
      <c r="EB4" s="577"/>
      <c r="EC4" s="577"/>
      <c r="ED4" s="577"/>
      <c r="EE4" s="577"/>
      <c r="EF4" s="577"/>
      <c r="EG4" s="577"/>
      <c r="EH4" s="577"/>
      <c r="EI4" s="577"/>
      <c r="EJ4" s="577"/>
      <c r="EK4" s="577"/>
      <c r="EL4" s="577"/>
      <c r="EM4" s="577"/>
      <c r="EN4" s="577"/>
      <c r="EO4" s="577"/>
      <c r="EP4" s="577"/>
      <c r="EQ4" s="577"/>
      <c r="ER4" s="577"/>
      <c r="ES4" s="577"/>
      <c r="ET4" s="577"/>
      <c r="EU4" s="577"/>
      <c r="EV4" s="577"/>
      <c r="EW4" s="577"/>
      <c r="EX4" s="577"/>
      <c r="EY4" s="577"/>
      <c r="EZ4" s="577"/>
      <c r="FA4" s="577"/>
      <c r="FB4" s="577"/>
      <c r="FC4" s="577"/>
      <c r="FD4" s="577"/>
      <c r="FE4" s="577"/>
      <c r="FF4" s="577"/>
      <c r="FG4" s="577"/>
      <c r="FH4" s="577"/>
      <c r="FI4" s="577"/>
      <c r="FJ4" s="577"/>
      <c r="FK4" s="577"/>
      <c r="FL4" s="577"/>
      <c r="FM4" s="577"/>
      <c r="FN4" s="577"/>
      <c r="FO4" s="577"/>
      <c r="FP4" s="577"/>
      <c r="FQ4" s="577"/>
      <c r="FR4" s="577"/>
      <c r="FS4" s="577"/>
      <c r="FT4" s="577"/>
      <c r="FU4" s="577"/>
      <c r="FV4" s="577"/>
      <c r="FW4" s="577"/>
      <c r="FX4" s="577"/>
      <c r="FY4" s="577"/>
      <c r="FZ4" s="577"/>
      <c r="GA4" s="577"/>
      <c r="GB4" s="577"/>
      <c r="GC4" s="577"/>
      <c r="GD4" s="577"/>
      <c r="GE4" s="577"/>
      <c r="GF4" s="577"/>
      <c r="GG4" s="577"/>
      <c r="GH4" s="577"/>
      <c r="GI4" s="577"/>
      <c r="GJ4" s="577"/>
      <c r="GK4" s="577"/>
      <c r="GL4" s="577"/>
      <c r="GM4" s="577"/>
      <c r="GN4" s="577"/>
      <c r="GO4" s="577"/>
      <c r="GP4" s="577"/>
      <c r="GQ4" s="577"/>
      <c r="GR4" s="577"/>
      <c r="GS4" s="577"/>
      <c r="GT4" s="577"/>
      <c r="GU4" s="577"/>
      <c r="GV4" s="577"/>
      <c r="GW4" s="577"/>
      <c r="GX4" s="577"/>
      <c r="GY4" s="577"/>
      <c r="GZ4" s="577"/>
      <c r="HA4" s="577"/>
      <c r="HB4" s="577"/>
      <c r="HC4" s="577"/>
      <c r="HD4" s="577"/>
      <c r="HE4" s="577"/>
      <c r="HF4" s="577"/>
      <c r="HG4" s="577"/>
      <c r="HH4" s="577"/>
      <c r="HI4" s="577"/>
      <c r="HJ4" s="577"/>
      <c r="HK4" s="577"/>
      <c r="HL4" s="577"/>
      <c r="HM4" s="577"/>
      <c r="HN4" s="577"/>
      <c r="HO4" s="577"/>
      <c r="HP4" s="577"/>
      <c r="HQ4" s="577"/>
      <c r="HR4" s="577"/>
      <c r="HS4" s="577"/>
      <c r="HT4" s="577"/>
      <c r="HU4" s="577"/>
      <c r="HV4" s="577"/>
      <c r="HW4" s="577"/>
      <c r="HX4" s="578"/>
      <c r="HY4" s="608" t="s">
        <v>85</v>
      </c>
      <c r="HZ4" s="609"/>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10"/>
      <c r="ME4" s="608" t="s">
        <v>86</v>
      </c>
      <c r="MF4" s="609"/>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10"/>
      <c r="OH4" s="599" t="s">
        <v>60</v>
      </c>
      <c r="OI4" s="503"/>
      <c r="OJ4" s="503"/>
      <c r="OK4" s="503"/>
      <c r="OL4" s="503"/>
      <c r="OM4" s="503"/>
      <c r="ON4" s="503"/>
      <c r="OO4" s="503"/>
      <c r="OP4" s="503"/>
      <c r="OQ4" s="503"/>
      <c r="OR4" s="504"/>
    </row>
    <row r="5" spans="1:408" ht="18" customHeight="1" thickBot="1" x14ac:dyDescent="0.25">
      <c r="A5" s="623"/>
      <c r="B5" s="626"/>
      <c r="C5" s="626"/>
      <c r="D5" s="626"/>
      <c r="E5" s="626"/>
      <c r="F5" s="626"/>
      <c r="G5" s="626"/>
      <c r="H5" s="626"/>
      <c r="I5" s="626"/>
      <c r="J5" s="626"/>
      <c r="K5" s="626"/>
      <c r="L5" s="626"/>
      <c r="M5" s="628" t="s">
        <v>64</v>
      </c>
      <c r="N5" s="629"/>
      <c r="O5" s="629"/>
      <c r="P5" s="629"/>
      <c r="Q5" s="629"/>
      <c r="R5" s="629"/>
      <c r="S5" s="629"/>
      <c r="T5" s="629"/>
      <c r="U5" s="629"/>
      <c r="V5" s="629"/>
      <c r="W5" s="629"/>
      <c r="X5" s="629"/>
      <c r="Y5" s="629"/>
      <c r="Z5" s="629"/>
      <c r="AA5" s="629"/>
      <c r="AB5" s="629"/>
      <c r="AC5" s="629"/>
      <c r="AD5" s="629"/>
      <c r="AE5" s="629"/>
      <c r="AF5" s="629"/>
      <c r="AG5" s="629"/>
      <c r="AH5" s="629"/>
      <c r="AI5" s="629"/>
      <c r="AJ5" s="629"/>
      <c r="AK5" s="629"/>
      <c r="AL5" s="629"/>
      <c r="AM5" s="629"/>
      <c r="AN5" s="629"/>
      <c r="AO5" s="629"/>
      <c r="AP5" s="629"/>
      <c r="AQ5" s="629"/>
      <c r="AR5" s="629"/>
      <c r="AS5" s="629"/>
      <c r="AT5" s="629"/>
      <c r="AU5" s="629"/>
      <c r="AV5" s="629"/>
      <c r="AW5" s="629"/>
      <c r="AX5" s="629"/>
      <c r="AY5" s="629"/>
      <c r="AZ5" s="629"/>
      <c r="BA5" s="629"/>
      <c r="BB5" s="629"/>
      <c r="BC5" s="629"/>
      <c r="BD5" s="629"/>
      <c r="BE5" s="629"/>
      <c r="BF5" s="629"/>
      <c r="BG5" s="629"/>
      <c r="BH5" s="629"/>
      <c r="BI5" s="629"/>
      <c r="BJ5" s="629"/>
      <c r="BK5" s="629"/>
      <c r="BL5" s="629"/>
      <c r="BM5" s="629"/>
      <c r="BN5" s="629"/>
      <c r="BO5" s="629"/>
      <c r="BP5" s="629"/>
      <c r="BQ5" s="629"/>
      <c r="BR5" s="629"/>
      <c r="BS5" s="629"/>
      <c r="BT5" s="629"/>
      <c r="BU5" s="629"/>
      <c r="BV5" s="629"/>
      <c r="BW5" s="629"/>
      <c r="BX5" s="629"/>
      <c r="BY5" s="629"/>
      <c r="BZ5" s="630"/>
      <c r="CA5" s="628" t="s">
        <v>65</v>
      </c>
      <c r="CB5" s="629"/>
      <c r="CC5" s="629"/>
      <c r="CD5" s="629"/>
      <c r="CE5" s="629"/>
      <c r="CF5" s="629"/>
      <c r="CG5" s="629"/>
      <c r="CH5" s="629"/>
      <c r="CI5" s="629"/>
      <c r="CJ5" s="629"/>
      <c r="CK5" s="629"/>
      <c r="CL5" s="629"/>
      <c r="CM5" s="629"/>
      <c r="CN5" s="629"/>
      <c r="CO5" s="629"/>
      <c r="CP5" s="629"/>
      <c r="CQ5" s="629"/>
      <c r="CR5" s="629"/>
      <c r="CS5" s="629"/>
      <c r="CT5" s="629"/>
      <c r="CU5" s="629"/>
      <c r="CV5" s="629"/>
      <c r="CW5" s="629"/>
      <c r="CX5" s="629"/>
      <c r="CY5" s="629"/>
      <c r="CZ5" s="629"/>
      <c r="DA5" s="629"/>
      <c r="DB5" s="629"/>
      <c r="DC5" s="629"/>
      <c r="DD5" s="629"/>
      <c r="DE5" s="629"/>
      <c r="DF5" s="629"/>
      <c r="DG5" s="630"/>
      <c r="DH5" s="608" t="s">
        <v>66</v>
      </c>
      <c r="DI5" s="609"/>
      <c r="DJ5" s="609"/>
      <c r="DK5" s="609"/>
      <c r="DL5" s="609"/>
      <c r="DM5" s="609"/>
      <c r="DN5" s="609"/>
      <c r="DO5" s="609"/>
      <c r="DP5" s="609"/>
      <c r="DQ5" s="609"/>
      <c r="DR5" s="609"/>
      <c r="DS5" s="609"/>
      <c r="DT5" s="609"/>
      <c r="DU5" s="609"/>
      <c r="DV5" s="609"/>
      <c r="DW5" s="609"/>
      <c r="DX5" s="609"/>
      <c r="DY5" s="609"/>
      <c r="DZ5" s="609"/>
      <c r="EA5" s="609"/>
      <c r="EB5" s="609"/>
      <c r="EC5" s="609"/>
      <c r="ED5" s="609"/>
      <c r="EE5" s="609"/>
      <c r="EF5" s="609"/>
      <c r="EG5" s="609"/>
      <c r="EH5" s="609"/>
      <c r="EI5" s="609"/>
      <c r="EJ5" s="609"/>
      <c r="EK5" s="609"/>
      <c r="EL5" s="609"/>
      <c r="EM5" s="609"/>
      <c r="EN5" s="609"/>
      <c r="EO5" s="609"/>
      <c r="EP5" s="609"/>
      <c r="EQ5" s="609"/>
      <c r="ER5" s="609"/>
      <c r="ES5" s="609"/>
      <c r="ET5" s="609"/>
      <c r="EU5" s="609"/>
      <c r="EV5" s="609"/>
      <c r="EW5" s="609"/>
      <c r="EX5" s="609"/>
      <c r="EY5" s="609"/>
      <c r="EZ5" s="609"/>
      <c r="FA5" s="609"/>
      <c r="FB5" s="609"/>
      <c r="FC5" s="609"/>
      <c r="FD5" s="609"/>
      <c r="FE5" s="609"/>
      <c r="FF5" s="609"/>
      <c r="FG5" s="609"/>
      <c r="FH5" s="609"/>
      <c r="FI5" s="609"/>
      <c r="FJ5" s="610"/>
      <c r="FK5" s="628" t="s">
        <v>67</v>
      </c>
      <c r="FL5" s="629"/>
      <c r="FM5" s="629"/>
      <c r="FN5" s="629"/>
      <c r="FO5" s="629"/>
      <c r="FP5" s="629"/>
      <c r="FQ5" s="629"/>
      <c r="FR5" s="629"/>
      <c r="FS5" s="629"/>
      <c r="FT5" s="629"/>
      <c r="FU5" s="629"/>
      <c r="FV5" s="629"/>
      <c r="FW5" s="629"/>
      <c r="FX5" s="629"/>
      <c r="FY5" s="629"/>
      <c r="FZ5" s="629"/>
      <c r="GA5" s="629"/>
      <c r="GB5" s="629"/>
      <c r="GC5" s="629"/>
      <c r="GD5" s="629"/>
      <c r="GE5" s="629"/>
      <c r="GF5" s="629"/>
      <c r="GG5" s="629"/>
      <c r="GH5" s="629"/>
      <c r="GI5" s="629"/>
      <c r="GJ5" s="629"/>
      <c r="GK5" s="629"/>
      <c r="GL5" s="629"/>
      <c r="GM5" s="629"/>
      <c r="GN5" s="629"/>
      <c r="GO5" s="629"/>
      <c r="GP5" s="629"/>
      <c r="GQ5" s="629"/>
      <c r="GR5" s="629"/>
      <c r="GS5" s="629"/>
      <c r="GT5" s="629"/>
      <c r="GU5" s="629"/>
      <c r="GV5" s="629"/>
      <c r="GW5" s="629"/>
      <c r="GX5" s="629"/>
      <c r="GY5" s="629"/>
      <c r="GZ5" s="629"/>
      <c r="HA5" s="629"/>
      <c r="HB5" s="630"/>
      <c r="HC5" s="619" t="s">
        <v>68</v>
      </c>
      <c r="HD5" s="620"/>
      <c r="HE5" s="620"/>
      <c r="HF5" s="620"/>
      <c r="HG5" s="620"/>
      <c r="HH5" s="620"/>
      <c r="HI5" s="620"/>
      <c r="HJ5" s="620"/>
      <c r="HK5" s="620"/>
      <c r="HL5" s="620"/>
      <c r="HM5" s="621"/>
      <c r="HN5" s="619" t="s">
        <v>69</v>
      </c>
      <c r="HO5" s="620"/>
      <c r="HP5" s="620"/>
      <c r="HQ5" s="620"/>
      <c r="HR5" s="620"/>
      <c r="HS5" s="620"/>
      <c r="HT5" s="620"/>
      <c r="HU5" s="620"/>
      <c r="HV5" s="620"/>
      <c r="HW5" s="620"/>
      <c r="HX5" s="621"/>
      <c r="HY5" s="659"/>
      <c r="HZ5" s="660"/>
      <c r="IA5" s="660"/>
      <c r="IB5" s="660"/>
      <c r="IC5" s="660"/>
      <c r="ID5" s="660"/>
      <c r="IE5" s="660"/>
      <c r="IF5" s="660"/>
      <c r="IG5" s="660"/>
      <c r="IH5" s="660"/>
      <c r="II5" s="661"/>
      <c r="IJ5" s="599" t="s">
        <v>94</v>
      </c>
      <c r="IK5" s="503"/>
      <c r="IL5" s="503"/>
      <c r="IM5" s="503"/>
      <c r="IN5" s="503"/>
      <c r="IO5" s="503"/>
      <c r="IP5" s="503"/>
      <c r="IQ5" s="503"/>
      <c r="IR5" s="503"/>
      <c r="IS5" s="503"/>
      <c r="IT5" s="504"/>
      <c r="IU5" s="599" t="s">
        <v>88</v>
      </c>
      <c r="IV5" s="503"/>
      <c r="IW5" s="503"/>
      <c r="IX5" s="503"/>
      <c r="IY5" s="503"/>
      <c r="IZ5" s="503"/>
      <c r="JA5" s="503"/>
      <c r="JB5" s="503"/>
      <c r="JC5" s="503"/>
      <c r="JD5" s="503"/>
      <c r="JE5" s="504"/>
      <c r="JF5" s="662" t="s">
        <v>144</v>
      </c>
      <c r="JG5" s="663"/>
      <c r="JH5" s="663"/>
      <c r="JI5" s="663"/>
      <c r="JJ5" s="663"/>
      <c r="JK5" s="663"/>
      <c r="JL5" s="663"/>
      <c r="JM5" s="663"/>
      <c r="JN5" s="663"/>
      <c r="JO5" s="663"/>
      <c r="JP5" s="664"/>
      <c r="JQ5" s="599" t="s">
        <v>90</v>
      </c>
      <c r="JR5" s="503"/>
      <c r="JS5" s="503"/>
      <c r="JT5" s="503"/>
      <c r="JU5" s="503"/>
      <c r="JV5" s="503"/>
      <c r="JW5" s="503"/>
      <c r="JX5" s="503"/>
      <c r="JY5" s="503"/>
      <c r="JZ5" s="503"/>
      <c r="KA5" s="504"/>
      <c r="KB5" s="599" t="s">
        <v>89</v>
      </c>
      <c r="KC5" s="503"/>
      <c r="KD5" s="503"/>
      <c r="KE5" s="503"/>
      <c r="KF5" s="503"/>
      <c r="KG5" s="503"/>
      <c r="KH5" s="503"/>
      <c r="KI5" s="503"/>
      <c r="KJ5" s="503"/>
      <c r="KK5" s="503"/>
      <c r="KL5" s="504"/>
      <c r="KM5" s="599" t="s">
        <v>91</v>
      </c>
      <c r="KN5" s="503"/>
      <c r="KO5" s="503"/>
      <c r="KP5" s="503"/>
      <c r="KQ5" s="503"/>
      <c r="KR5" s="503"/>
      <c r="KS5" s="503"/>
      <c r="KT5" s="503"/>
      <c r="KU5" s="503"/>
      <c r="KV5" s="503"/>
      <c r="KW5" s="504"/>
      <c r="KX5" s="599" t="s">
        <v>92</v>
      </c>
      <c r="KY5" s="503"/>
      <c r="KZ5" s="503"/>
      <c r="LA5" s="503"/>
      <c r="LB5" s="503"/>
      <c r="LC5" s="503"/>
      <c r="LD5" s="503"/>
      <c r="LE5" s="503"/>
      <c r="LF5" s="503"/>
      <c r="LG5" s="503"/>
      <c r="LH5" s="504"/>
      <c r="LI5" s="668" t="s">
        <v>93</v>
      </c>
      <c r="LJ5" s="669"/>
      <c r="LK5" s="669"/>
      <c r="LL5" s="669"/>
      <c r="LM5" s="669"/>
      <c r="LN5" s="669"/>
      <c r="LO5" s="669"/>
      <c r="LP5" s="669"/>
      <c r="LQ5" s="669"/>
      <c r="LR5" s="669"/>
      <c r="LS5" s="670"/>
      <c r="LT5" s="671" t="s">
        <v>145</v>
      </c>
      <c r="LU5" s="672"/>
      <c r="LV5" s="672"/>
      <c r="LW5" s="672"/>
      <c r="LX5" s="672"/>
      <c r="LY5" s="672"/>
      <c r="LZ5" s="672"/>
      <c r="MA5" s="672"/>
      <c r="MB5" s="672"/>
      <c r="MC5" s="672"/>
      <c r="MD5" s="673"/>
      <c r="ME5" s="659"/>
      <c r="MF5" s="660"/>
      <c r="MG5" s="660"/>
      <c r="MH5" s="660"/>
      <c r="MI5" s="660"/>
      <c r="MJ5" s="660"/>
      <c r="MK5" s="660"/>
      <c r="ML5" s="660"/>
      <c r="MM5" s="660"/>
      <c r="MN5" s="660"/>
      <c r="MO5" s="661"/>
      <c r="MP5" s="599" t="s">
        <v>57</v>
      </c>
      <c r="MQ5" s="503"/>
      <c r="MR5" s="503"/>
      <c r="MS5" s="503"/>
      <c r="MT5" s="503"/>
      <c r="MU5" s="503"/>
      <c r="MV5" s="503"/>
      <c r="MW5" s="503"/>
      <c r="MX5" s="503"/>
      <c r="MY5" s="503"/>
      <c r="MZ5" s="504"/>
      <c r="NA5" s="599" t="s">
        <v>58</v>
      </c>
      <c r="NB5" s="503"/>
      <c r="NC5" s="503"/>
      <c r="ND5" s="503"/>
      <c r="NE5" s="503"/>
      <c r="NF5" s="503"/>
      <c r="NG5" s="503"/>
      <c r="NH5" s="503"/>
      <c r="NI5" s="503"/>
      <c r="NJ5" s="503"/>
      <c r="NK5" s="504"/>
      <c r="NL5" s="599" t="s">
        <v>59</v>
      </c>
      <c r="NM5" s="503"/>
      <c r="NN5" s="503"/>
      <c r="NO5" s="503"/>
      <c r="NP5" s="503"/>
      <c r="NQ5" s="503"/>
      <c r="NR5" s="503"/>
      <c r="NS5" s="503"/>
      <c r="NT5" s="503"/>
      <c r="NU5" s="503"/>
      <c r="NV5" s="504"/>
      <c r="NW5" s="649" t="s">
        <v>151</v>
      </c>
      <c r="NX5" s="650"/>
      <c r="NY5" s="650"/>
      <c r="NZ5" s="650"/>
      <c r="OA5" s="650"/>
      <c r="OB5" s="650"/>
      <c r="OC5" s="650"/>
      <c r="OD5" s="650"/>
      <c r="OE5" s="650"/>
      <c r="OF5" s="650"/>
      <c r="OG5" s="651"/>
      <c r="OH5" s="656"/>
      <c r="OI5" s="657"/>
      <c r="OJ5" s="657"/>
      <c r="OK5" s="657"/>
      <c r="OL5" s="657"/>
      <c r="OM5" s="657"/>
      <c r="ON5" s="657"/>
      <c r="OO5" s="657"/>
      <c r="OP5" s="657"/>
      <c r="OQ5" s="657"/>
      <c r="OR5" s="658"/>
    </row>
    <row r="6" spans="1:408" ht="18" customHeight="1" thickBot="1" x14ac:dyDescent="0.25">
      <c r="A6" s="623"/>
      <c r="B6" s="627"/>
      <c r="C6" s="627"/>
      <c r="D6" s="627"/>
      <c r="E6" s="627"/>
      <c r="F6" s="627"/>
      <c r="G6" s="627"/>
      <c r="H6" s="627"/>
      <c r="I6" s="627"/>
      <c r="J6" s="627"/>
      <c r="K6" s="627"/>
      <c r="L6" s="627"/>
      <c r="M6" s="600"/>
      <c r="N6" s="593"/>
      <c r="O6" s="593"/>
      <c r="P6" s="593"/>
      <c r="Q6" s="593"/>
      <c r="R6" s="593"/>
      <c r="S6" s="593"/>
      <c r="T6" s="593"/>
      <c r="U6" s="593"/>
      <c r="V6" s="593"/>
      <c r="W6" s="601"/>
      <c r="X6" s="602" t="s">
        <v>70</v>
      </c>
      <c r="Y6" s="603"/>
      <c r="Z6" s="603"/>
      <c r="AA6" s="603"/>
      <c r="AB6" s="603"/>
      <c r="AC6" s="603"/>
      <c r="AD6" s="603"/>
      <c r="AE6" s="603"/>
      <c r="AF6" s="603"/>
      <c r="AG6" s="603"/>
      <c r="AH6" s="604"/>
      <c r="AI6" s="619" t="s">
        <v>71</v>
      </c>
      <c r="AJ6" s="620"/>
      <c r="AK6" s="620"/>
      <c r="AL6" s="620"/>
      <c r="AM6" s="620"/>
      <c r="AN6" s="620"/>
      <c r="AO6" s="620"/>
      <c r="AP6" s="620"/>
      <c r="AQ6" s="620"/>
      <c r="AR6" s="620"/>
      <c r="AS6" s="621"/>
      <c r="AT6" s="615" t="s">
        <v>72</v>
      </c>
      <c r="AU6" s="616"/>
      <c r="AV6" s="616"/>
      <c r="AW6" s="616"/>
      <c r="AX6" s="616"/>
      <c r="AY6" s="616"/>
      <c r="AZ6" s="616"/>
      <c r="BA6" s="616"/>
      <c r="BB6" s="616"/>
      <c r="BC6" s="616"/>
      <c r="BD6" s="617"/>
      <c r="BE6" s="615" t="s">
        <v>73</v>
      </c>
      <c r="BF6" s="616"/>
      <c r="BG6" s="616"/>
      <c r="BH6" s="616"/>
      <c r="BI6" s="616"/>
      <c r="BJ6" s="616"/>
      <c r="BK6" s="616"/>
      <c r="BL6" s="616"/>
      <c r="BM6" s="616"/>
      <c r="BN6" s="616"/>
      <c r="BO6" s="617"/>
      <c r="BP6" s="615" t="s">
        <v>74</v>
      </c>
      <c r="BQ6" s="616"/>
      <c r="BR6" s="616"/>
      <c r="BS6" s="616"/>
      <c r="BT6" s="616"/>
      <c r="BU6" s="616"/>
      <c r="BV6" s="616"/>
      <c r="BW6" s="616"/>
      <c r="BX6" s="616"/>
      <c r="BY6" s="616"/>
      <c r="BZ6" s="617"/>
      <c r="CA6" s="612"/>
      <c r="CB6" s="613"/>
      <c r="CC6" s="613"/>
      <c r="CD6" s="613"/>
      <c r="CE6" s="613"/>
      <c r="CF6" s="613"/>
      <c r="CG6" s="613"/>
      <c r="CH6" s="613"/>
      <c r="CI6" s="613"/>
      <c r="CJ6" s="613"/>
      <c r="CK6" s="614"/>
      <c r="CL6" s="615" t="s">
        <v>75</v>
      </c>
      <c r="CM6" s="616"/>
      <c r="CN6" s="616"/>
      <c r="CO6" s="616"/>
      <c r="CP6" s="616"/>
      <c r="CQ6" s="616"/>
      <c r="CR6" s="616"/>
      <c r="CS6" s="616"/>
      <c r="CT6" s="616"/>
      <c r="CU6" s="616"/>
      <c r="CV6" s="617"/>
      <c r="CW6" s="615" t="s">
        <v>76</v>
      </c>
      <c r="CX6" s="616"/>
      <c r="CY6" s="616"/>
      <c r="CZ6" s="616"/>
      <c r="DA6" s="616"/>
      <c r="DB6" s="616"/>
      <c r="DC6" s="616"/>
      <c r="DD6" s="616"/>
      <c r="DE6" s="616"/>
      <c r="DF6" s="616"/>
      <c r="DG6" s="617"/>
      <c r="DH6" s="612"/>
      <c r="DI6" s="613"/>
      <c r="DJ6" s="613"/>
      <c r="DK6" s="613"/>
      <c r="DL6" s="613"/>
      <c r="DM6" s="613"/>
      <c r="DN6" s="613"/>
      <c r="DO6" s="613"/>
      <c r="DP6" s="613"/>
      <c r="DQ6" s="613"/>
      <c r="DR6" s="613"/>
      <c r="DS6" s="615" t="s">
        <v>77</v>
      </c>
      <c r="DT6" s="616"/>
      <c r="DU6" s="616"/>
      <c r="DV6" s="616"/>
      <c r="DW6" s="616"/>
      <c r="DX6" s="616"/>
      <c r="DY6" s="616"/>
      <c r="DZ6" s="616"/>
      <c r="EA6" s="616"/>
      <c r="EB6" s="616"/>
      <c r="EC6" s="617"/>
      <c r="ED6" s="615" t="s">
        <v>78</v>
      </c>
      <c r="EE6" s="616"/>
      <c r="EF6" s="616"/>
      <c r="EG6" s="616"/>
      <c r="EH6" s="616"/>
      <c r="EI6" s="616"/>
      <c r="EJ6" s="616"/>
      <c r="EK6" s="616"/>
      <c r="EL6" s="616"/>
      <c r="EM6" s="616"/>
      <c r="EN6" s="617"/>
      <c r="EO6" s="615" t="s">
        <v>79</v>
      </c>
      <c r="EP6" s="616"/>
      <c r="EQ6" s="616"/>
      <c r="ER6" s="616"/>
      <c r="ES6" s="616"/>
      <c r="ET6" s="616"/>
      <c r="EU6" s="616"/>
      <c r="EV6" s="616"/>
      <c r="EW6" s="616"/>
      <c r="EX6" s="616"/>
      <c r="EY6" s="617"/>
      <c r="EZ6" s="618" t="s">
        <v>152</v>
      </c>
      <c r="FA6" s="616"/>
      <c r="FB6" s="616"/>
      <c r="FC6" s="616"/>
      <c r="FD6" s="616"/>
      <c r="FE6" s="616"/>
      <c r="FF6" s="616"/>
      <c r="FG6" s="616"/>
      <c r="FH6" s="616"/>
      <c r="FI6" s="616"/>
      <c r="FJ6" s="617"/>
      <c r="FK6" s="612"/>
      <c r="FL6" s="613"/>
      <c r="FM6" s="613"/>
      <c r="FN6" s="613"/>
      <c r="FO6" s="613"/>
      <c r="FP6" s="613"/>
      <c r="FQ6" s="613"/>
      <c r="FR6" s="613"/>
      <c r="FS6" s="613"/>
      <c r="FT6" s="613"/>
      <c r="FU6" s="613"/>
      <c r="FV6" s="615" t="s">
        <v>80</v>
      </c>
      <c r="FW6" s="616"/>
      <c r="FX6" s="616"/>
      <c r="FY6" s="616"/>
      <c r="FZ6" s="616"/>
      <c r="GA6" s="616"/>
      <c r="GB6" s="616"/>
      <c r="GC6" s="616"/>
      <c r="GD6" s="616"/>
      <c r="GE6" s="616"/>
      <c r="GF6" s="617"/>
      <c r="GG6" s="602" t="s">
        <v>81</v>
      </c>
      <c r="GH6" s="603"/>
      <c r="GI6" s="603"/>
      <c r="GJ6" s="603"/>
      <c r="GK6" s="603"/>
      <c r="GL6" s="603"/>
      <c r="GM6" s="603"/>
      <c r="GN6" s="603"/>
      <c r="GO6" s="603"/>
      <c r="GP6" s="603"/>
      <c r="GQ6" s="604"/>
      <c r="GR6" s="602" t="s">
        <v>82</v>
      </c>
      <c r="GS6" s="603"/>
      <c r="GT6" s="603"/>
      <c r="GU6" s="603"/>
      <c r="GV6" s="603"/>
      <c r="GW6" s="603"/>
      <c r="GX6" s="603"/>
      <c r="GY6" s="603"/>
      <c r="GZ6" s="603"/>
      <c r="HA6" s="603"/>
      <c r="HB6" s="604"/>
      <c r="HC6" s="631"/>
      <c r="HD6" s="632"/>
      <c r="HE6" s="632"/>
      <c r="HF6" s="632"/>
      <c r="HG6" s="632"/>
      <c r="HH6" s="632"/>
      <c r="HI6" s="632"/>
      <c r="HJ6" s="632"/>
      <c r="HK6" s="632"/>
      <c r="HL6" s="632"/>
      <c r="HM6" s="633"/>
      <c r="HN6" s="631"/>
      <c r="HO6" s="632"/>
      <c r="HP6" s="632"/>
      <c r="HQ6" s="632"/>
      <c r="HR6" s="632"/>
      <c r="HS6" s="632"/>
      <c r="HT6" s="632"/>
      <c r="HU6" s="632"/>
      <c r="HV6" s="632"/>
      <c r="HW6" s="632"/>
      <c r="HX6" s="633"/>
      <c r="HY6" s="612"/>
      <c r="HZ6" s="613"/>
      <c r="IA6" s="613"/>
      <c r="IB6" s="613"/>
      <c r="IC6" s="613"/>
      <c r="ID6" s="613"/>
      <c r="IE6" s="613"/>
      <c r="IF6" s="613"/>
      <c r="IG6" s="613"/>
      <c r="IH6" s="613"/>
      <c r="II6" s="614"/>
      <c r="IJ6" s="600"/>
      <c r="IK6" s="593"/>
      <c r="IL6" s="593"/>
      <c r="IM6" s="593"/>
      <c r="IN6" s="593"/>
      <c r="IO6" s="593"/>
      <c r="IP6" s="593"/>
      <c r="IQ6" s="593"/>
      <c r="IR6" s="593"/>
      <c r="IS6" s="593"/>
      <c r="IT6" s="601"/>
      <c r="IU6" s="600"/>
      <c r="IV6" s="593"/>
      <c r="IW6" s="593"/>
      <c r="IX6" s="593"/>
      <c r="IY6" s="593"/>
      <c r="IZ6" s="593"/>
      <c r="JA6" s="593"/>
      <c r="JB6" s="593"/>
      <c r="JC6" s="593"/>
      <c r="JD6" s="593"/>
      <c r="JE6" s="601"/>
      <c r="JF6" s="665"/>
      <c r="JG6" s="666"/>
      <c r="JH6" s="666"/>
      <c r="JI6" s="666"/>
      <c r="JJ6" s="666"/>
      <c r="JK6" s="666"/>
      <c r="JL6" s="666"/>
      <c r="JM6" s="666"/>
      <c r="JN6" s="666"/>
      <c r="JO6" s="666"/>
      <c r="JP6" s="667"/>
      <c r="JQ6" s="600"/>
      <c r="JR6" s="593"/>
      <c r="JS6" s="593"/>
      <c r="JT6" s="593"/>
      <c r="JU6" s="593"/>
      <c r="JV6" s="593"/>
      <c r="JW6" s="593"/>
      <c r="JX6" s="593"/>
      <c r="JY6" s="593"/>
      <c r="JZ6" s="593"/>
      <c r="KA6" s="601"/>
      <c r="KB6" s="600"/>
      <c r="KC6" s="593"/>
      <c r="KD6" s="593"/>
      <c r="KE6" s="593"/>
      <c r="KF6" s="593"/>
      <c r="KG6" s="593"/>
      <c r="KH6" s="593"/>
      <c r="KI6" s="593"/>
      <c r="KJ6" s="593"/>
      <c r="KK6" s="593"/>
      <c r="KL6" s="601"/>
      <c r="KM6" s="600"/>
      <c r="KN6" s="593"/>
      <c r="KO6" s="593"/>
      <c r="KP6" s="593"/>
      <c r="KQ6" s="593"/>
      <c r="KR6" s="593"/>
      <c r="KS6" s="593"/>
      <c r="KT6" s="593"/>
      <c r="KU6" s="593"/>
      <c r="KV6" s="593"/>
      <c r="KW6" s="601"/>
      <c r="KX6" s="600"/>
      <c r="KY6" s="593"/>
      <c r="KZ6" s="593"/>
      <c r="LA6" s="593"/>
      <c r="LB6" s="593"/>
      <c r="LC6" s="593"/>
      <c r="LD6" s="593"/>
      <c r="LE6" s="593"/>
      <c r="LF6" s="593"/>
      <c r="LG6" s="593"/>
      <c r="LH6" s="601"/>
      <c r="LI6" s="612"/>
      <c r="LJ6" s="613"/>
      <c r="LK6" s="613"/>
      <c r="LL6" s="613"/>
      <c r="LM6" s="613"/>
      <c r="LN6" s="613"/>
      <c r="LO6" s="613"/>
      <c r="LP6" s="613"/>
      <c r="LQ6" s="613"/>
      <c r="LR6" s="613"/>
      <c r="LS6" s="614"/>
      <c r="LT6" s="674"/>
      <c r="LU6" s="675"/>
      <c r="LV6" s="675"/>
      <c r="LW6" s="675"/>
      <c r="LX6" s="675"/>
      <c r="LY6" s="675"/>
      <c r="LZ6" s="675"/>
      <c r="MA6" s="675"/>
      <c r="MB6" s="675"/>
      <c r="MC6" s="675"/>
      <c r="MD6" s="676"/>
      <c r="ME6" s="612"/>
      <c r="MF6" s="613"/>
      <c r="MG6" s="613"/>
      <c r="MH6" s="613"/>
      <c r="MI6" s="613"/>
      <c r="MJ6" s="613"/>
      <c r="MK6" s="613"/>
      <c r="ML6" s="613"/>
      <c r="MM6" s="613"/>
      <c r="MN6" s="613"/>
      <c r="MO6" s="614"/>
      <c r="MP6" s="600"/>
      <c r="MQ6" s="593"/>
      <c r="MR6" s="593"/>
      <c r="MS6" s="593"/>
      <c r="MT6" s="593"/>
      <c r="MU6" s="593"/>
      <c r="MV6" s="593"/>
      <c r="MW6" s="593"/>
      <c r="MX6" s="593"/>
      <c r="MY6" s="593"/>
      <c r="MZ6" s="601"/>
      <c r="NA6" s="600"/>
      <c r="NB6" s="593"/>
      <c r="NC6" s="593"/>
      <c r="ND6" s="593"/>
      <c r="NE6" s="593"/>
      <c r="NF6" s="593"/>
      <c r="NG6" s="593"/>
      <c r="NH6" s="593"/>
      <c r="NI6" s="593"/>
      <c r="NJ6" s="593"/>
      <c r="NK6" s="601"/>
      <c r="NL6" s="600"/>
      <c r="NM6" s="593"/>
      <c r="NN6" s="593"/>
      <c r="NO6" s="593"/>
      <c r="NP6" s="593"/>
      <c r="NQ6" s="593"/>
      <c r="NR6" s="593"/>
      <c r="NS6" s="593"/>
      <c r="NT6" s="593"/>
      <c r="NU6" s="593"/>
      <c r="NV6" s="601"/>
      <c r="NW6" s="652"/>
      <c r="NX6" s="653"/>
      <c r="NY6" s="653"/>
      <c r="NZ6" s="653"/>
      <c r="OA6" s="653"/>
      <c r="OB6" s="653"/>
      <c r="OC6" s="653"/>
      <c r="OD6" s="653"/>
      <c r="OE6" s="653"/>
      <c r="OF6" s="653"/>
      <c r="OG6" s="654"/>
      <c r="OH6" s="600"/>
      <c r="OI6" s="593"/>
      <c r="OJ6" s="593"/>
      <c r="OK6" s="593"/>
      <c r="OL6" s="593"/>
      <c r="OM6" s="593"/>
      <c r="ON6" s="593"/>
      <c r="OO6" s="593"/>
      <c r="OP6" s="593"/>
      <c r="OQ6" s="593"/>
      <c r="OR6" s="601"/>
    </row>
    <row r="7" spans="1:408" ht="18" customHeight="1" x14ac:dyDescent="0.2">
      <c r="A7" s="623"/>
      <c r="B7" s="585" t="s">
        <v>61</v>
      </c>
      <c r="C7" s="585"/>
      <c r="D7" s="585"/>
      <c r="E7" s="584" t="s">
        <v>62</v>
      </c>
      <c r="F7" s="585"/>
      <c r="G7" s="585"/>
      <c r="H7" s="585"/>
      <c r="I7" s="585"/>
      <c r="J7" s="585"/>
      <c r="K7" s="585"/>
      <c r="L7" s="584" t="s">
        <v>52</v>
      </c>
      <c r="M7" s="637" t="s">
        <v>61</v>
      </c>
      <c r="N7" s="585"/>
      <c r="O7" s="585"/>
      <c r="P7" s="584" t="s">
        <v>62</v>
      </c>
      <c r="Q7" s="585"/>
      <c r="R7" s="585"/>
      <c r="S7" s="585"/>
      <c r="T7" s="585"/>
      <c r="U7" s="585"/>
      <c r="V7" s="586"/>
      <c r="W7" s="634" t="s">
        <v>52</v>
      </c>
      <c r="X7" s="600" t="s">
        <v>61</v>
      </c>
      <c r="Y7" s="593"/>
      <c r="Z7" s="594"/>
      <c r="AA7" s="592" t="s">
        <v>62</v>
      </c>
      <c r="AB7" s="593"/>
      <c r="AC7" s="593"/>
      <c r="AD7" s="593"/>
      <c r="AE7" s="593"/>
      <c r="AF7" s="593"/>
      <c r="AG7" s="594"/>
      <c r="AH7" s="601" t="s">
        <v>52</v>
      </c>
      <c r="AI7" s="581" t="s">
        <v>61</v>
      </c>
      <c r="AJ7" s="582"/>
      <c r="AK7" s="583"/>
      <c r="AL7" s="640" t="s">
        <v>62</v>
      </c>
      <c r="AM7" s="582"/>
      <c r="AN7" s="582"/>
      <c r="AO7" s="582"/>
      <c r="AP7" s="582"/>
      <c r="AQ7" s="582"/>
      <c r="AR7" s="641"/>
      <c r="AS7" s="642" t="s">
        <v>52</v>
      </c>
      <c r="AT7" s="589" t="s">
        <v>61</v>
      </c>
      <c r="AU7" s="590"/>
      <c r="AV7" s="591"/>
      <c r="AW7" s="638" t="s">
        <v>62</v>
      </c>
      <c r="AX7" s="590"/>
      <c r="AY7" s="590"/>
      <c r="AZ7" s="590"/>
      <c r="BA7" s="590"/>
      <c r="BB7" s="590"/>
      <c r="BC7" s="639"/>
      <c r="BD7" s="601" t="s">
        <v>52</v>
      </c>
      <c r="BE7" s="589" t="s">
        <v>61</v>
      </c>
      <c r="BF7" s="590"/>
      <c r="BG7" s="591"/>
      <c r="BH7" s="638" t="s">
        <v>62</v>
      </c>
      <c r="BI7" s="590"/>
      <c r="BJ7" s="590"/>
      <c r="BK7" s="590"/>
      <c r="BL7" s="590"/>
      <c r="BM7" s="590"/>
      <c r="BN7" s="639"/>
      <c r="BO7" s="601" t="s">
        <v>52</v>
      </c>
      <c r="BP7" s="589" t="s">
        <v>61</v>
      </c>
      <c r="BQ7" s="590"/>
      <c r="BR7" s="591"/>
      <c r="BS7" s="638" t="s">
        <v>62</v>
      </c>
      <c r="BT7" s="590"/>
      <c r="BU7" s="590"/>
      <c r="BV7" s="590"/>
      <c r="BW7" s="590"/>
      <c r="BX7" s="590"/>
      <c r="BY7" s="639"/>
      <c r="BZ7" s="601" t="s">
        <v>52</v>
      </c>
      <c r="CA7" s="581" t="s">
        <v>61</v>
      </c>
      <c r="CB7" s="582"/>
      <c r="CC7" s="583"/>
      <c r="CD7" s="640" t="s">
        <v>62</v>
      </c>
      <c r="CE7" s="582"/>
      <c r="CF7" s="582"/>
      <c r="CG7" s="582"/>
      <c r="CH7" s="582"/>
      <c r="CI7" s="582"/>
      <c r="CJ7" s="641"/>
      <c r="CK7" s="634" t="s">
        <v>52</v>
      </c>
      <c r="CL7" s="589" t="s">
        <v>61</v>
      </c>
      <c r="CM7" s="590"/>
      <c r="CN7" s="639"/>
      <c r="CO7" s="638" t="s">
        <v>62</v>
      </c>
      <c r="CP7" s="590"/>
      <c r="CQ7" s="590"/>
      <c r="CR7" s="590"/>
      <c r="CS7" s="590"/>
      <c r="CT7" s="590"/>
      <c r="CU7" s="639"/>
      <c r="CV7" s="647" t="s">
        <v>52</v>
      </c>
      <c r="CW7" s="589" t="s">
        <v>61</v>
      </c>
      <c r="CX7" s="590"/>
      <c r="CY7" s="639"/>
      <c r="CZ7" s="638" t="s">
        <v>62</v>
      </c>
      <c r="DA7" s="590"/>
      <c r="DB7" s="590"/>
      <c r="DC7" s="590"/>
      <c r="DD7" s="590"/>
      <c r="DE7" s="590"/>
      <c r="DF7" s="639"/>
      <c r="DG7" s="647" t="s">
        <v>52</v>
      </c>
      <c r="DH7" s="581" t="s">
        <v>61</v>
      </c>
      <c r="DI7" s="582"/>
      <c r="DJ7" s="641"/>
      <c r="DK7" s="640" t="s">
        <v>62</v>
      </c>
      <c r="DL7" s="582"/>
      <c r="DM7" s="582"/>
      <c r="DN7" s="582"/>
      <c r="DO7" s="582"/>
      <c r="DP7" s="582"/>
      <c r="DQ7" s="641"/>
      <c r="DR7" s="634" t="s">
        <v>52</v>
      </c>
      <c r="DS7" s="589" t="s">
        <v>61</v>
      </c>
      <c r="DT7" s="590"/>
      <c r="DU7" s="591"/>
      <c r="DV7" s="638" t="s">
        <v>62</v>
      </c>
      <c r="DW7" s="590"/>
      <c r="DX7" s="590"/>
      <c r="DY7" s="590"/>
      <c r="DZ7" s="590"/>
      <c r="EA7" s="590"/>
      <c r="EB7" s="639"/>
      <c r="EC7" s="601" t="s">
        <v>52</v>
      </c>
      <c r="ED7" s="589" t="s">
        <v>61</v>
      </c>
      <c r="EE7" s="590"/>
      <c r="EF7" s="591"/>
      <c r="EG7" s="638" t="s">
        <v>62</v>
      </c>
      <c r="EH7" s="590"/>
      <c r="EI7" s="590"/>
      <c r="EJ7" s="590"/>
      <c r="EK7" s="590"/>
      <c r="EL7" s="590"/>
      <c r="EM7" s="639"/>
      <c r="EN7" s="601" t="s">
        <v>52</v>
      </c>
      <c r="EO7" s="589" t="s">
        <v>61</v>
      </c>
      <c r="EP7" s="590"/>
      <c r="EQ7" s="591"/>
      <c r="ER7" s="638" t="s">
        <v>62</v>
      </c>
      <c r="ES7" s="590"/>
      <c r="ET7" s="590"/>
      <c r="EU7" s="590"/>
      <c r="EV7" s="590"/>
      <c r="EW7" s="590"/>
      <c r="EX7" s="639"/>
      <c r="EY7" s="601" t="s">
        <v>52</v>
      </c>
      <c r="EZ7" s="589" t="s">
        <v>61</v>
      </c>
      <c r="FA7" s="590"/>
      <c r="FB7" s="591"/>
      <c r="FC7" s="638" t="s">
        <v>62</v>
      </c>
      <c r="FD7" s="590"/>
      <c r="FE7" s="590"/>
      <c r="FF7" s="590"/>
      <c r="FG7" s="590"/>
      <c r="FH7" s="590"/>
      <c r="FI7" s="639"/>
      <c r="FJ7" s="601" t="s">
        <v>52</v>
      </c>
      <c r="FK7" s="581" t="s">
        <v>61</v>
      </c>
      <c r="FL7" s="582"/>
      <c r="FM7" s="583"/>
      <c r="FN7" s="640" t="s">
        <v>62</v>
      </c>
      <c r="FO7" s="582"/>
      <c r="FP7" s="582"/>
      <c r="FQ7" s="582"/>
      <c r="FR7" s="582"/>
      <c r="FS7" s="582"/>
      <c r="FT7" s="641"/>
      <c r="FU7" s="585" t="s">
        <v>52</v>
      </c>
      <c r="FV7" s="589" t="s">
        <v>61</v>
      </c>
      <c r="FW7" s="590"/>
      <c r="FX7" s="591"/>
      <c r="FY7" s="638" t="s">
        <v>62</v>
      </c>
      <c r="FZ7" s="590"/>
      <c r="GA7" s="590"/>
      <c r="GB7" s="590"/>
      <c r="GC7" s="590"/>
      <c r="GD7" s="590"/>
      <c r="GE7" s="639"/>
      <c r="GF7" s="601" t="s">
        <v>52</v>
      </c>
      <c r="GG7" s="600" t="s">
        <v>61</v>
      </c>
      <c r="GH7" s="593"/>
      <c r="GI7" s="593"/>
      <c r="GJ7" s="592" t="s">
        <v>62</v>
      </c>
      <c r="GK7" s="593"/>
      <c r="GL7" s="593"/>
      <c r="GM7" s="593"/>
      <c r="GN7" s="593"/>
      <c r="GO7" s="593"/>
      <c r="GP7" s="594"/>
      <c r="GQ7" s="643" t="s">
        <v>52</v>
      </c>
      <c r="GR7" s="600" t="s">
        <v>61</v>
      </c>
      <c r="GS7" s="593"/>
      <c r="GT7" s="594"/>
      <c r="GU7" s="592" t="s">
        <v>62</v>
      </c>
      <c r="GV7" s="593"/>
      <c r="GW7" s="593"/>
      <c r="GX7" s="593"/>
      <c r="GY7" s="593"/>
      <c r="GZ7" s="593"/>
      <c r="HA7" s="594"/>
      <c r="HB7" s="643" t="s">
        <v>52</v>
      </c>
      <c r="HC7" s="589" t="s">
        <v>61</v>
      </c>
      <c r="HD7" s="590"/>
      <c r="HE7" s="591"/>
      <c r="HF7" s="638" t="s">
        <v>62</v>
      </c>
      <c r="HG7" s="590"/>
      <c r="HH7" s="590"/>
      <c r="HI7" s="590"/>
      <c r="HJ7" s="590"/>
      <c r="HK7" s="590"/>
      <c r="HL7" s="639"/>
      <c r="HM7" s="601" t="s">
        <v>52</v>
      </c>
      <c r="HN7" s="589" t="s">
        <v>61</v>
      </c>
      <c r="HO7" s="590"/>
      <c r="HP7" s="591"/>
      <c r="HQ7" s="638" t="s">
        <v>62</v>
      </c>
      <c r="HR7" s="590"/>
      <c r="HS7" s="590"/>
      <c r="HT7" s="590"/>
      <c r="HU7" s="590"/>
      <c r="HV7" s="590"/>
      <c r="HW7" s="639"/>
      <c r="HX7" s="601" t="s">
        <v>52</v>
      </c>
      <c r="HY7" s="581" t="s">
        <v>61</v>
      </c>
      <c r="HZ7" s="582"/>
      <c r="IA7" s="583"/>
      <c r="IB7" s="640" t="s">
        <v>62</v>
      </c>
      <c r="IC7" s="582"/>
      <c r="ID7" s="582"/>
      <c r="IE7" s="582"/>
      <c r="IF7" s="582"/>
      <c r="IG7" s="582"/>
      <c r="IH7" s="641"/>
      <c r="II7" s="585" t="s">
        <v>52</v>
      </c>
      <c r="IJ7" s="589" t="s">
        <v>61</v>
      </c>
      <c r="IK7" s="590"/>
      <c r="IL7" s="591"/>
      <c r="IM7" s="638" t="s">
        <v>62</v>
      </c>
      <c r="IN7" s="590"/>
      <c r="IO7" s="590"/>
      <c r="IP7" s="590"/>
      <c r="IQ7" s="590"/>
      <c r="IR7" s="590"/>
      <c r="IS7" s="639"/>
      <c r="IT7" s="601" t="s">
        <v>52</v>
      </c>
      <c r="IU7" s="589" t="s">
        <v>61</v>
      </c>
      <c r="IV7" s="590"/>
      <c r="IW7" s="639"/>
      <c r="IX7" s="638" t="s">
        <v>62</v>
      </c>
      <c r="IY7" s="590"/>
      <c r="IZ7" s="590"/>
      <c r="JA7" s="590"/>
      <c r="JB7" s="590"/>
      <c r="JC7" s="590"/>
      <c r="JD7" s="639"/>
      <c r="JE7" s="601" t="s">
        <v>52</v>
      </c>
      <c r="JF7" s="589" t="s">
        <v>61</v>
      </c>
      <c r="JG7" s="590"/>
      <c r="JH7" s="591"/>
      <c r="JI7" s="638" t="s">
        <v>62</v>
      </c>
      <c r="JJ7" s="590"/>
      <c r="JK7" s="590"/>
      <c r="JL7" s="590"/>
      <c r="JM7" s="590"/>
      <c r="JN7" s="590"/>
      <c r="JO7" s="639"/>
      <c r="JP7" s="647" t="s">
        <v>52</v>
      </c>
      <c r="JQ7" s="589" t="s">
        <v>61</v>
      </c>
      <c r="JR7" s="590"/>
      <c r="JS7" s="591"/>
      <c r="JT7" s="638" t="s">
        <v>62</v>
      </c>
      <c r="JU7" s="590"/>
      <c r="JV7" s="590"/>
      <c r="JW7" s="590"/>
      <c r="JX7" s="590"/>
      <c r="JY7" s="590"/>
      <c r="JZ7" s="639"/>
      <c r="KA7" s="647" t="s">
        <v>52</v>
      </c>
      <c r="KB7" s="589" t="s">
        <v>61</v>
      </c>
      <c r="KC7" s="590"/>
      <c r="KD7" s="591"/>
      <c r="KE7" s="638" t="s">
        <v>62</v>
      </c>
      <c r="KF7" s="590"/>
      <c r="KG7" s="590"/>
      <c r="KH7" s="590"/>
      <c r="KI7" s="590"/>
      <c r="KJ7" s="590"/>
      <c r="KK7" s="639"/>
      <c r="KL7" s="647" t="s">
        <v>52</v>
      </c>
      <c r="KM7" s="589" t="s">
        <v>61</v>
      </c>
      <c r="KN7" s="590"/>
      <c r="KO7" s="591"/>
      <c r="KP7" s="638" t="s">
        <v>62</v>
      </c>
      <c r="KQ7" s="590"/>
      <c r="KR7" s="590"/>
      <c r="KS7" s="590"/>
      <c r="KT7" s="590"/>
      <c r="KU7" s="590"/>
      <c r="KV7" s="639"/>
      <c r="KW7" s="647" t="s">
        <v>52</v>
      </c>
      <c r="KX7" s="589" t="s">
        <v>61</v>
      </c>
      <c r="KY7" s="590"/>
      <c r="KZ7" s="591"/>
      <c r="LA7" s="638" t="s">
        <v>62</v>
      </c>
      <c r="LB7" s="590"/>
      <c r="LC7" s="590"/>
      <c r="LD7" s="590"/>
      <c r="LE7" s="590"/>
      <c r="LF7" s="590"/>
      <c r="LG7" s="639"/>
      <c r="LH7" s="647" t="s">
        <v>52</v>
      </c>
      <c r="LI7" s="589" t="s">
        <v>61</v>
      </c>
      <c r="LJ7" s="590"/>
      <c r="LK7" s="591"/>
      <c r="LL7" s="638" t="s">
        <v>62</v>
      </c>
      <c r="LM7" s="590"/>
      <c r="LN7" s="590"/>
      <c r="LO7" s="590"/>
      <c r="LP7" s="590"/>
      <c r="LQ7" s="590"/>
      <c r="LR7" s="639"/>
      <c r="LS7" s="647" t="s">
        <v>52</v>
      </c>
      <c r="LT7" s="589" t="s">
        <v>61</v>
      </c>
      <c r="LU7" s="590"/>
      <c r="LV7" s="591"/>
      <c r="LW7" s="638" t="s">
        <v>62</v>
      </c>
      <c r="LX7" s="590"/>
      <c r="LY7" s="590"/>
      <c r="LZ7" s="590"/>
      <c r="MA7" s="590"/>
      <c r="MB7" s="590"/>
      <c r="MC7" s="639"/>
      <c r="MD7" s="647" t="s">
        <v>52</v>
      </c>
      <c r="ME7" s="581" t="s">
        <v>61</v>
      </c>
      <c r="MF7" s="582"/>
      <c r="MG7" s="583"/>
      <c r="MH7" s="640" t="s">
        <v>62</v>
      </c>
      <c r="MI7" s="582"/>
      <c r="MJ7" s="582"/>
      <c r="MK7" s="582"/>
      <c r="ML7" s="582"/>
      <c r="MM7" s="582"/>
      <c r="MN7" s="641"/>
      <c r="MO7" s="634" t="s">
        <v>52</v>
      </c>
      <c r="MP7" s="589" t="s">
        <v>61</v>
      </c>
      <c r="MQ7" s="590"/>
      <c r="MR7" s="591"/>
      <c r="MS7" s="638" t="s">
        <v>62</v>
      </c>
      <c r="MT7" s="590"/>
      <c r="MU7" s="590"/>
      <c r="MV7" s="590"/>
      <c r="MW7" s="590"/>
      <c r="MX7" s="590"/>
      <c r="MY7" s="639"/>
      <c r="MZ7" s="647" t="s">
        <v>52</v>
      </c>
      <c r="NA7" s="589" t="s">
        <v>61</v>
      </c>
      <c r="NB7" s="590"/>
      <c r="NC7" s="591"/>
      <c r="ND7" s="638" t="s">
        <v>62</v>
      </c>
      <c r="NE7" s="590"/>
      <c r="NF7" s="590"/>
      <c r="NG7" s="590"/>
      <c r="NH7" s="590"/>
      <c r="NI7" s="590"/>
      <c r="NJ7" s="639"/>
      <c r="NK7" s="647" t="s">
        <v>52</v>
      </c>
      <c r="NL7" s="589" t="s">
        <v>61</v>
      </c>
      <c r="NM7" s="590"/>
      <c r="NN7" s="591"/>
      <c r="NO7" s="638" t="s">
        <v>62</v>
      </c>
      <c r="NP7" s="590"/>
      <c r="NQ7" s="590"/>
      <c r="NR7" s="590"/>
      <c r="NS7" s="590"/>
      <c r="NT7" s="590"/>
      <c r="NU7" s="639"/>
      <c r="NV7" s="647" t="s">
        <v>52</v>
      </c>
      <c r="NW7" s="589" t="s">
        <v>61</v>
      </c>
      <c r="NX7" s="590"/>
      <c r="NY7" s="591"/>
      <c r="NZ7" s="638" t="s">
        <v>62</v>
      </c>
      <c r="OA7" s="590"/>
      <c r="OB7" s="590"/>
      <c r="OC7" s="590"/>
      <c r="OD7" s="590"/>
      <c r="OE7" s="590"/>
      <c r="OF7" s="639"/>
      <c r="OG7" s="647" t="s">
        <v>52</v>
      </c>
      <c r="OH7" s="581" t="s">
        <v>61</v>
      </c>
      <c r="OI7" s="582"/>
      <c r="OJ7" s="583"/>
      <c r="OK7" s="640" t="s">
        <v>62</v>
      </c>
      <c r="OL7" s="582"/>
      <c r="OM7" s="582"/>
      <c r="ON7" s="582"/>
      <c r="OO7" s="582"/>
      <c r="OP7" s="582"/>
      <c r="OQ7" s="641"/>
      <c r="OR7" s="634" t="s">
        <v>52</v>
      </c>
    </row>
    <row r="8" spans="1:408" ht="28.5" customHeight="1" thickBot="1" x14ac:dyDescent="0.25">
      <c r="A8" s="624"/>
      <c r="B8" s="65" t="s">
        <v>43</v>
      </c>
      <c r="C8" s="16" t="s">
        <v>44</v>
      </c>
      <c r="D8" s="41" t="s">
        <v>45</v>
      </c>
      <c r="E8" s="42" t="s">
        <v>83</v>
      </c>
      <c r="F8" s="16" t="s">
        <v>47</v>
      </c>
      <c r="G8" s="16" t="s">
        <v>48</v>
      </c>
      <c r="H8" s="16" t="s">
        <v>49</v>
      </c>
      <c r="I8" s="16" t="s">
        <v>50</v>
      </c>
      <c r="J8" s="16" t="s">
        <v>51</v>
      </c>
      <c r="K8" s="17" t="s">
        <v>45</v>
      </c>
      <c r="L8" s="636"/>
      <c r="M8" s="40" t="s">
        <v>43</v>
      </c>
      <c r="N8" s="16" t="s">
        <v>44</v>
      </c>
      <c r="O8" s="17" t="s">
        <v>45</v>
      </c>
      <c r="P8" s="42" t="s">
        <v>83</v>
      </c>
      <c r="Q8" s="16" t="s">
        <v>47</v>
      </c>
      <c r="R8" s="16" t="s">
        <v>48</v>
      </c>
      <c r="S8" s="16" t="s">
        <v>49</v>
      </c>
      <c r="T8" s="16" t="s">
        <v>50</v>
      </c>
      <c r="U8" s="16" t="s">
        <v>51</v>
      </c>
      <c r="V8" s="17" t="s">
        <v>45</v>
      </c>
      <c r="W8" s="635"/>
      <c r="X8" s="40" t="s">
        <v>43</v>
      </c>
      <c r="Y8" s="16" t="s">
        <v>44</v>
      </c>
      <c r="Z8" s="17" t="s">
        <v>45</v>
      </c>
      <c r="AA8" s="42" t="s">
        <v>83</v>
      </c>
      <c r="AB8" s="16" t="s">
        <v>47</v>
      </c>
      <c r="AC8" s="16" t="s">
        <v>48</v>
      </c>
      <c r="AD8" s="16" t="s">
        <v>49</v>
      </c>
      <c r="AE8" s="16" t="s">
        <v>50</v>
      </c>
      <c r="AF8" s="16" t="s">
        <v>51</v>
      </c>
      <c r="AG8" s="17" t="s">
        <v>45</v>
      </c>
      <c r="AH8" s="607"/>
      <c r="AI8" s="40" t="s">
        <v>43</v>
      </c>
      <c r="AJ8" s="16" t="s">
        <v>44</v>
      </c>
      <c r="AK8" s="41" t="s">
        <v>45</v>
      </c>
      <c r="AL8" s="42" t="s">
        <v>83</v>
      </c>
      <c r="AM8" s="16" t="s">
        <v>47</v>
      </c>
      <c r="AN8" s="16" t="s">
        <v>48</v>
      </c>
      <c r="AO8" s="16" t="s">
        <v>49</v>
      </c>
      <c r="AP8" s="16" t="s">
        <v>50</v>
      </c>
      <c r="AQ8" s="16" t="s">
        <v>51</v>
      </c>
      <c r="AR8" s="17" t="s">
        <v>45</v>
      </c>
      <c r="AS8" s="607"/>
      <c r="AT8" s="40" t="s">
        <v>43</v>
      </c>
      <c r="AU8" s="16" t="s">
        <v>44</v>
      </c>
      <c r="AV8" s="41" t="s">
        <v>45</v>
      </c>
      <c r="AW8" s="42" t="s">
        <v>83</v>
      </c>
      <c r="AX8" s="16" t="s">
        <v>47</v>
      </c>
      <c r="AY8" s="16" t="s">
        <v>48</v>
      </c>
      <c r="AZ8" s="16" t="s">
        <v>49</v>
      </c>
      <c r="BA8" s="16" t="s">
        <v>50</v>
      </c>
      <c r="BB8" s="16" t="s">
        <v>51</v>
      </c>
      <c r="BC8" s="17" t="s">
        <v>45</v>
      </c>
      <c r="BD8" s="607"/>
      <c r="BE8" s="61" t="s">
        <v>43</v>
      </c>
      <c r="BF8" s="16" t="s">
        <v>44</v>
      </c>
      <c r="BG8" s="41" t="s">
        <v>45</v>
      </c>
      <c r="BH8" s="42" t="s">
        <v>83</v>
      </c>
      <c r="BI8" s="16" t="s">
        <v>47</v>
      </c>
      <c r="BJ8" s="16" t="s">
        <v>48</v>
      </c>
      <c r="BK8" s="16" t="s">
        <v>49</v>
      </c>
      <c r="BL8" s="16" t="s">
        <v>50</v>
      </c>
      <c r="BM8" s="16" t="s">
        <v>51</v>
      </c>
      <c r="BN8" s="17" t="s">
        <v>45</v>
      </c>
      <c r="BO8" s="607"/>
      <c r="BP8" s="40" t="s">
        <v>43</v>
      </c>
      <c r="BQ8" s="16" t="s">
        <v>44</v>
      </c>
      <c r="BR8" s="41" t="s">
        <v>45</v>
      </c>
      <c r="BS8" s="42" t="s">
        <v>83</v>
      </c>
      <c r="BT8" s="16" t="s">
        <v>47</v>
      </c>
      <c r="BU8" s="16" t="s">
        <v>48</v>
      </c>
      <c r="BV8" s="16" t="s">
        <v>49</v>
      </c>
      <c r="BW8" s="16" t="s">
        <v>50</v>
      </c>
      <c r="BX8" s="16" t="s">
        <v>51</v>
      </c>
      <c r="BY8" s="17" t="s">
        <v>45</v>
      </c>
      <c r="BZ8" s="607"/>
      <c r="CA8" s="40" t="s">
        <v>43</v>
      </c>
      <c r="CB8" s="16" t="s">
        <v>44</v>
      </c>
      <c r="CC8" s="41" t="s">
        <v>45</v>
      </c>
      <c r="CD8" s="42" t="s">
        <v>83</v>
      </c>
      <c r="CE8" s="16" t="s">
        <v>47</v>
      </c>
      <c r="CF8" s="16" t="s">
        <v>48</v>
      </c>
      <c r="CG8" s="16" t="s">
        <v>49</v>
      </c>
      <c r="CH8" s="16" t="s">
        <v>50</v>
      </c>
      <c r="CI8" s="16" t="s">
        <v>51</v>
      </c>
      <c r="CJ8" s="17" t="s">
        <v>45</v>
      </c>
      <c r="CK8" s="635"/>
      <c r="CL8" s="40" t="s">
        <v>43</v>
      </c>
      <c r="CM8" s="16" t="s">
        <v>44</v>
      </c>
      <c r="CN8" s="17" t="s">
        <v>45</v>
      </c>
      <c r="CO8" s="42" t="s">
        <v>83</v>
      </c>
      <c r="CP8" s="16" t="s">
        <v>47</v>
      </c>
      <c r="CQ8" s="16" t="s">
        <v>48</v>
      </c>
      <c r="CR8" s="16" t="s">
        <v>49</v>
      </c>
      <c r="CS8" s="16" t="s">
        <v>50</v>
      </c>
      <c r="CT8" s="16" t="s">
        <v>51</v>
      </c>
      <c r="CU8" s="17" t="s">
        <v>45</v>
      </c>
      <c r="CV8" s="635"/>
      <c r="CW8" s="40" t="s">
        <v>43</v>
      </c>
      <c r="CX8" s="16" t="s">
        <v>44</v>
      </c>
      <c r="CY8" s="17" t="s">
        <v>45</v>
      </c>
      <c r="CZ8" s="42" t="s">
        <v>83</v>
      </c>
      <c r="DA8" s="16" t="s">
        <v>47</v>
      </c>
      <c r="DB8" s="16" t="s">
        <v>48</v>
      </c>
      <c r="DC8" s="16" t="s">
        <v>49</v>
      </c>
      <c r="DD8" s="16" t="s">
        <v>50</v>
      </c>
      <c r="DE8" s="16" t="s">
        <v>51</v>
      </c>
      <c r="DF8" s="17" t="s">
        <v>45</v>
      </c>
      <c r="DG8" s="635"/>
      <c r="DH8" s="40" t="s">
        <v>43</v>
      </c>
      <c r="DI8" s="16" t="s">
        <v>44</v>
      </c>
      <c r="DJ8" s="17" t="s">
        <v>45</v>
      </c>
      <c r="DK8" s="42" t="s">
        <v>83</v>
      </c>
      <c r="DL8" s="16" t="s">
        <v>47</v>
      </c>
      <c r="DM8" s="16" t="s">
        <v>48</v>
      </c>
      <c r="DN8" s="16" t="s">
        <v>49</v>
      </c>
      <c r="DO8" s="16" t="s">
        <v>50</v>
      </c>
      <c r="DP8" s="16" t="s">
        <v>51</v>
      </c>
      <c r="DQ8" s="17" t="s">
        <v>45</v>
      </c>
      <c r="DR8" s="635"/>
      <c r="DS8" s="40" t="s">
        <v>43</v>
      </c>
      <c r="DT8" s="16" t="s">
        <v>44</v>
      </c>
      <c r="DU8" s="41" t="s">
        <v>45</v>
      </c>
      <c r="DV8" s="42" t="s">
        <v>83</v>
      </c>
      <c r="DW8" s="16" t="s">
        <v>47</v>
      </c>
      <c r="DX8" s="16" t="s">
        <v>48</v>
      </c>
      <c r="DY8" s="16" t="s">
        <v>49</v>
      </c>
      <c r="DZ8" s="16" t="s">
        <v>50</v>
      </c>
      <c r="EA8" s="16" t="s">
        <v>51</v>
      </c>
      <c r="EB8" s="17" t="s">
        <v>45</v>
      </c>
      <c r="EC8" s="607"/>
      <c r="ED8" s="40" t="s">
        <v>43</v>
      </c>
      <c r="EE8" s="16" t="s">
        <v>44</v>
      </c>
      <c r="EF8" s="41" t="s">
        <v>45</v>
      </c>
      <c r="EG8" s="42" t="s">
        <v>83</v>
      </c>
      <c r="EH8" s="16" t="s">
        <v>47</v>
      </c>
      <c r="EI8" s="16" t="s">
        <v>48</v>
      </c>
      <c r="EJ8" s="16" t="s">
        <v>49</v>
      </c>
      <c r="EK8" s="16" t="s">
        <v>50</v>
      </c>
      <c r="EL8" s="16" t="s">
        <v>51</v>
      </c>
      <c r="EM8" s="17" t="s">
        <v>45</v>
      </c>
      <c r="EN8" s="607"/>
      <c r="EO8" s="40" t="s">
        <v>43</v>
      </c>
      <c r="EP8" s="16" t="s">
        <v>44</v>
      </c>
      <c r="EQ8" s="41" t="s">
        <v>45</v>
      </c>
      <c r="ER8" s="42" t="s">
        <v>83</v>
      </c>
      <c r="ES8" s="16" t="s">
        <v>47</v>
      </c>
      <c r="ET8" s="16" t="s">
        <v>48</v>
      </c>
      <c r="EU8" s="16" t="s">
        <v>49</v>
      </c>
      <c r="EV8" s="16" t="s">
        <v>50</v>
      </c>
      <c r="EW8" s="16" t="s">
        <v>51</v>
      </c>
      <c r="EX8" s="17" t="s">
        <v>45</v>
      </c>
      <c r="EY8" s="607"/>
      <c r="EZ8" s="40" t="s">
        <v>43</v>
      </c>
      <c r="FA8" s="16" t="s">
        <v>44</v>
      </c>
      <c r="FB8" s="41" t="s">
        <v>45</v>
      </c>
      <c r="FC8" s="42" t="s">
        <v>83</v>
      </c>
      <c r="FD8" s="16" t="s">
        <v>47</v>
      </c>
      <c r="FE8" s="16" t="s">
        <v>48</v>
      </c>
      <c r="FF8" s="16" t="s">
        <v>49</v>
      </c>
      <c r="FG8" s="16" t="s">
        <v>50</v>
      </c>
      <c r="FH8" s="16" t="s">
        <v>51</v>
      </c>
      <c r="FI8" s="17" t="s">
        <v>45</v>
      </c>
      <c r="FJ8" s="607"/>
      <c r="FK8" s="40" t="s">
        <v>43</v>
      </c>
      <c r="FL8" s="16" t="s">
        <v>44</v>
      </c>
      <c r="FM8" s="41" t="s">
        <v>45</v>
      </c>
      <c r="FN8" s="42" t="s">
        <v>83</v>
      </c>
      <c r="FO8" s="16" t="s">
        <v>47</v>
      </c>
      <c r="FP8" s="16" t="s">
        <v>48</v>
      </c>
      <c r="FQ8" s="16" t="s">
        <v>49</v>
      </c>
      <c r="FR8" s="16" t="s">
        <v>50</v>
      </c>
      <c r="FS8" s="16" t="s">
        <v>51</v>
      </c>
      <c r="FT8" s="17" t="s">
        <v>45</v>
      </c>
      <c r="FU8" s="645"/>
      <c r="FV8" s="40" t="s">
        <v>43</v>
      </c>
      <c r="FW8" s="16" t="s">
        <v>44</v>
      </c>
      <c r="FX8" s="41" t="s">
        <v>45</v>
      </c>
      <c r="FY8" s="42" t="s">
        <v>83</v>
      </c>
      <c r="FZ8" s="16" t="s">
        <v>47</v>
      </c>
      <c r="GA8" s="16" t="s">
        <v>48</v>
      </c>
      <c r="GB8" s="16" t="s">
        <v>49</v>
      </c>
      <c r="GC8" s="16" t="s">
        <v>50</v>
      </c>
      <c r="GD8" s="16" t="s">
        <v>51</v>
      </c>
      <c r="GE8" s="17" t="s">
        <v>45</v>
      </c>
      <c r="GF8" s="607"/>
      <c r="GG8" s="40" t="s">
        <v>43</v>
      </c>
      <c r="GH8" s="16" t="s">
        <v>44</v>
      </c>
      <c r="GI8" s="41" t="s">
        <v>45</v>
      </c>
      <c r="GJ8" s="42" t="s">
        <v>83</v>
      </c>
      <c r="GK8" s="16" t="s">
        <v>47</v>
      </c>
      <c r="GL8" s="16" t="s">
        <v>48</v>
      </c>
      <c r="GM8" s="16" t="s">
        <v>49</v>
      </c>
      <c r="GN8" s="16" t="s">
        <v>50</v>
      </c>
      <c r="GO8" s="16" t="s">
        <v>51</v>
      </c>
      <c r="GP8" s="17" t="s">
        <v>45</v>
      </c>
      <c r="GQ8" s="644"/>
      <c r="GR8" s="40" t="s">
        <v>43</v>
      </c>
      <c r="GS8" s="16" t="s">
        <v>44</v>
      </c>
      <c r="GT8" s="41" t="s">
        <v>45</v>
      </c>
      <c r="GU8" s="42" t="s">
        <v>83</v>
      </c>
      <c r="GV8" s="16" t="s">
        <v>47</v>
      </c>
      <c r="GW8" s="16" t="s">
        <v>48</v>
      </c>
      <c r="GX8" s="16" t="s">
        <v>49</v>
      </c>
      <c r="GY8" s="16" t="s">
        <v>50</v>
      </c>
      <c r="GZ8" s="16" t="s">
        <v>51</v>
      </c>
      <c r="HA8" s="17" t="s">
        <v>45</v>
      </c>
      <c r="HB8" s="644"/>
      <c r="HC8" s="40" t="s">
        <v>43</v>
      </c>
      <c r="HD8" s="16" t="s">
        <v>44</v>
      </c>
      <c r="HE8" s="41" t="s">
        <v>45</v>
      </c>
      <c r="HF8" s="42" t="s">
        <v>83</v>
      </c>
      <c r="HG8" s="16" t="s">
        <v>47</v>
      </c>
      <c r="HH8" s="16" t="s">
        <v>48</v>
      </c>
      <c r="HI8" s="16" t="s">
        <v>49</v>
      </c>
      <c r="HJ8" s="16" t="s">
        <v>50</v>
      </c>
      <c r="HK8" s="16" t="s">
        <v>51</v>
      </c>
      <c r="HL8" s="17" t="s">
        <v>45</v>
      </c>
      <c r="HM8" s="607"/>
      <c r="HN8" s="40" t="s">
        <v>43</v>
      </c>
      <c r="HO8" s="16" t="s">
        <v>44</v>
      </c>
      <c r="HP8" s="41" t="s">
        <v>45</v>
      </c>
      <c r="HQ8" s="42" t="s">
        <v>83</v>
      </c>
      <c r="HR8" s="16" t="s">
        <v>47</v>
      </c>
      <c r="HS8" s="16" t="s">
        <v>48</v>
      </c>
      <c r="HT8" s="16" t="s">
        <v>49</v>
      </c>
      <c r="HU8" s="16" t="s">
        <v>50</v>
      </c>
      <c r="HV8" s="16" t="s">
        <v>51</v>
      </c>
      <c r="HW8" s="17" t="s">
        <v>45</v>
      </c>
      <c r="HX8" s="607"/>
      <c r="HY8" s="369" t="s">
        <v>43</v>
      </c>
      <c r="HZ8" s="370" t="s">
        <v>44</v>
      </c>
      <c r="IA8" s="41" t="s">
        <v>45</v>
      </c>
      <c r="IB8" s="42" t="s">
        <v>83</v>
      </c>
      <c r="IC8" s="370" t="s">
        <v>47</v>
      </c>
      <c r="ID8" s="370" t="s">
        <v>48</v>
      </c>
      <c r="IE8" s="370" t="s">
        <v>49</v>
      </c>
      <c r="IF8" s="370" t="s">
        <v>50</v>
      </c>
      <c r="IG8" s="370" t="s">
        <v>51</v>
      </c>
      <c r="IH8" s="17" t="s">
        <v>45</v>
      </c>
      <c r="II8" s="645"/>
      <c r="IJ8" s="369" t="s">
        <v>43</v>
      </c>
      <c r="IK8" s="370" t="s">
        <v>44</v>
      </c>
      <c r="IL8" s="41" t="s">
        <v>45</v>
      </c>
      <c r="IM8" s="42" t="s">
        <v>83</v>
      </c>
      <c r="IN8" s="59" t="s">
        <v>47</v>
      </c>
      <c r="IO8" s="59" t="s">
        <v>48</v>
      </c>
      <c r="IP8" s="59" t="s">
        <v>49</v>
      </c>
      <c r="IQ8" s="59" t="s">
        <v>50</v>
      </c>
      <c r="IR8" s="59" t="s">
        <v>51</v>
      </c>
      <c r="IS8" s="64" t="s">
        <v>45</v>
      </c>
      <c r="IT8" s="655"/>
      <c r="IU8" s="61" t="s">
        <v>43</v>
      </c>
      <c r="IV8" s="59" t="s">
        <v>44</v>
      </c>
      <c r="IW8" s="64" t="s">
        <v>45</v>
      </c>
      <c r="IX8" s="33" t="s">
        <v>83</v>
      </c>
      <c r="IY8" s="59" t="s">
        <v>47</v>
      </c>
      <c r="IZ8" s="59" t="s">
        <v>48</v>
      </c>
      <c r="JA8" s="59" t="s">
        <v>49</v>
      </c>
      <c r="JB8" s="59" t="s">
        <v>50</v>
      </c>
      <c r="JC8" s="59" t="s">
        <v>51</v>
      </c>
      <c r="JD8" s="64" t="s">
        <v>45</v>
      </c>
      <c r="JE8" s="655"/>
      <c r="JF8" s="61" t="s">
        <v>43</v>
      </c>
      <c r="JG8" s="59" t="s">
        <v>44</v>
      </c>
      <c r="JH8" s="60" t="s">
        <v>45</v>
      </c>
      <c r="JI8" s="33" t="s">
        <v>83</v>
      </c>
      <c r="JJ8" s="59" t="s">
        <v>47</v>
      </c>
      <c r="JK8" s="59" t="s">
        <v>48</v>
      </c>
      <c r="JL8" s="59" t="s">
        <v>49</v>
      </c>
      <c r="JM8" s="59" t="s">
        <v>50</v>
      </c>
      <c r="JN8" s="59" t="s">
        <v>51</v>
      </c>
      <c r="JO8" s="64" t="s">
        <v>45</v>
      </c>
      <c r="JP8" s="648"/>
      <c r="JQ8" s="61" t="s">
        <v>43</v>
      </c>
      <c r="JR8" s="59" t="s">
        <v>44</v>
      </c>
      <c r="JS8" s="60" t="s">
        <v>45</v>
      </c>
      <c r="JT8" s="33" t="s">
        <v>83</v>
      </c>
      <c r="JU8" s="59" t="s">
        <v>47</v>
      </c>
      <c r="JV8" s="59" t="s">
        <v>48</v>
      </c>
      <c r="JW8" s="59" t="s">
        <v>49</v>
      </c>
      <c r="JX8" s="59" t="s">
        <v>50</v>
      </c>
      <c r="JY8" s="59" t="s">
        <v>51</v>
      </c>
      <c r="JZ8" s="64" t="s">
        <v>45</v>
      </c>
      <c r="KA8" s="648"/>
      <c r="KB8" s="61" t="s">
        <v>43</v>
      </c>
      <c r="KC8" s="59" t="s">
        <v>44</v>
      </c>
      <c r="KD8" s="60" t="s">
        <v>45</v>
      </c>
      <c r="KE8" s="33" t="s">
        <v>83</v>
      </c>
      <c r="KF8" s="59" t="s">
        <v>47</v>
      </c>
      <c r="KG8" s="59" t="s">
        <v>48</v>
      </c>
      <c r="KH8" s="59" t="s">
        <v>49</v>
      </c>
      <c r="KI8" s="59" t="s">
        <v>50</v>
      </c>
      <c r="KJ8" s="59" t="s">
        <v>51</v>
      </c>
      <c r="KK8" s="64" t="s">
        <v>45</v>
      </c>
      <c r="KL8" s="648"/>
      <c r="KM8" s="61" t="s">
        <v>43</v>
      </c>
      <c r="KN8" s="59" t="s">
        <v>44</v>
      </c>
      <c r="KO8" s="60" t="s">
        <v>45</v>
      </c>
      <c r="KP8" s="42" t="s">
        <v>83</v>
      </c>
      <c r="KQ8" s="59" t="s">
        <v>47</v>
      </c>
      <c r="KR8" s="59" t="s">
        <v>48</v>
      </c>
      <c r="KS8" s="59" t="s">
        <v>49</v>
      </c>
      <c r="KT8" s="59" t="s">
        <v>50</v>
      </c>
      <c r="KU8" s="59" t="s">
        <v>51</v>
      </c>
      <c r="KV8" s="64" t="s">
        <v>45</v>
      </c>
      <c r="KW8" s="648"/>
      <c r="KX8" s="61" t="s">
        <v>43</v>
      </c>
      <c r="KY8" s="59" t="s">
        <v>44</v>
      </c>
      <c r="KZ8" s="60" t="s">
        <v>45</v>
      </c>
      <c r="LA8" s="42" t="s">
        <v>83</v>
      </c>
      <c r="LB8" s="59" t="s">
        <v>47</v>
      </c>
      <c r="LC8" s="59" t="s">
        <v>48</v>
      </c>
      <c r="LD8" s="59" t="s">
        <v>49</v>
      </c>
      <c r="LE8" s="59" t="s">
        <v>50</v>
      </c>
      <c r="LF8" s="59" t="s">
        <v>51</v>
      </c>
      <c r="LG8" s="64" t="s">
        <v>45</v>
      </c>
      <c r="LH8" s="648"/>
      <c r="LI8" s="61" t="s">
        <v>43</v>
      </c>
      <c r="LJ8" s="59" t="s">
        <v>44</v>
      </c>
      <c r="LK8" s="60" t="s">
        <v>45</v>
      </c>
      <c r="LL8" s="42" t="s">
        <v>83</v>
      </c>
      <c r="LM8" s="59" t="s">
        <v>47</v>
      </c>
      <c r="LN8" s="59" t="s">
        <v>48</v>
      </c>
      <c r="LO8" s="59" t="s">
        <v>49</v>
      </c>
      <c r="LP8" s="59" t="s">
        <v>50</v>
      </c>
      <c r="LQ8" s="59" t="s">
        <v>51</v>
      </c>
      <c r="LR8" s="64" t="s">
        <v>45</v>
      </c>
      <c r="LS8" s="648"/>
      <c r="LT8" s="61" t="s">
        <v>43</v>
      </c>
      <c r="LU8" s="59" t="s">
        <v>44</v>
      </c>
      <c r="LV8" s="60" t="s">
        <v>45</v>
      </c>
      <c r="LW8" s="42" t="s">
        <v>83</v>
      </c>
      <c r="LX8" s="59" t="s">
        <v>47</v>
      </c>
      <c r="LY8" s="59" t="s">
        <v>48</v>
      </c>
      <c r="LZ8" s="59" t="s">
        <v>49</v>
      </c>
      <c r="MA8" s="59" t="s">
        <v>50</v>
      </c>
      <c r="MB8" s="59" t="s">
        <v>51</v>
      </c>
      <c r="MC8" s="64" t="s">
        <v>45</v>
      </c>
      <c r="MD8" s="648"/>
      <c r="ME8" s="61" t="s">
        <v>43</v>
      </c>
      <c r="MF8" s="59" t="s">
        <v>44</v>
      </c>
      <c r="MG8" s="60" t="s">
        <v>45</v>
      </c>
      <c r="MH8" s="42" t="s">
        <v>83</v>
      </c>
      <c r="MI8" s="59" t="s">
        <v>47</v>
      </c>
      <c r="MJ8" s="59" t="s">
        <v>48</v>
      </c>
      <c r="MK8" s="59" t="s">
        <v>49</v>
      </c>
      <c r="ML8" s="59" t="s">
        <v>50</v>
      </c>
      <c r="MM8" s="59" t="s">
        <v>51</v>
      </c>
      <c r="MN8" s="64" t="s">
        <v>45</v>
      </c>
      <c r="MO8" s="648"/>
      <c r="MP8" s="61" t="s">
        <v>43</v>
      </c>
      <c r="MQ8" s="59" t="s">
        <v>44</v>
      </c>
      <c r="MR8" s="60" t="s">
        <v>45</v>
      </c>
      <c r="MS8" s="42" t="s">
        <v>83</v>
      </c>
      <c r="MT8" s="59" t="s">
        <v>47</v>
      </c>
      <c r="MU8" s="59" t="s">
        <v>48</v>
      </c>
      <c r="MV8" s="59" t="s">
        <v>49</v>
      </c>
      <c r="MW8" s="59" t="s">
        <v>50</v>
      </c>
      <c r="MX8" s="59" t="s">
        <v>51</v>
      </c>
      <c r="MY8" s="64" t="s">
        <v>45</v>
      </c>
      <c r="MZ8" s="648"/>
      <c r="NA8" s="61" t="s">
        <v>43</v>
      </c>
      <c r="NB8" s="59" t="s">
        <v>44</v>
      </c>
      <c r="NC8" s="60" t="s">
        <v>45</v>
      </c>
      <c r="ND8" s="42" t="s">
        <v>83</v>
      </c>
      <c r="NE8" s="59" t="s">
        <v>47</v>
      </c>
      <c r="NF8" s="59" t="s">
        <v>48</v>
      </c>
      <c r="NG8" s="59" t="s">
        <v>49</v>
      </c>
      <c r="NH8" s="59" t="s">
        <v>50</v>
      </c>
      <c r="NI8" s="59" t="s">
        <v>51</v>
      </c>
      <c r="NJ8" s="64" t="s">
        <v>45</v>
      </c>
      <c r="NK8" s="648"/>
      <c r="NL8" s="61" t="s">
        <v>43</v>
      </c>
      <c r="NM8" s="59" t="s">
        <v>44</v>
      </c>
      <c r="NN8" s="60" t="s">
        <v>45</v>
      </c>
      <c r="NO8" s="42" t="s">
        <v>83</v>
      </c>
      <c r="NP8" s="59" t="s">
        <v>47</v>
      </c>
      <c r="NQ8" s="59" t="s">
        <v>48</v>
      </c>
      <c r="NR8" s="59" t="s">
        <v>49</v>
      </c>
      <c r="NS8" s="59" t="s">
        <v>50</v>
      </c>
      <c r="NT8" s="59" t="s">
        <v>51</v>
      </c>
      <c r="NU8" s="64" t="s">
        <v>45</v>
      </c>
      <c r="NV8" s="648"/>
      <c r="NW8" s="61" t="s">
        <v>43</v>
      </c>
      <c r="NX8" s="59" t="s">
        <v>44</v>
      </c>
      <c r="NY8" s="60" t="s">
        <v>45</v>
      </c>
      <c r="NZ8" s="42" t="s">
        <v>83</v>
      </c>
      <c r="OA8" s="59" t="s">
        <v>47</v>
      </c>
      <c r="OB8" s="59" t="s">
        <v>48</v>
      </c>
      <c r="OC8" s="59" t="s">
        <v>49</v>
      </c>
      <c r="OD8" s="59" t="s">
        <v>50</v>
      </c>
      <c r="OE8" s="59" t="s">
        <v>51</v>
      </c>
      <c r="OF8" s="64" t="s">
        <v>45</v>
      </c>
      <c r="OG8" s="648"/>
      <c r="OH8" s="61" t="s">
        <v>43</v>
      </c>
      <c r="OI8" s="59" t="s">
        <v>44</v>
      </c>
      <c r="OJ8" s="60" t="s">
        <v>45</v>
      </c>
      <c r="OK8" s="33" t="s">
        <v>83</v>
      </c>
      <c r="OL8" s="59" t="s">
        <v>47</v>
      </c>
      <c r="OM8" s="59" t="s">
        <v>48</v>
      </c>
      <c r="ON8" s="59" t="s">
        <v>49</v>
      </c>
      <c r="OO8" s="59" t="s">
        <v>50</v>
      </c>
      <c r="OP8" s="59" t="s">
        <v>51</v>
      </c>
      <c r="OQ8" s="64" t="s">
        <v>45</v>
      </c>
      <c r="OR8" s="648"/>
    </row>
    <row r="9" spans="1:408" s="431" customFormat="1" ht="18.75" customHeight="1" x14ac:dyDescent="0.2">
      <c r="A9" s="387" t="s">
        <v>4</v>
      </c>
      <c r="B9" s="388">
        <v>379744396</v>
      </c>
      <c r="C9" s="389">
        <v>769633937</v>
      </c>
      <c r="D9" s="390">
        <v>1149378333</v>
      </c>
      <c r="E9" s="391">
        <v>0</v>
      </c>
      <c r="F9" s="389">
        <v>4941016074</v>
      </c>
      <c r="G9" s="389">
        <v>6655566710</v>
      </c>
      <c r="H9" s="389">
        <v>5604898361</v>
      </c>
      <c r="I9" s="389">
        <v>5306545827</v>
      </c>
      <c r="J9" s="389">
        <v>4008546314</v>
      </c>
      <c r="K9" s="392">
        <v>26516573286</v>
      </c>
      <c r="L9" s="393">
        <v>27665951619</v>
      </c>
      <c r="M9" s="388">
        <v>87607680</v>
      </c>
      <c r="N9" s="389">
        <v>214413123</v>
      </c>
      <c r="O9" s="394">
        <v>302020803</v>
      </c>
      <c r="P9" s="388">
        <v>0</v>
      </c>
      <c r="Q9" s="389">
        <v>1385618091</v>
      </c>
      <c r="R9" s="389">
        <v>2110636672</v>
      </c>
      <c r="S9" s="389">
        <v>1808092494</v>
      </c>
      <c r="T9" s="389">
        <v>2000176752</v>
      </c>
      <c r="U9" s="389">
        <v>2050209802</v>
      </c>
      <c r="V9" s="394">
        <v>9354733811</v>
      </c>
      <c r="W9" s="393">
        <v>9656754614</v>
      </c>
      <c r="X9" s="388">
        <v>2010</v>
      </c>
      <c r="Y9" s="389">
        <v>0</v>
      </c>
      <c r="Z9" s="394">
        <v>2010</v>
      </c>
      <c r="AA9" s="395">
        <v>0</v>
      </c>
      <c r="AB9" s="396">
        <v>678834249</v>
      </c>
      <c r="AC9" s="396">
        <v>1064153969</v>
      </c>
      <c r="AD9" s="396">
        <v>1021475646</v>
      </c>
      <c r="AE9" s="396">
        <v>1167668829</v>
      </c>
      <c r="AF9" s="396">
        <v>1188498487</v>
      </c>
      <c r="AG9" s="394">
        <v>5120631180</v>
      </c>
      <c r="AH9" s="393">
        <v>5120633190</v>
      </c>
      <c r="AI9" s="397">
        <v>43594</v>
      </c>
      <c r="AJ9" s="396">
        <v>1001043</v>
      </c>
      <c r="AK9" s="394">
        <v>1044637</v>
      </c>
      <c r="AL9" s="395">
        <v>0</v>
      </c>
      <c r="AM9" s="396">
        <v>6306816</v>
      </c>
      <c r="AN9" s="392">
        <v>26825811</v>
      </c>
      <c r="AO9" s="396">
        <v>49709948</v>
      </c>
      <c r="AP9" s="396">
        <v>117457377</v>
      </c>
      <c r="AQ9" s="396">
        <v>244115715</v>
      </c>
      <c r="AR9" s="394">
        <v>444415667</v>
      </c>
      <c r="AS9" s="393">
        <v>445460304</v>
      </c>
      <c r="AT9" s="397">
        <v>46992405</v>
      </c>
      <c r="AU9" s="396">
        <v>148962250</v>
      </c>
      <c r="AV9" s="394">
        <v>195954655</v>
      </c>
      <c r="AW9" s="395">
        <v>0</v>
      </c>
      <c r="AX9" s="396">
        <v>423745747</v>
      </c>
      <c r="AY9" s="396">
        <v>669279759</v>
      </c>
      <c r="AZ9" s="396">
        <v>435765158</v>
      </c>
      <c r="BA9" s="396">
        <v>420683669</v>
      </c>
      <c r="BB9" s="396">
        <v>398512672</v>
      </c>
      <c r="BC9" s="394">
        <v>2347987005</v>
      </c>
      <c r="BD9" s="398">
        <v>2543941660</v>
      </c>
      <c r="BE9" s="397">
        <v>6361066</v>
      </c>
      <c r="BF9" s="392">
        <v>22262797</v>
      </c>
      <c r="BG9" s="399">
        <v>28623863</v>
      </c>
      <c r="BH9" s="395">
        <v>0</v>
      </c>
      <c r="BI9" s="396">
        <v>35906073</v>
      </c>
      <c r="BJ9" s="396">
        <v>61463919</v>
      </c>
      <c r="BK9" s="396">
        <v>40151730</v>
      </c>
      <c r="BL9" s="396">
        <v>37210932</v>
      </c>
      <c r="BM9" s="396">
        <v>22669141</v>
      </c>
      <c r="BN9" s="394">
        <v>197401795</v>
      </c>
      <c r="BO9" s="393">
        <v>226025658</v>
      </c>
      <c r="BP9" s="397">
        <v>34208605</v>
      </c>
      <c r="BQ9" s="396">
        <v>42187033</v>
      </c>
      <c r="BR9" s="394">
        <v>76395638</v>
      </c>
      <c r="BS9" s="395">
        <v>0</v>
      </c>
      <c r="BT9" s="396">
        <v>240825206</v>
      </c>
      <c r="BU9" s="396">
        <v>288913214</v>
      </c>
      <c r="BV9" s="396">
        <v>260990012</v>
      </c>
      <c r="BW9" s="396">
        <v>257155945</v>
      </c>
      <c r="BX9" s="396">
        <v>196413787</v>
      </c>
      <c r="BY9" s="394">
        <v>1244298164</v>
      </c>
      <c r="BZ9" s="393">
        <v>1320693802</v>
      </c>
      <c r="CA9" s="397">
        <v>33678451</v>
      </c>
      <c r="CB9" s="396">
        <v>106312930</v>
      </c>
      <c r="CC9" s="394">
        <v>139991381</v>
      </c>
      <c r="CD9" s="395">
        <v>0</v>
      </c>
      <c r="CE9" s="396">
        <v>1384145955</v>
      </c>
      <c r="CF9" s="396">
        <v>1803451274</v>
      </c>
      <c r="CG9" s="400">
        <v>1321524728</v>
      </c>
      <c r="CH9" s="396">
        <v>882301688</v>
      </c>
      <c r="CI9" s="396">
        <v>438609843</v>
      </c>
      <c r="CJ9" s="394">
        <v>5830033488</v>
      </c>
      <c r="CK9" s="393">
        <v>5970024869</v>
      </c>
      <c r="CL9" s="388">
        <v>0</v>
      </c>
      <c r="CM9" s="389">
        <v>0</v>
      </c>
      <c r="CN9" s="394">
        <v>0</v>
      </c>
      <c r="CO9" s="395">
        <v>0</v>
      </c>
      <c r="CP9" s="396">
        <v>1167335220</v>
      </c>
      <c r="CQ9" s="396">
        <v>1396116386</v>
      </c>
      <c r="CR9" s="396">
        <v>1032960087</v>
      </c>
      <c r="CS9" s="396">
        <v>667884959</v>
      </c>
      <c r="CT9" s="396">
        <v>353110700</v>
      </c>
      <c r="CU9" s="401">
        <v>4617407352</v>
      </c>
      <c r="CV9" s="393">
        <v>4617407352</v>
      </c>
      <c r="CW9" s="397">
        <v>33678451</v>
      </c>
      <c r="CX9" s="396">
        <v>106312930</v>
      </c>
      <c r="CY9" s="394">
        <v>139991381</v>
      </c>
      <c r="CZ9" s="395">
        <v>0</v>
      </c>
      <c r="DA9" s="396">
        <v>216810735</v>
      </c>
      <c r="DB9" s="396">
        <v>407334888</v>
      </c>
      <c r="DC9" s="396">
        <v>288564641</v>
      </c>
      <c r="DD9" s="396">
        <v>214416729</v>
      </c>
      <c r="DE9" s="396">
        <v>85499143</v>
      </c>
      <c r="DF9" s="394">
        <v>1212626136</v>
      </c>
      <c r="DG9" s="393">
        <v>1352617517</v>
      </c>
      <c r="DH9" s="397">
        <v>1730647</v>
      </c>
      <c r="DI9" s="396">
        <v>8446393</v>
      </c>
      <c r="DJ9" s="399">
        <v>10177040</v>
      </c>
      <c r="DK9" s="395">
        <v>0</v>
      </c>
      <c r="DL9" s="396">
        <v>125863694</v>
      </c>
      <c r="DM9" s="396">
        <v>274999685</v>
      </c>
      <c r="DN9" s="396">
        <v>521548402</v>
      </c>
      <c r="DO9" s="396">
        <v>451908565</v>
      </c>
      <c r="DP9" s="396">
        <v>241829144</v>
      </c>
      <c r="DQ9" s="402">
        <v>1616149490</v>
      </c>
      <c r="DR9" s="393">
        <v>1626326530</v>
      </c>
      <c r="DS9" s="397">
        <v>1626587</v>
      </c>
      <c r="DT9" s="396">
        <v>7586134</v>
      </c>
      <c r="DU9" s="394">
        <v>9212721</v>
      </c>
      <c r="DV9" s="395">
        <v>0</v>
      </c>
      <c r="DW9" s="396">
        <v>114358218</v>
      </c>
      <c r="DX9" s="396">
        <v>244406389</v>
      </c>
      <c r="DY9" s="396">
        <v>472603529</v>
      </c>
      <c r="DZ9" s="396">
        <v>405574302</v>
      </c>
      <c r="EA9" s="396">
        <v>209773402</v>
      </c>
      <c r="EB9" s="394">
        <v>1446715840</v>
      </c>
      <c r="EC9" s="393">
        <v>1455928561</v>
      </c>
      <c r="ED9" s="397">
        <v>104060</v>
      </c>
      <c r="EE9" s="392">
        <v>860259</v>
      </c>
      <c r="EF9" s="394">
        <v>964319</v>
      </c>
      <c r="EG9" s="398">
        <v>0</v>
      </c>
      <c r="EH9" s="396">
        <v>11505476</v>
      </c>
      <c r="EI9" s="396">
        <v>30593296</v>
      </c>
      <c r="EJ9" s="396">
        <v>48905139</v>
      </c>
      <c r="EK9" s="396">
        <v>46334263</v>
      </c>
      <c r="EL9" s="400">
        <v>32055742</v>
      </c>
      <c r="EM9" s="392">
        <v>169393916</v>
      </c>
      <c r="EN9" s="393">
        <v>170358235</v>
      </c>
      <c r="EO9" s="397">
        <v>0</v>
      </c>
      <c r="EP9" s="396">
        <v>0</v>
      </c>
      <c r="EQ9" s="392">
        <v>0</v>
      </c>
      <c r="ER9" s="395">
        <v>0</v>
      </c>
      <c r="ES9" s="396">
        <v>0</v>
      </c>
      <c r="ET9" s="396">
        <v>0</v>
      </c>
      <c r="EU9" s="396">
        <v>0</v>
      </c>
      <c r="EV9" s="396">
        <v>0</v>
      </c>
      <c r="EW9" s="396">
        <v>0</v>
      </c>
      <c r="EX9" s="401">
        <v>0</v>
      </c>
      <c r="EY9" s="393">
        <v>0</v>
      </c>
      <c r="EZ9" s="397">
        <v>0</v>
      </c>
      <c r="FA9" s="396">
        <v>0</v>
      </c>
      <c r="FB9" s="392">
        <v>0</v>
      </c>
      <c r="FC9" s="403"/>
      <c r="FD9" s="396">
        <v>0</v>
      </c>
      <c r="FE9" s="396">
        <v>0</v>
      </c>
      <c r="FF9" s="396">
        <v>39734</v>
      </c>
      <c r="FG9" s="396">
        <v>0</v>
      </c>
      <c r="FH9" s="396">
        <v>0</v>
      </c>
      <c r="FI9" s="401">
        <v>39734</v>
      </c>
      <c r="FJ9" s="393">
        <v>39734</v>
      </c>
      <c r="FK9" s="397">
        <v>92062985</v>
      </c>
      <c r="FL9" s="396">
        <v>182978496</v>
      </c>
      <c r="FM9" s="394">
        <v>275041481</v>
      </c>
      <c r="FN9" s="395">
        <v>0</v>
      </c>
      <c r="FO9" s="396">
        <v>237686189</v>
      </c>
      <c r="FP9" s="396">
        <v>612339299</v>
      </c>
      <c r="FQ9" s="396">
        <v>435634403</v>
      </c>
      <c r="FR9" s="396">
        <v>413396644</v>
      </c>
      <c r="FS9" s="396">
        <v>299579425</v>
      </c>
      <c r="FT9" s="394">
        <v>1998635960</v>
      </c>
      <c r="FU9" s="393">
        <v>2273677441</v>
      </c>
      <c r="FV9" s="397">
        <v>49286580</v>
      </c>
      <c r="FW9" s="396">
        <v>134440221</v>
      </c>
      <c r="FX9" s="392">
        <v>183726801</v>
      </c>
      <c r="FY9" s="398">
        <v>0</v>
      </c>
      <c r="FZ9" s="396">
        <v>189063911</v>
      </c>
      <c r="GA9" s="404">
        <v>563677822</v>
      </c>
      <c r="GB9" s="396">
        <v>405421450</v>
      </c>
      <c r="GC9" s="404">
        <v>382677612</v>
      </c>
      <c r="GD9" s="396">
        <v>287197089</v>
      </c>
      <c r="GE9" s="401">
        <v>1828037884</v>
      </c>
      <c r="GF9" s="405">
        <v>2011764685</v>
      </c>
      <c r="GG9" s="406">
        <v>4739664</v>
      </c>
      <c r="GH9" s="396">
        <v>8268187</v>
      </c>
      <c r="GI9" s="404">
        <v>13007851</v>
      </c>
      <c r="GJ9" s="391">
        <v>0</v>
      </c>
      <c r="GK9" s="396">
        <v>11372950</v>
      </c>
      <c r="GL9" s="392">
        <v>15081231</v>
      </c>
      <c r="GM9" s="396">
        <v>10976703</v>
      </c>
      <c r="GN9" s="392">
        <v>11134116</v>
      </c>
      <c r="GO9" s="396">
        <v>5271668</v>
      </c>
      <c r="GP9" s="402">
        <v>53836668</v>
      </c>
      <c r="GQ9" s="393">
        <v>66844519</v>
      </c>
      <c r="GR9" s="392">
        <v>38036741</v>
      </c>
      <c r="GS9" s="396">
        <v>40270088</v>
      </c>
      <c r="GT9" s="394">
        <v>78306829</v>
      </c>
      <c r="GU9" s="392">
        <v>0</v>
      </c>
      <c r="GV9" s="396">
        <v>37249328</v>
      </c>
      <c r="GW9" s="392">
        <v>33580246</v>
      </c>
      <c r="GX9" s="396">
        <v>19236250</v>
      </c>
      <c r="GY9" s="392">
        <v>19584916</v>
      </c>
      <c r="GZ9" s="396">
        <v>7110668</v>
      </c>
      <c r="HA9" s="392">
        <v>116761408</v>
      </c>
      <c r="HB9" s="393">
        <v>195068237</v>
      </c>
      <c r="HC9" s="392">
        <v>98308519</v>
      </c>
      <c r="HD9" s="396">
        <v>127331552</v>
      </c>
      <c r="HE9" s="392">
        <v>225640071</v>
      </c>
      <c r="HF9" s="398">
        <v>0</v>
      </c>
      <c r="HG9" s="396">
        <v>986816487</v>
      </c>
      <c r="HH9" s="404">
        <v>981555697</v>
      </c>
      <c r="HI9" s="396">
        <v>941169838</v>
      </c>
      <c r="HJ9" s="404">
        <v>1151346159</v>
      </c>
      <c r="HK9" s="396">
        <v>732758496</v>
      </c>
      <c r="HL9" s="401">
        <v>4793646677</v>
      </c>
      <c r="HM9" s="392">
        <v>5019286748</v>
      </c>
      <c r="HN9" s="406">
        <v>66356114</v>
      </c>
      <c r="HO9" s="396">
        <v>130151443</v>
      </c>
      <c r="HP9" s="401">
        <v>196507557</v>
      </c>
      <c r="HQ9" s="392">
        <v>0</v>
      </c>
      <c r="HR9" s="396">
        <v>820885658</v>
      </c>
      <c r="HS9" s="392">
        <v>872584083</v>
      </c>
      <c r="HT9" s="396">
        <v>576928496</v>
      </c>
      <c r="HU9" s="392">
        <v>407416019</v>
      </c>
      <c r="HV9" s="396">
        <v>245559604</v>
      </c>
      <c r="HW9" s="392">
        <v>2923373860</v>
      </c>
      <c r="HX9" s="393">
        <v>3119881417</v>
      </c>
      <c r="HY9" s="407">
        <v>8355034</v>
      </c>
      <c r="HZ9" s="408">
        <v>35090948</v>
      </c>
      <c r="IA9" s="409">
        <v>43445982</v>
      </c>
      <c r="IB9" s="410">
        <v>0</v>
      </c>
      <c r="IC9" s="408">
        <v>1615929075</v>
      </c>
      <c r="ID9" s="411">
        <v>2087731068</v>
      </c>
      <c r="IE9" s="412">
        <v>2195287427</v>
      </c>
      <c r="IF9" s="408">
        <v>1621389114</v>
      </c>
      <c r="IG9" s="412">
        <v>1155062972</v>
      </c>
      <c r="IH9" s="413">
        <v>8675399656</v>
      </c>
      <c r="II9" s="414">
        <v>8718845638</v>
      </c>
      <c r="IJ9" s="415">
        <v>0</v>
      </c>
      <c r="IK9" s="416">
        <v>0</v>
      </c>
      <c r="IL9" s="417">
        <v>0</v>
      </c>
      <c r="IM9" s="418"/>
      <c r="IN9" s="419">
        <v>26505916</v>
      </c>
      <c r="IO9" s="419">
        <v>45866873</v>
      </c>
      <c r="IP9" s="419">
        <v>62522760</v>
      </c>
      <c r="IQ9" s="419">
        <v>93891128</v>
      </c>
      <c r="IR9" s="419">
        <v>95219800</v>
      </c>
      <c r="IS9" s="420">
        <v>324006477</v>
      </c>
      <c r="IT9" s="421">
        <v>324006477</v>
      </c>
      <c r="IU9" s="422">
        <v>0</v>
      </c>
      <c r="IV9" s="419">
        <v>0</v>
      </c>
      <c r="IW9" s="423">
        <v>0</v>
      </c>
      <c r="IX9" s="424"/>
      <c r="IY9" s="419">
        <v>4112438</v>
      </c>
      <c r="IZ9" s="419">
        <v>12302656</v>
      </c>
      <c r="JA9" s="419">
        <v>11723483</v>
      </c>
      <c r="JB9" s="419">
        <v>14385646</v>
      </c>
      <c r="JC9" s="419">
        <v>16743960</v>
      </c>
      <c r="JD9" s="423">
        <v>59268183</v>
      </c>
      <c r="JE9" s="425">
        <v>59268183</v>
      </c>
      <c r="JF9" s="422">
        <v>0</v>
      </c>
      <c r="JG9" s="419">
        <v>0</v>
      </c>
      <c r="JH9" s="420">
        <v>0</v>
      </c>
      <c r="JI9" s="426">
        <v>0</v>
      </c>
      <c r="JJ9" s="419">
        <v>618227619</v>
      </c>
      <c r="JK9" s="419">
        <v>714050527</v>
      </c>
      <c r="JL9" s="419">
        <v>548160356</v>
      </c>
      <c r="JM9" s="419">
        <v>331572711</v>
      </c>
      <c r="JN9" s="419">
        <v>182750457</v>
      </c>
      <c r="JO9" s="423">
        <v>2394761670</v>
      </c>
      <c r="JP9" s="421">
        <v>2394761670</v>
      </c>
      <c r="JQ9" s="422">
        <v>161913</v>
      </c>
      <c r="JR9" s="419">
        <v>369257</v>
      </c>
      <c r="JS9" s="420">
        <v>531170</v>
      </c>
      <c r="JT9" s="426">
        <v>0</v>
      </c>
      <c r="JU9" s="419">
        <v>70131961</v>
      </c>
      <c r="JV9" s="419">
        <v>105388810</v>
      </c>
      <c r="JW9" s="419">
        <v>151511337</v>
      </c>
      <c r="JX9" s="419">
        <v>86175157</v>
      </c>
      <c r="JY9" s="419">
        <v>82928967</v>
      </c>
      <c r="JZ9" s="423">
        <v>496136232</v>
      </c>
      <c r="KA9" s="421">
        <v>496667402</v>
      </c>
      <c r="KB9" s="427">
        <v>8193121</v>
      </c>
      <c r="KC9" s="428">
        <v>24703710</v>
      </c>
      <c r="KD9" s="423">
        <v>32896831</v>
      </c>
      <c r="KE9" s="426">
        <v>0</v>
      </c>
      <c r="KF9" s="419">
        <v>186404621</v>
      </c>
      <c r="KG9" s="419">
        <v>287182366</v>
      </c>
      <c r="KH9" s="419">
        <v>337375451</v>
      </c>
      <c r="KI9" s="419">
        <v>271162525</v>
      </c>
      <c r="KJ9" s="419">
        <v>147475261</v>
      </c>
      <c r="KK9" s="423">
        <v>1229600224</v>
      </c>
      <c r="KL9" s="429">
        <v>1262497055</v>
      </c>
      <c r="KM9" s="415">
        <v>0</v>
      </c>
      <c r="KN9" s="416">
        <v>10017981</v>
      </c>
      <c r="KO9" s="417">
        <v>10017981</v>
      </c>
      <c r="KP9" s="418"/>
      <c r="KQ9" s="419">
        <v>671734036</v>
      </c>
      <c r="KR9" s="419">
        <v>852939289</v>
      </c>
      <c r="KS9" s="419">
        <v>928988837</v>
      </c>
      <c r="KT9" s="419">
        <v>611097936</v>
      </c>
      <c r="KU9" s="419">
        <v>412533870</v>
      </c>
      <c r="KV9" s="423">
        <v>3477293968</v>
      </c>
      <c r="KW9" s="421">
        <v>3487311949</v>
      </c>
      <c r="KX9" s="422">
        <v>0</v>
      </c>
      <c r="KY9" s="419">
        <v>0</v>
      </c>
      <c r="KZ9" s="423">
        <v>0</v>
      </c>
      <c r="LA9" s="430"/>
      <c r="LB9" s="419">
        <v>5689150</v>
      </c>
      <c r="LC9" s="419">
        <v>10924276</v>
      </c>
      <c r="LD9" s="419">
        <v>11316420</v>
      </c>
      <c r="LE9" s="419">
        <v>14806758</v>
      </c>
      <c r="LF9" s="419">
        <v>12914460</v>
      </c>
      <c r="LG9" s="423">
        <v>55651064</v>
      </c>
      <c r="LH9" s="425">
        <v>55651064</v>
      </c>
      <c r="LI9" s="422">
        <v>0</v>
      </c>
      <c r="LJ9" s="419">
        <v>0</v>
      </c>
      <c r="LK9" s="423">
        <v>0</v>
      </c>
      <c r="LL9" s="430"/>
      <c r="LM9" s="419">
        <v>3000730</v>
      </c>
      <c r="LN9" s="419">
        <v>6516991</v>
      </c>
      <c r="LO9" s="419">
        <v>60771346</v>
      </c>
      <c r="LP9" s="419">
        <v>89066178</v>
      </c>
      <c r="LQ9" s="419">
        <v>61642584</v>
      </c>
      <c r="LR9" s="423">
        <v>220997829</v>
      </c>
      <c r="LS9" s="421">
        <v>220997829</v>
      </c>
      <c r="LT9" s="422">
        <v>0</v>
      </c>
      <c r="LU9" s="419">
        <v>0</v>
      </c>
      <c r="LV9" s="423">
        <v>0</v>
      </c>
      <c r="LW9" s="430"/>
      <c r="LX9" s="419">
        <v>30122604</v>
      </c>
      <c r="LY9" s="419">
        <v>52559280</v>
      </c>
      <c r="LZ9" s="419">
        <v>82917437</v>
      </c>
      <c r="MA9" s="419">
        <v>109231075</v>
      </c>
      <c r="MB9" s="419">
        <v>142853613</v>
      </c>
      <c r="MC9" s="423">
        <v>417684009</v>
      </c>
      <c r="MD9" s="425">
        <v>417684009</v>
      </c>
      <c r="ME9" s="422">
        <v>0</v>
      </c>
      <c r="MF9" s="419">
        <v>0</v>
      </c>
      <c r="MG9" s="423">
        <v>0</v>
      </c>
      <c r="MH9" s="430"/>
      <c r="MI9" s="419">
        <v>565407940</v>
      </c>
      <c r="MJ9" s="419">
        <v>1344553484</v>
      </c>
      <c r="MK9" s="419">
        <v>3872443639</v>
      </c>
      <c r="ML9" s="419">
        <v>5717336523</v>
      </c>
      <c r="MM9" s="419">
        <v>4129677493</v>
      </c>
      <c r="MN9" s="423">
        <v>15629419079</v>
      </c>
      <c r="MO9" s="429">
        <v>15629419079</v>
      </c>
      <c r="MP9" s="422">
        <v>0</v>
      </c>
      <c r="MQ9" s="419">
        <v>0</v>
      </c>
      <c r="MR9" s="423">
        <v>0</v>
      </c>
      <c r="MS9" s="430"/>
      <c r="MT9" s="419">
        <v>93851158</v>
      </c>
      <c r="MU9" s="419">
        <v>356608787</v>
      </c>
      <c r="MV9" s="419">
        <v>2471791202</v>
      </c>
      <c r="MW9" s="419">
        <v>3854042562</v>
      </c>
      <c r="MX9" s="419">
        <v>2958003574</v>
      </c>
      <c r="MY9" s="423">
        <v>9734297283</v>
      </c>
      <c r="MZ9" s="429">
        <v>9734297283</v>
      </c>
      <c r="NA9" s="422">
        <v>0</v>
      </c>
      <c r="NB9" s="419">
        <v>0</v>
      </c>
      <c r="NC9" s="423">
        <v>0</v>
      </c>
      <c r="ND9" s="430"/>
      <c r="NE9" s="419">
        <v>467960809</v>
      </c>
      <c r="NF9" s="419">
        <v>982801787</v>
      </c>
      <c r="NG9" s="419">
        <v>1374262402</v>
      </c>
      <c r="NH9" s="419">
        <v>1700722771</v>
      </c>
      <c r="NI9" s="419">
        <v>933594336</v>
      </c>
      <c r="NJ9" s="423">
        <v>5459342105</v>
      </c>
      <c r="NK9" s="421">
        <v>5459342105</v>
      </c>
      <c r="NL9" s="422">
        <v>0</v>
      </c>
      <c r="NM9" s="419">
        <v>0</v>
      </c>
      <c r="NN9" s="423">
        <v>0</v>
      </c>
      <c r="NO9" s="430"/>
      <c r="NP9" s="419">
        <v>188121</v>
      </c>
      <c r="NQ9" s="419">
        <v>146623</v>
      </c>
      <c r="NR9" s="419">
        <v>6383177</v>
      </c>
      <c r="NS9" s="419">
        <v>56477406</v>
      </c>
      <c r="NT9" s="419">
        <v>93830296</v>
      </c>
      <c r="NU9" s="423">
        <v>157025623</v>
      </c>
      <c r="NV9" s="425">
        <v>157025623</v>
      </c>
      <c r="NW9" s="422">
        <v>0</v>
      </c>
      <c r="NX9" s="419">
        <v>0</v>
      </c>
      <c r="NY9" s="423">
        <v>0</v>
      </c>
      <c r="NZ9" s="430"/>
      <c r="OA9" s="419">
        <v>3407852</v>
      </c>
      <c r="OB9" s="419">
        <v>4996287</v>
      </c>
      <c r="OC9" s="419">
        <v>20006858</v>
      </c>
      <c r="OD9" s="419">
        <v>106093784</v>
      </c>
      <c r="OE9" s="419">
        <v>144249287</v>
      </c>
      <c r="OF9" s="423">
        <v>278754068</v>
      </c>
      <c r="OG9" s="425">
        <v>278754068</v>
      </c>
      <c r="OH9" s="422">
        <v>388099430</v>
      </c>
      <c r="OI9" s="419">
        <v>804724885</v>
      </c>
      <c r="OJ9" s="420">
        <v>1192824315</v>
      </c>
      <c r="OK9" s="426">
        <v>0</v>
      </c>
      <c r="OL9" s="419">
        <v>7122353089</v>
      </c>
      <c r="OM9" s="419">
        <v>10087851262</v>
      </c>
      <c r="ON9" s="419">
        <v>11672629427</v>
      </c>
      <c r="OO9" s="419">
        <v>12645271464</v>
      </c>
      <c r="OP9" s="419">
        <v>9293286779</v>
      </c>
      <c r="OQ9" s="423">
        <v>50821392021</v>
      </c>
      <c r="OR9" s="429">
        <v>52014216336</v>
      </c>
    </row>
    <row r="10" spans="1:408" s="431" customFormat="1" ht="18.75" customHeight="1" x14ac:dyDescent="0.2">
      <c r="A10" s="432" t="s">
        <v>5</v>
      </c>
      <c r="B10" s="433">
        <v>155084220</v>
      </c>
      <c r="C10" s="434">
        <v>350694503</v>
      </c>
      <c r="D10" s="435">
        <v>505778723</v>
      </c>
      <c r="E10" s="436">
        <v>0</v>
      </c>
      <c r="F10" s="434">
        <v>1720966608</v>
      </c>
      <c r="G10" s="434">
        <v>3036651457</v>
      </c>
      <c r="H10" s="434">
        <v>2319679998</v>
      </c>
      <c r="I10" s="434">
        <v>2128595708</v>
      </c>
      <c r="J10" s="434">
        <v>1639641163</v>
      </c>
      <c r="K10" s="436">
        <v>10845534934</v>
      </c>
      <c r="L10" s="437">
        <v>11351313657</v>
      </c>
      <c r="M10" s="433">
        <v>37966006</v>
      </c>
      <c r="N10" s="434">
        <v>109865722</v>
      </c>
      <c r="O10" s="435">
        <v>147831728</v>
      </c>
      <c r="P10" s="433">
        <v>0</v>
      </c>
      <c r="Q10" s="434">
        <v>499288224</v>
      </c>
      <c r="R10" s="434">
        <v>1012518964</v>
      </c>
      <c r="S10" s="434">
        <v>767354825</v>
      </c>
      <c r="T10" s="434">
        <v>789594824</v>
      </c>
      <c r="U10" s="434">
        <v>843582542</v>
      </c>
      <c r="V10" s="435">
        <v>3912339379</v>
      </c>
      <c r="W10" s="437">
        <v>4060171107</v>
      </c>
      <c r="X10" s="433">
        <v>0</v>
      </c>
      <c r="Y10" s="434">
        <v>0</v>
      </c>
      <c r="Z10" s="435">
        <v>0</v>
      </c>
      <c r="AA10" s="433">
        <v>0</v>
      </c>
      <c r="AB10" s="434">
        <v>238217962</v>
      </c>
      <c r="AC10" s="434">
        <v>490338310</v>
      </c>
      <c r="AD10" s="434">
        <v>407585779</v>
      </c>
      <c r="AE10" s="434">
        <v>424344846</v>
      </c>
      <c r="AF10" s="434">
        <v>463277560</v>
      </c>
      <c r="AG10" s="435">
        <v>2023764457</v>
      </c>
      <c r="AH10" s="437">
        <v>2023764457</v>
      </c>
      <c r="AI10" s="433">
        <v>16325</v>
      </c>
      <c r="AJ10" s="434">
        <v>428524</v>
      </c>
      <c r="AK10" s="435">
        <v>444849</v>
      </c>
      <c r="AL10" s="433">
        <v>0</v>
      </c>
      <c r="AM10" s="434">
        <v>1701782</v>
      </c>
      <c r="AN10" s="434">
        <v>10127908</v>
      </c>
      <c r="AO10" s="434">
        <v>19057138</v>
      </c>
      <c r="AP10" s="434">
        <v>47824662</v>
      </c>
      <c r="AQ10" s="434">
        <v>109317475</v>
      </c>
      <c r="AR10" s="435">
        <v>188028965</v>
      </c>
      <c r="AS10" s="437">
        <v>188473814</v>
      </c>
      <c r="AT10" s="433">
        <v>21285107</v>
      </c>
      <c r="AU10" s="434">
        <v>78122238</v>
      </c>
      <c r="AV10" s="435">
        <v>99407345</v>
      </c>
      <c r="AW10" s="433">
        <v>0</v>
      </c>
      <c r="AX10" s="434">
        <v>159519805</v>
      </c>
      <c r="AY10" s="434">
        <v>356471699</v>
      </c>
      <c r="AZ10" s="434">
        <v>215732000</v>
      </c>
      <c r="BA10" s="434">
        <v>196983012</v>
      </c>
      <c r="BB10" s="434">
        <v>180898334</v>
      </c>
      <c r="BC10" s="435">
        <v>1109604850</v>
      </c>
      <c r="BD10" s="437">
        <v>1209012195</v>
      </c>
      <c r="BE10" s="433">
        <v>2678728</v>
      </c>
      <c r="BF10" s="434">
        <v>11775221</v>
      </c>
      <c r="BG10" s="438">
        <v>14453949</v>
      </c>
      <c r="BH10" s="439">
        <v>0</v>
      </c>
      <c r="BI10" s="434">
        <v>8612803</v>
      </c>
      <c r="BJ10" s="434">
        <v>26301200</v>
      </c>
      <c r="BK10" s="434">
        <v>16518968</v>
      </c>
      <c r="BL10" s="434">
        <v>15951534</v>
      </c>
      <c r="BM10" s="434">
        <v>8969720</v>
      </c>
      <c r="BN10" s="435">
        <v>76354225</v>
      </c>
      <c r="BO10" s="437">
        <v>90808174</v>
      </c>
      <c r="BP10" s="433">
        <v>13985846</v>
      </c>
      <c r="BQ10" s="434">
        <v>19539739</v>
      </c>
      <c r="BR10" s="435">
        <v>33525585</v>
      </c>
      <c r="BS10" s="433">
        <v>0</v>
      </c>
      <c r="BT10" s="434">
        <v>91235872</v>
      </c>
      <c r="BU10" s="434">
        <v>129279847</v>
      </c>
      <c r="BV10" s="434">
        <v>108460940</v>
      </c>
      <c r="BW10" s="434">
        <v>104490770</v>
      </c>
      <c r="BX10" s="434">
        <v>81119453</v>
      </c>
      <c r="BY10" s="435">
        <v>514586882</v>
      </c>
      <c r="BZ10" s="437">
        <v>548112467</v>
      </c>
      <c r="CA10" s="433">
        <v>14639665</v>
      </c>
      <c r="CB10" s="434">
        <v>47881453</v>
      </c>
      <c r="CC10" s="435">
        <v>62521118</v>
      </c>
      <c r="CD10" s="433">
        <v>0</v>
      </c>
      <c r="CE10" s="434">
        <v>436869118</v>
      </c>
      <c r="CF10" s="434">
        <v>760187407</v>
      </c>
      <c r="CG10" s="434">
        <v>505795540</v>
      </c>
      <c r="CH10" s="434">
        <v>321116365</v>
      </c>
      <c r="CI10" s="434">
        <v>167327582</v>
      </c>
      <c r="CJ10" s="435">
        <v>2191296012</v>
      </c>
      <c r="CK10" s="437">
        <v>2253817130</v>
      </c>
      <c r="CL10" s="433">
        <v>0</v>
      </c>
      <c r="CM10" s="434">
        <v>0</v>
      </c>
      <c r="CN10" s="435">
        <v>0</v>
      </c>
      <c r="CO10" s="439">
        <v>0</v>
      </c>
      <c r="CP10" s="434">
        <v>372565133</v>
      </c>
      <c r="CQ10" s="434">
        <v>571652852</v>
      </c>
      <c r="CR10" s="434">
        <v>378910441</v>
      </c>
      <c r="CS10" s="434">
        <v>229788136</v>
      </c>
      <c r="CT10" s="434">
        <v>128379038</v>
      </c>
      <c r="CU10" s="435">
        <v>1681295600</v>
      </c>
      <c r="CV10" s="437">
        <v>1681295600</v>
      </c>
      <c r="CW10" s="433">
        <v>14639665</v>
      </c>
      <c r="CX10" s="434">
        <v>47881453</v>
      </c>
      <c r="CY10" s="435">
        <v>62521118</v>
      </c>
      <c r="CZ10" s="433">
        <v>0</v>
      </c>
      <c r="DA10" s="434">
        <v>64303985</v>
      </c>
      <c r="DB10" s="434">
        <v>188534555</v>
      </c>
      <c r="DC10" s="434">
        <v>126885099</v>
      </c>
      <c r="DD10" s="434">
        <v>91328229</v>
      </c>
      <c r="DE10" s="434">
        <v>38948544</v>
      </c>
      <c r="DF10" s="435">
        <v>510000412</v>
      </c>
      <c r="DG10" s="437">
        <v>572521530</v>
      </c>
      <c r="DH10" s="433">
        <v>542824</v>
      </c>
      <c r="DI10" s="434">
        <v>3922640</v>
      </c>
      <c r="DJ10" s="438">
        <v>4465464</v>
      </c>
      <c r="DK10" s="439">
        <v>0</v>
      </c>
      <c r="DL10" s="434">
        <v>39553652</v>
      </c>
      <c r="DM10" s="434">
        <v>116598702</v>
      </c>
      <c r="DN10" s="434">
        <v>205159982</v>
      </c>
      <c r="DO10" s="434">
        <v>182528247</v>
      </c>
      <c r="DP10" s="434">
        <v>98508928</v>
      </c>
      <c r="DQ10" s="435">
        <v>642349511</v>
      </c>
      <c r="DR10" s="437">
        <v>646814975</v>
      </c>
      <c r="DS10" s="433">
        <v>491767</v>
      </c>
      <c r="DT10" s="434">
        <v>3473386</v>
      </c>
      <c r="DU10" s="435">
        <v>3965153</v>
      </c>
      <c r="DV10" s="433">
        <v>0</v>
      </c>
      <c r="DW10" s="434">
        <v>33548169</v>
      </c>
      <c r="DX10" s="434">
        <v>97732097</v>
      </c>
      <c r="DY10" s="434">
        <v>177210784</v>
      </c>
      <c r="DZ10" s="434">
        <v>155002481</v>
      </c>
      <c r="EA10" s="434">
        <v>78361829</v>
      </c>
      <c r="EB10" s="435">
        <v>541855360</v>
      </c>
      <c r="EC10" s="437">
        <v>545820513</v>
      </c>
      <c r="ED10" s="433">
        <v>51057</v>
      </c>
      <c r="EE10" s="438">
        <v>449254</v>
      </c>
      <c r="EF10" s="435">
        <v>500311</v>
      </c>
      <c r="EG10" s="433">
        <v>0</v>
      </c>
      <c r="EH10" s="434">
        <v>6005483</v>
      </c>
      <c r="EI10" s="434">
        <v>18866605</v>
      </c>
      <c r="EJ10" s="434">
        <v>27949198</v>
      </c>
      <c r="EK10" s="434">
        <v>27525766</v>
      </c>
      <c r="EL10" s="434">
        <v>20147099</v>
      </c>
      <c r="EM10" s="438">
        <v>100494151</v>
      </c>
      <c r="EN10" s="437">
        <v>100994462</v>
      </c>
      <c r="EO10" s="433">
        <v>0</v>
      </c>
      <c r="EP10" s="434">
        <v>0</v>
      </c>
      <c r="EQ10" s="438">
        <v>0</v>
      </c>
      <c r="ER10" s="439">
        <v>0</v>
      </c>
      <c r="ES10" s="434">
        <v>0</v>
      </c>
      <c r="ET10" s="434">
        <v>0</v>
      </c>
      <c r="EU10" s="434">
        <v>0</v>
      </c>
      <c r="EV10" s="434">
        <v>0</v>
      </c>
      <c r="EW10" s="434">
        <v>0</v>
      </c>
      <c r="EX10" s="435">
        <v>0</v>
      </c>
      <c r="EY10" s="437">
        <v>0</v>
      </c>
      <c r="EZ10" s="433">
        <v>0</v>
      </c>
      <c r="FA10" s="434">
        <v>0</v>
      </c>
      <c r="FB10" s="438">
        <v>0</v>
      </c>
      <c r="FC10" s="440"/>
      <c r="FD10" s="434">
        <v>0</v>
      </c>
      <c r="FE10" s="434">
        <v>0</v>
      </c>
      <c r="FF10" s="434">
        <v>0</v>
      </c>
      <c r="FG10" s="434">
        <v>0</v>
      </c>
      <c r="FH10" s="434">
        <v>0</v>
      </c>
      <c r="FI10" s="435">
        <v>0</v>
      </c>
      <c r="FJ10" s="437">
        <v>0</v>
      </c>
      <c r="FK10" s="433">
        <v>36028677</v>
      </c>
      <c r="FL10" s="434">
        <v>79961952</v>
      </c>
      <c r="FM10" s="435">
        <v>115990629</v>
      </c>
      <c r="FN10" s="433">
        <v>0</v>
      </c>
      <c r="FO10" s="434">
        <v>67333502</v>
      </c>
      <c r="FP10" s="434">
        <v>267807892</v>
      </c>
      <c r="FQ10" s="434">
        <v>176772849</v>
      </c>
      <c r="FR10" s="434">
        <v>162070583</v>
      </c>
      <c r="FS10" s="434">
        <v>122282091</v>
      </c>
      <c r="FT10" s="435">
        <v>796266917</v>
      </c>
      <c r="FU10" s="437">
        <v>912257546</v>
      </c>
      <c r="FV10" s="441">
        <v>15683540</v>
      </c>
      <c r="FW10" s="434">
        <v>54767374</v>
      </c>
      <c r="FX10" s="438">
        <v>70450914</v>
      </c>
      <c r="FY10" s="439">
        <v>0</v>
      </c>
      <c r="FZ10" s="434">
        <v>49826655</v>
      </c>
      <c r="GA10" s="434">
        <v>245937102</v>
      </c>
      <c r="GB10" s="434">
        <v>164698234</v>
      </c>
      <c r="GC10" s="434">
        <v>147522263</v>
      </c>
      <c r="GD10" s="434">
        <v>117461137</v>
      </c>
      <c r="GE10" s="435">
        <v>725445391</v>
      </c>
      <c r="GF10" s="442">
        <v>795896305</v>
      </c>
      <c r="GG10" s="441">
        <v>1926646</v>
      </c>
      <c r="GH10" s="434">
        <v>3494866</v>
      </c>
      <c r="GI10" s="438">
        <v>5421512</v>
      </c>
      <c r="GJ10" s="439">
        <v>0</v>
      </c>
      <c r="GK10" s="434">
        <v>2974923</v>
      </c>
      <c r="GL10" s="434">
        <v>6576962</v>
      </c>
      <c r="GM10" s="434">
        <v>4035196</v>
      </c>
      <c r="GN10" s="434">
        <v>4791191</v>
      </c>
      <c r="GO10" s="434">
        <v>1695912</v>
      </c>
      <c r="GP10" s="435">
        <v>20074184</v>
      </c>
      <c r="GQ10" s="437">
        <v>25495696</v>
      </c>
      <c r="GR10" s="433">
        <v>18418491</v>
      </c>
      <c r="GS10" s="434">
        <v>21699712</v>
      </c>
      <c r="GT10" s="435">
        <v>40118203</v>
      </c>
      <c r="GU10" s="433">
        <v>0</v>
      </c>
      <c r="GV10" s="434">
        <v>14531924</v>
      </c>
      <c r="GW10" s="434">
        <v>15293828</v>
      </c>
      <c r="GX10" s="434">
        <v>8039419</v>
      </c>
      <c r="GY10" s="434">
        <v>9757129</v>
      </c>
      <c r="GZ10" s="434">
        <v>3125042</v>
      </c>
      <c r="HA10" s="438">
        <v>50747342</v>
      </c>
      <c r="HB10" s="437">
        <v>90865545</v>
      </c>
      <c r="HC10" s="433">
        <v>41264997</v>
      </c>
      <c r="HD10" s="434">
        <v>51235995</v>
      </c>
      <c r="HE10" s="438">
        <v>92500992</v>
      </c>
      <c r="HF10" s="439">
        <v>0</v>
      </c>
      <c r="HG10" s="434">
        <v>399826187</v>
      </c>
      <c r="HH10" s="434">
        <v>467229800</v>
      </c>
      <c r="HI10" s="434">
        <v>416459622</v>
      </c>
      <c r="HJ10" s="434">
        <v>502976391</v>
      </c>
      <c r="HK10" s="434">
        <v>303862323</v>
      </c>
      <c r="HL10" s="435">
        <v>2090354323</v>
      </c>
      <c r="HM10" s="436">
        <v>2182855315</v>
      </c>
      <c r="HN10" s="441">
        <v>24642051</v>
      </c>
      <c r="HO10" s="434">
        <v>57826741</v>
      </c>
      <c r="HP10" s="435">
        <v>82468792</v>
      </c>
      <c r="HQ10" s="433">
        <v>0</v>
      </c>
      <c r="HR10" s="434">
        <v>278095925</v>
      </c>
      <c r="HS10" s="434">
        <v>412308692</v>
      </c>
      <c r="HT10" s="434">
        <v>248137180</v>
      </c>
      <c r="HU10" s="434">
        <v>170309298</v>
      </c>
      <c r="HV10" s="434">
        <v>104077697</v>
      </c>
      <c r="HW10" s="438">
        <v>1212928792</v>
      </c>
      <c r="HX10" s="437">
        <v>1295397584</v>
      </c>
      <c r="HY10" s="443">
        <v>3979812</v>
      </c>
      <c r="HZ10" s="444">
        <v>14182255</v>
      </c>
      <c r="IA10" s="445">
        <v>18162067</v>
      </c>
      <c r="IB10" s="446">
        <v>0</v>
      </c>
      <c r="IC10" s="447">
        <v>617832442</v>
      </c>
      <c r="ID10" s="448">
        <v>930083600</v>
      </c>
      <c r="IE10" s="449">
        <v>940665826</v>
      </c>
      <c r="IF10" s="447">
        <v>682903609</v>
      </c>
      <c r="IG10" s="449">
        <v>514932831</v>
      </c>
      <c r="IH10" s="450">
        <v>3686418308</v>
      </c>
      <c r="II10" s="451">
        <v>3704580375</v>
      </c>
      <c r="IJ10" s="452">
        <v>0</v>
      </c>
      <c r="IK10" s="453">
        <v>0</v>
      </c>
      <c r="IL10" s="454">
        <v>0</v>
      </c>
      <c r="IM10" s="455"/>
      <c r="IN10" s="456">
        <v>10798212</v>
      </c>
      <c r="IO10" s="456">
        <v>23898650</v>
      </c>
      <c r="IP10" s="456">
        <v>33922290</v>
      </c>
      <c r="IQ10" s="456">
        <v>46995772</v>
      </c>
      <c r="IR10" s="456">
        <v>47240589</v>
      </c>
      <c r="IS10" s="457">
        <v>162855513</v>
      </c>
      <c r="IT10" s="458">
        <v>162855513</v>
      </c>
      <c r="IU10" s="459">
        <v>0</v>
      </c>
      <c r="IV10" s="456">
        <v>0</v>
      </c>
      <c r="IW10" s="460">
        <v>0</v>
      </c>
      <c r="IX10" s="461"/>
      <c r="IY10" s="456">
        <v>2374662</v>
      </c>
      <c r="IZ10" s="456">
        <v>9389776</v>
      </c>
      <c r="JA10" s="456">
        <v>8827769</v>
      </c>
      <c r="JB10" s="456">
        <v>10712697</v>
      </c>
      <c r="JC10" s="456">
        <v>13101953</v>
      </c>
      <c r="JD10" s="460">
        <v>44406857</v>
      </c>
      <c r="JE10" s="462">
        <v>44406857</v>
      </c>
      <c r="JF10" s="459">
        <v>0</v>
      </c>
      <c r="JG10" s="456">
        <v>0</v>
      </c>
      <c r="JH10" s="457">
        <v>0</v>
      </c>
      <c r="JI10" s="463">
        <v>0</v>
      </c>
      <c r="JJ10" s="456">
        <v>207550208</v>
      </c>
      <c r="JK10" s="456">
        <v>322791004</v>
      </c>
      <c r="JL10" s="456">
        <v>249826075</v>
      </c>
      <c r="JM10" s="456">
        <v>154351128</v>
      </c>
      <c r="JN10" s="456">
        <v>85281079</v>
      </c>
      <c r="JO10" s="460">
        <v>1019799494</v>
      </c>
      <c r="JP10" s="458">
        <v>1019799494</v>
      </c>
      <c r="JQ10" s="459">
        <v>61400</v>
      </c>
      <c r="JR10" s="456">
        <v>93236</v>
      </c>
      <c r="JS10" s="457">
        <v>154636</v>
      </c>
      <c r="JT10" s="463">
        <v>0</v>
      </c>
      <c r="JU10" s="456">
        <v>33067438</v>
      </c>
      <c r="JV10" s="456">
        <v>54335903</v>
      </c>
      <c r="JW10" s="456">
        <v>81730554</v>
      </c>
      <c r="JX10" s="456">
        <v>47193514</v>
      </c>
      <c r="JY10" s="456">
        <v>48849470</v>
      </c>
      <c r="JZ10" s="460">
        <v>265176879</v>
      </c>
      <c r="KA10" s="458">
        <v>265331515</v>
      </c>
      <c r="KB10" s="464">
        <v>3918412</v>
      </c>
      <c r="KC10" s="465">
        <v>11363412</v>
      </c>
      <c r="KD10" s="460">
        <v>15281824</v>
      </c>
      <c r="KE10" s="463">
        <v>0</v>
      </c>
      <c r="KF10" s="456">
        <v>66020197</v>
      </c>
      <c r="KG10" s="456">
        <v>120933288</v>
      </c>
      <c r="KH10" s="456">
        <v>143799678</v>
      </c>
      <c r="KI10" s="456">
        <v>120339247</v>
      </c>
      <c r="KJ10" s="456">
        <v>69595926</v>
      </c>
      <c r="KK10" s="460">
        <v>520688336</v>
      </c>
      <c r="KL10" s="466">
        <v>535970160</v>
      </c>
      <c r="KM10" s="452">
        <v>0</v>
      </c>
      <c r="KN10" s="453">
        <v>2725607</v>
      </c>
      <c r="KO10" s="454">
        <v>2725607</v>
      </c>
      <c r="KP10" s="455"/>
      <c r="KQ10" s="456">
        <v>292257705</v>
      </c>
      <c r="KR10" s="456">
        <v>385370626</v>
      </c>
      <c r="KS10" s="456">
        <v>394485349</v>
      </c>
      <c r="KT10" s="456">
        <v>259493366</v>
      </c>
      <c r="KU10" s="456">
        <v>185498908</v>
      </c>
      <c r="KV10" s="460">
        <v>1517105954</v>
      </c>
      <c r="KW10" s="458">
        <v>1519831561</v>
      </c>
      <c r="KX10" s="459">
        <v>0</v>
      </c>
      <c r="KY10" s="456">
        <v>0</v>
      </c>
      <c r="KZ10" s="460">
        <v>0</v>
      </c>
      <c r="LA10" s="467"/>
      <c r="LB10" s="456">
        <v>169736</v>
      </c>
      <c r="LC10" s="456">
        <v>190720</v>
      </c>
      <c r="LD10" s="456">
        <v>425282</v>
      </c>
      <c r="LE10" s="456">
        <v>698997</v>
      </c>
      <c r="LF10" s="456">
        <v>1273050</v>
      </c>
      <c r="LG10" s="460">
        <v>2757785</v>
      </c>
      <c r="LH10" s="462">
        <v>2757785</v>
      </c>
      <c r="LI10" s="459">
        <v>0</v>
      </c>
      <c r="LJ10" s="456">
        <v>0</v>
      </c>
      <c r="LK10" s="460">
        <v>0</v>
      </c>
      <c r="LL10" s="467"/>
      <c r="LM10" s="456">
        <v>894867</v>
      </c>
      <c r="LN10" s="456">
        <v>1521698</v>
      </c>
      <c r="LO10" s="456">
        <v>5612495</v>
      </c>
      <c r="LP10" s="456">
        <v>9784759</v>
      </c>
      <c r="LQ10" s="456">
        <v>7419584</v>
      </c>
      <c r="LR10" s="460">
        <v>25233403</v>
      </c>
      <c r="LS10" s="458">
        <v>25233403</v>
      </c>
      <c r="LT10" s="459">
        <v>0</v>
      </c>
      <c r="LU10" s="456">
        <v>0</v>
      </c>
      <c r="LV10" s="460">
        <v>0</v>
      </c>
      <c r="LW10" s="467"/>
      <c r="LX10" s="456">
        <v>4699417</v>
      </c>
      <c r="LY10" s="456">
        <v>11651935</v>
      </c>
      <c r="LZ10" s="456">
        <v>22036334</v>
      </c>
      <c r="MA10" s="456">
        <v>33334129</v>
      </c>
      <c r="MB10" s="456">
        <v>56672272</v>
      </c>
      <c r="MC10" s="460">
        <v>128394087</v>
      </c>
      <c r="MD10" s="462">
        <v>128394087</v>
      </c>
      <c r="ME10" s="459">
        <v>0</v>
      </c>
      <c r="MF10" s="456">
        <v>0</v>
      </c>
      <c r="MG10" s="460">
        <v>0</v>
      </c>
      <c r="MH10" s="467"/>
      <c r="MI10" s="456">
        <v>220421572</v>
      </c>
      <c r="MJ10" s="456">
        <v>670800229</v>
      </c>
      <c r="MK10" s="456">
        <v>1695462607</v>
      </c>
      <c r="ML10" s="456">
        <v>2459943710</v>
      </c>
      <c r="MM10" s="456">
        <v>1833316028</v>
      </c>
      <c r="MN10" s="460">
        <v>6879944146</v>
      </c>
      <c r="MO10" s="466">
        <v>6879944146</v>
      </c>
      <c r="MP10" s="459">
        <v>0</v>
      </c>
      <c r="MQ10" s="456">
        <v>0</v>
      </c>
      <c r="MR10" s="460">
        <v>0</v>
      </c>
      <c r="MS10" s="467"/>
      <c r="MT10" s="456">
        <v>50458171</v>
      </c>
      <c r="MU10" s="456">
        <v>218545712</v>
      </c>
      <c r="MV10" s="456">
        <v>1076533305</v>
      </c>
      <c r="MW10" s="456">
        <v>1637202382</v>
      </c>
      <c r="MX10" s="456">
        <v>1304329631</v>
      </c>
      <c r="MY10" s="460">
        <v>4287069201</v>
      </c>
      <c r="MZ10" s="466">
        <v>4287069201</v>
      </c>
      <c r="NA10" s="459">
        <v>0</v>
      </c>
      <c r="NB10" s="456">
        <v>0</v>
      </c>
      <c r="NC10" s="460">
        <v>0</v>
      </c>
      <c r="ND10" s="467"/>
      <c r="NE10" s="456">
        <v>169518792</v>
      </c>
      <c r="NF10" s="456">
        <v>451491287</v>
      </c>
      <c r="NG10" s="456">
        <v>614142158</v>
      </c>
      <c r="NH10" s="456">
        <v>774504381</v>
      </c>
      <c r="NI10" s="456">
        <v>463899076</v>
      </c>
      <c r="NJ10" s="460">
        <v>2473555694</v>
      </c>
      <c r="NK10" s="458">
        <v>2473555694</v>
      </c>
      <c r="NL10" s="459">
        <v>0</v>
      </c>
      <c r="NM10" s="456">
        <v>0</v>
      </c>
      <c r="NN10" s="460">
        <v>0</v>
      </c>
      <c r="NO10" s="467"/>
      <c r="NP10" s="456">
        <v>0</v>
      </c>
      <c r="NQ10" s="456">
        <v>0</v>
      </c>
      <c r="NR10" s="456">
        <v>1194629</v>
      </c>
      <c r="NS10" s="456">
        <v>17013637</v>
      </c>
      <c r="NT10" s="456">
        <v>32332675</v>
      </c>
      <c r="NU10" s="460">
        <v>50540941</v>
      </c>
      <c r="NV10" s="462">
        <v>50540941</v>
      </c>
      <c r="NW10" s="459">
        <v>0</v>
      </c>
      <c r="NX10" s="456">
        <v>0</v>
      </c>
      <c r="NY10" s="460">
        <v>0</v>
      </c>
      <c r="NZ10" s="467"/>
      <c r="OA10" s="456">
        <v>444609</v>
      </c>
      <c r="OB10" s="456">
        <v>763230</v>
      </c>
      <c r="OC10" s="456">
        <v>3592515</v>
      </c>
      <c r="OD10" s="456">
        <v>31223310</v>
      </c>
      <c r="OE10" s="456">
        <v>32754646</v>
      </c>
      <c r="OF10" s="460">
        <v>68778310</v>
      </c>
      <c r="OG10" s="462">
        <v>68778310</v>
      </c>
      <c r="OH10" s="459">
        <v>159064032</v>
      </c>
      <c r="OI10" s="456">
        <v>364876758</v>
      </c>
      <c r="OJ10" s="457">
        <v>523940790</v>
      </c>
      <c r="OK10" s="463">
        <v>0</v>
      </c>
      <c r="OL10" s="456">
        <v>2559220622</v>
      </c>
      <c r="OM10" s="456">
        <v>4637535286</v>
      </c>
      <c r="ON10" s="456">
        <v>4955808431</v>
      </c>
      <c r="OO10" s="456">
        <v>5271443027</v>
      </c>
      <c r="OP10" s="456">
        <v>3987890022</v>
      </c>
      <c r="OQ10" s="460">
        <v>21411897388</v>
      </c>
      <c r="OR10" s="466">
        <v>21935838178</v>
      </c>
    </row>
    <row r="11" spans="1:408" ht="18.75" customHeight="1" x14ac:dyDescent="0.2">
      <c r="A11" s="62" t="s">
        <v>6</v>
      </c>
      <c r="B11" s="110">
        <v>51018569</v>
      </c>
      <c r="C11" s="114">
        <v>91267089</v>
      </c>
      <c r="D11" s="113">
        <v>142285658</v>
      </c>
      <c r="E11" s="109">
        <v>0</v>
      </c>
      <c r="F11" s="114">
        <v>817912065</v>
      </c>
      <c r="G11" s="114">
        <v>867404182</v>
      </c>
      <c r="H11" s="114">
        <v>791255326</v>
      </c>
      <c r="I11" s="114">
        <v>816156765</v>
      </c>
      <c r="J11" s="114">
        <v>629335413</v>
      </c>
      <c r="K11" s="109">
        <v>3922063751</v>
      </c>
      <c r="L11" s="116">
        <v>4064349409</v>
      </c>
      <c r="M11" s="110">
        <v>13581225</v>
      </c>
      <c r="N11" s="114">
        <v>28165890</v>
      </c>
      <c r="O11" s="113">
        <v>41747115</v>
      </c>
      <c r="P11" s="110">
        <v>0</v>
      </c>
      <c r="Q11" s="114">
        <v>254608609</v>
      </c>
      <c r="R11" s="114">
        <v>302024306</v>
      </c>
      <c r="S11" s="114">
        <v>280501414</v>
      </c>
      <c r="T11" s="114">
        <v>326436172</v>
      </c>
      <c r="U11" s="114">
        <v>329759440</v>
      </c>
      <c r="V11" s="113">
        <v>1493329941</v>
      </c>
      <c r="W11" s="116">
        <v>1535077056</v>
      </c>
      <c r="X11" s="110">
        <v>0</v>
      </c>
      <c r="Y11" s="114">
        <v>0</v>
      </c>
      <c r="Z11" s="113">
        <v>0</v>
      </c>
      <c r="AA11" s="110">
        <v>0</v>
      </c>
      <c r="AB11" s="114">
        <v>125198176</v>
      </c>
      <c r="AC11" s="114">
        <v>159956637</v>
      </c>
      <c r="AD11" s="114">
        <v>165439993</v>
      </c>
      <c r="AE11" s="114">
        <v>192727271</v>
      </c>
      <c r="AF11" s="114">
        <v>197134302</v>
      </c>
      <c r="AG11" s="113">
        <v>840456379</v>
      </c>
      <c r="AH11" s="116">
        <v>840456379</v>
      </c>
      <c r="AI11" s="110">
        <v>0</v>
      </c>
      <c r="AJ11" s="114">
        <v>234943</v>
      </c>
      <c r="AK11" s="113">
        <v>234943</v>
      </c>
      <c r="AL11" s="110">
        <v>0</v>
      </c>
      <c r="AM11" s="114">
        <v>796969</v>
      </c>
      <c r="AN11" s="114">
        <v>3053609</v>
      </c>
      <c r="AO11" s="114">
        <v>6311516</v>
      </c>
      <c r="AP11" s="114">
        <v>17277286</v>
      </c>
      <c r="AQ11" s="114">
        <v>33809589</v>
      </c>
      <c r="AR11" s="113">
        <v>61248969</v>
      </c>
      <c r="AS11" s="116">
        <v>61483912</v>
      </c>
      <c r="AT11" s="110">
        <v>7250895</v>
      </c>
      <c r="AU11" s="114">
        <v>19699944</v>
      </c>
      <c r="AV11" s="113">
        <v>26950839</v>
      </c>
      <c r="AW11" s="110">
        <v>0</v>
      </c>
      <c r="AX11" s="114">
        <v>79121491</v>
      </c>
      <c r="AY11" s="114">
        <v>83083777</v>
      </c>
      <c r="AZ11" s="114">
        <v>59101848</v>
      </c>
      <c r="BA11" s="114">
        <v>66636713</v>
      </c>
      <c r="BB11" s="114">
        <v>59812012</v>
      </c>
      <c r="BC11" s="113">
        <v>347755841</v>
      </c>
      <c r="BD11" s="116">
        <v>374706680</v>
      </c>
      <c r="BE11" s="110">
        <v>604067</v>
      </c>
      <c r="BF11" s="114">
        <v>1553690</v>
      </c>
      <c r="BG11" s="112">
        <v>2157757</v>
      </c>
      <c r="BH11" s="111">
        <v>0</v>
      </c>
      <c r="BI11" s="114">
        <v>5709409</v>
      </c>
      <c r="BJ11" s="114">
        <v>8258125</v>
      </c>
      <c r="BK11" s="114">
        <v>4794354</v>
      </c>
      <c r="BL11" s="114">
        <v>5072496</v>
      </c>
      <c r="BM11" s="114">
        <v>2928889</v>
      </c>
      <c r="BN11" s="113">
        <v>26763273</v>
      </c>
      <c r="BO11" s="116">
        <v>28921030</v>
      </c>
      <c r="BP11" s="110">
        <v>5726263</v>
      </c>
      <c r="BQ11" s="114">
        <v>6677313</v>
      </c>
      <c r="BR11" s="113">
        <v>12403576</v>
      </c>
      <c r="BS11" s="110">
        <v>0</v>
      </c>
      <c r="BT11" s="114">
        <v>43782564</v>
      </c>
      <c r="BU11" s="114">
        <v>47672158</v>
      </c>
      <c r="BV11" s="114">
        <v>44853703</v>
      </c>
      <c r="BW11" s="114">
        <v>44722406</v>
      </c>
      <c r="BX11" s="114">
        <v>36074648</v>
      </c>
      <c r="BY11" s="113">
        <v>217105479</v>
      </c>
      <c r="BZ11" s="116">
        <v>229509055</v>
      </c>
      <c r="CA11" s="110">
        <v>2231771</v>
      </c>
      <c r="CB11" s="114">
        <v>8735484</v>
      </c>
      <c r="CC11" s="113">
        <v>10967255</v>
      </c>
      <c r="CD11" s="110">
        <v>0</v>
      </c>
      <c r="CE11" s="114">
        <v>227582287</v>
      </c>
      <c r="CF11" s="114">
        <v>225283413</v>
      </c>
      <c r="CG11" s="114">
        <v>177350293</v>
      </c>
      <c r="CH11" s="114">
        <v>133162164</v>
      </c>
      <c r="CI11" s="114">
        <v>64544644</v>
      </c>
      <c r="CJ11" s="113">
        <v>827922801</v>
      </c>
      <c r="CK11" s="116">
        <v>838890056</v>
      </c>
      <c r="CL11" s="110">
        <v>0</v>
      </c>
      <c r="CM11" s="114">
        <v>0</v>
      </c>
      <c r="CN11" s="113">
        <v>0</v>
      </c>
      <c r="CO11" s="111">
        <v>0</v>
      </c>
      <c r="CP11" s="114">
        <v>195984513</v>
      </c>
      <c r="CQ11" s="114">
        <v>177640237</v>
      </c>
      <c r="CR11" s="114">
        <v>137377354</v>
      </c>
      <c r="CS11" s="114">
        <v>99912802</v>
      </c>
      <c r="CT11" s="114">
        <v>52986232</v>
      </c>
      <c r="CU11" s="113">
        <v>663901138</v>
      </c>
      <c r="CV11" s="116">
        <v>663901138</v>
      </c>
      <c r="CW11" s="110">
        <v>2231771</v>
      </c>
      <c r="CX11" s="114">
        <v>8735484</v>
      </c>
      <c r="CY11" s="113">
        <v>10967255</v>
      </c>
      <c r="CZ11" s="110">
        <v>0</v>
      </c>
      <c r="DA11" s="114">
        <v>31597774</v>
      </c>
      <c r="DB11" s="114">
        <v>47643176</v>
      </c>
      <c r="DC11" s="114">
        <v>39972939</v>
      </c>
      <c r="DD11" s="114">
        <v>33249362</v>
      </c>
      <c r="DE11" s="114">
        <v>11558412</v>
      </c>
      <c r="DF11" s="113">
        <v>164021663</v>
      </c>
      <c r="DG11" s="116">
        <v>174988918</v>
      </c>
      <c r="DH11" s="110">
        <v>309468</v>
      </c>
      <c r="DI11" s="114">
        <v>621685</v>
      </c>
      <c r="DJ11" s="112">
        <v>931153</v>
      </c>
      <c r="DK11" s="111">
        <v>0</v>
      </c>
      <c r="DL11" s="114">
        <v>16654872</v>
      </c>
      <c r="DM11" s="114">
        <v>29471194</v>
      </c>
      <c r="DN11" s="114">
        <v>55697879</v>
      </c>
      <c r="DO11" s="114">
        <v>55241043</v>
      </c>
      <c r="DP11" s="114">
        <v>30430140</v>
      </c>
      <c r="DQ11" s="113">
        <v>187495128</v>
      </c>
      <c r="DR11" s="116">
        <v>188426281</v>
      </c>
      <c r="DS11" s="110">
        <v>264259</v>
      </c>
      <c r="DT11" s="114">
        <v>613495</v>
      </c>
      <c r="DU11" s="113">
        <v>877754</v>
      </c>
      <c r="DV11" s="110">
        <v>0</v>
      </c>
      <c r="DW11" s="114">
        <v>15397213</v>
      </c>
      <c r="DX11" s="114">
        <v>26507399</v>
      </c>
      <c r="DY11" s="114">
        <v>49898500</v>
      </c>
      <c r="DZ11" s="114">
        <v>48987251</v>
      </c>
      <c r="EA11" s="114">
        <v>26324795</v>
      </c>
      <c r="EB11" s="113">
        <v>167115158</v>
      </c>
      <c r="EC11" s="116">
        <v>167992912</v>
      </c>
      <c r="ED11" s="110">
        <v>45209</v>
      </c>
      <c r="EE11" s="112">
        <v>8190</v>
      </c>
      <c r="EF11" s="113">
        <v>53399</v>
      </c>
      <c r="EG11" s="110">
        <v>0</v>
      </c>
      <c r="EH11" s="114">
        <v>1257659</v>
      </c>
      <c r="EI11" s="114">
        <v>2963795</v>
      </c>
      <c r="EJ11" s="114">
        <v>5799379</v>
      </c>
      <c r="EK11" s="114">
        <v>6253792</v>
      </c>
      <c r="EL11" s="114">
        <v>4105345</v>
      </c>
      <c r="EM11" s="112">
        <v>20379970</v>
      </c>
      <c r="EN11" s="116">
        <v>20433369</v>
      </c>
      <c r="EO11" s="110">
        <v>0</v>
      </c>
      <c r="EP11" s="114">
        <v>0</v>
      </c>
      <c r="EQ11" s="112">
        <v>0</v>
      </c>
      <c r="ER11" s="111">
        <v>0</v>
      </c>
      <c r="ES11" s="114">
        <v>0</v>
      </c>
      <c r="ET11" s="114">
        <v>0</v>
      </c>
      <c r="EU11" s="114">
        <v>0</v>
      </c>
      <c r="EV11" s="114">
        <v>0</v>
      </c>
      <c r="EW11" s="114">
        <v>0</v>
      </c>
      <c r="EX11" s="113">
        <v>0</v>
      </c>
      <c r="EY11" s="116">
        <v>0</v>
      </c>
      <c r="EZ11" s="110">
        <v>0</v>
      </c>
      <c r="FA11" s="114">
        <v>0</v>
      </c>
      <c r="FB11" s="112">
        <v>0</v>
      </c>
      <c r="FC11" s="348"/>
      <c r="FD11" s="114">
        <v>0</v>
      </c>
      <c r="FE11" s="114">
        <v>0</v>
      </c>
      <c r="FF11" s="114">
        <v>0</v>
      </c>
      <c r="FG11" s="114">
        <v>0</v>
      </c>
      <c r="FH11" s="114">
        <v>0</v>
      </c>
      <c r="FI11" s="113">
        <v>0</v>
      </c>
      <c r="FJ11" s="116">
        <v>0</v>
      </c>
      <c r="FK11" s="110">
        <v>11551800</v>
      </c>
      <c r="FL11" s="114">
        <v>20075191</v>
      </c>
      <c r="FM11" s="113">
        <v>31626991</v>
      </c>
      <c r="FN11" s="110">
        <v>0</v>
      </c>
      <c r="FO11" s="114">
        <v>42911857</v>
      </c>
      <c r="FP11" s="114">
        <v>79844405</v>
      </c>
      <c r="FQ11" s="114">
        <v>62727444</v>
      </c>
      <c r="FR11" s="114">
        <v>66252095</v>
      </c>
      <c r="FS11" s="114">
        <v>46536750</v>
      </c>
      <c r="FT11" s="113">
        <v>298272551</v>
      </c>
      <c r="FU11" s="116">
        <v>329899542</v>
      </c>
      <c r="FV11" s="115">
        <v>7053471</v>
      </c>
      <c r="FW11" s="114">
        <v>16779883</v>
      </c>
      <c r="FX11" s="112">
        <v>23833354</v>
      </c>
      <c r="FY11" s="111">
        <v>0</v>
      </c>
      <c r="FZ11" s="114">
        <v>37598892</v>
      </c>
      <c r="GA11" s="114">
        <v>73935411</v>
      </c>
      <c r="GB11" s="114">
        <v>59205941</v>
      </c>
      <c r="GC11" s="114">
        <v>62011379</v>
      </c>
      <c r="GD11" s="114">
        <v>44398057</v>
      </c>
      <c r="GE11" s="113">
        <v>277149680</v>
      </c>
      <c r="GF11" s="319">
        <v>300983034</v>
      </c>
      <c r="GG11" s="115">
        <v>604250</v>
      </c>
      <c r="GH11" s="114">
        <v>869658</v>
      </c>
      <c r="GI11" s="112">
        <v>1473908</v>
      </c>
      <c r="GJ11" s="111">
        <v>0</v>
      </c>
      <c r="GK11" s="114">
        <v>1885848</v>
      </c>
      <c r="GL11" s="114">
        <v>2018734</v>
      </c>
      <c r="GM11" s="114">
        <v>1655747</v>
      </c>
      <c r="GN11" s="114">
        <v>1770951</v>
      </c>
      <c r="GO11" s="114">
        <v>997315</v>
      </c>
      <c r="GP11" s="113">
        <v>8328595</v>
      </c>
      <c r="GQ11" s="116">
        <v>9802503</v>
      </c>
      <c r="GR11" s="110">
        <v>3894079</v>
      </c>
      <c r="GS11" s="114">
        <v>2425650</v>
      </c>
      <c r="GT11" s="113">
        <v>6319729</v>
      </c>
      <c r="GU11" s="110">
        <v>0</v>
      </c>
      <c r="GV11" s="114">
        <v>3427117</v>
      </c>
      <c r="GW11" s="114">
        <v>3890260</v>
      </c>
      <c r="GX11" s="114">
        <v>1865756</v>
      </c>
      <c r="GY11" s="114">
        <v>2469765</v>
      </c>
      <c r="GZ11" s="114">
        <v>1141378</v>
      </c>
      <c r="HA11" s="112">
        <v>12794276</v>
      </c>
      <c r="HB11" s="116">
        <v>19114005</v>
      </c>
      <c r="HC11" s="110">
        <v>13811762</v>
      </c>
      <c r="HD11" s="114">
        <v>17224346</v>
      </c>
      <c r="HE11" s="112">
        <v>31036108</v>
      </c>
      <c r="HF11" s="111">
        <v>0</v>
      </c>
      <c r="HG11" s="114">
        <v>138996833</v>
      </c>
      <c r="HH11" s="114">
        <v>124391389</v>
      </c>
      <c r="HI11" s="114">
        <v>134883770</v>
      </c>
      <c r="HJ11" s="114">
        <v>172610534</v>
      </c>
      <c r="HK11" s="114">
        <v>120330303</v>
      </c>
      <c r="HL11" s="113">
        <v>691212829</v>
      </c>
      <c r="HM11" s="109">
        <v>722248937</v>
      </c>
      <c r="HN11" s="115">
        <v>9532543</v>
      </c>
      <c r="HO11" s="114">
        <v>16444493</v>
      </c>
      <c r="HP11" s="113">
        <v>25977036</v>
      </c>
      <c r="HQ11" s="110">
        <v>0</v>
      </c>
      <c r="HR11" s="114">
        <v>137157607</v>
      </c>
      <c r="HS11" s="114">
        <v>106389475</v>
      </c>
      <c r="HT11" s="114">
        <v>80094526</v>
      </c>
      <c r="HU11" s="114">
        <v>62454757</v>
      </c>
      <c r="HV11" s="114">
        <v>37734136</v>
      </c>
      <c r="HW11" s="112">
        <v>423830501</v>
      </c>
      <c r="HX11" s="116">
        <v>449807537</v>
      </c>
      <c r="HY11" s="131">
        <v>1000707</v>
      </c>
      <c r="HZ11" s="132">
        <v>4961545</v>
      </c>
      <c r="IA11" s="133">
        <v>5962252</v>
      </c>
      <c r="IB11" s="146">
        <v>0</v>
      </c>
      <c r="IC11" s="132">
        <v>281160628</v>
      </c>
      <c r="ID11" s="147">
        <v>324623782</v>
      </c>
      <c r="IE11" s="133">
        <v>352998949</v>
      </c>
      <c r="IF11" s="132">
        <v>293168527</v>
      </c>
      <c r="IG11" s="133">
        <v>210571654</v>
      </c>
      <c r="IH11" s="148">
        <v>1462523540</v>
      </c>
      <c r="II11" s="139">
        <v>1468485792</v>
      </c>
      <c r="IJ11" s="232">
        <v>0</v>
      </c>
      <c r="IK11" s="236">
        <v>0</v>
      </c>
      <c r="IL11" s="237">
        <v>0</v>
      </c>
      <c r="IM11" s="140"/>
      <c r="IN11" s="119">
        <v>6225477</v>
      </c>
      <c r="IO11" s="119">
        <v>9313129</v>
      </c>
      <c r="IP11" s="119">
        <v>12426641</v>
      </c>
      <c r="IQ11" s="119">
        <v>23944133</v>
      </c>
      <c r="IR11" s="119">
        <v>28382220</v>
      </c>
      <c r="IS11" s="141">
        <v>80291600</v>
      </c>
      <c r="IT11" s="321">
        <v>80291600</v>
      </c>
      <c r="IU11" s="142">
        <v>0</v>
      </c>
      <c r="IV11" s="119">
        <v>0</v>
      </c>
      <c r="IW11" s="120">
        <v>0</v>
      </c>
      <c r="IX11" s="144"/>
      <c r="IY11" s="119">
        <v>1355602</v>
      </c>
      <c r="IZ11" s="119">
        <v>2430616</v>
      </c>
      <c r="JA11" s="119">
        <v>2056136</v>
      </c>
      <c r="JB11" s="119">
        <v>2979398</v>
      </c>
      <c r="JC11" s="119">
        <v>3193008</v>
      </c>
      <c r="JD11" s="120">
        <v>12014760</v>
      </c>
      <c r="JE11" s="121">
        <v>12014760</v>
      </c>
      <c r="JF11" s="142">
        <v>0</v>
      </c>
      <c r="JG11" s="119">
        <v>0</v>
      </c>
      <c r="JH11" s="141">
        <v>0</v>
      </c>
      <c r="JI11" s="118">
        <v>0</v>
      </c>
      <c r="JJ11" s="119">
        <v>93364710</v>
      </c>
      <c r="JK11" s="119">
        <v>82472627</v>
      </c>
      <c r="JL11" s="119">
        <v>62899898</v>
      </c>
      <c r="JM11" s="119">
        <v>42918846</v>
      </c>
      <c r="JN11" s="119">
        <v>28899114</v>
      </c>
      <c r="JO11" s="120">
        <v>310555195</v>
      </c>
      <c r="JP11" s="321">
        <v>310555195</v>
      </c>
      <c r="JQ11" s="142">
        <v>59180</v>
      </c>
      <c r="JR11" s="119">
        <v>55236</v>
      </c>
      <c r="JS11" s="141">
        <v>114416</v>
      </c>
      <c r="JT11" s="118">
        <v>0</v>
      </c>
      <c r="JU11" s="119">
        <v>16094814</v>
      </c>
      <c r="JV11" s="119">
        <v>22808093</v>
      </c>
      <c r="JW11" s="119">
        <v>31852794</v>
      </c>
      <c r="JX11" s="119">
        <v>22015368</v>
      </c>
      <c r="JY11" s="119">
        <v>15593249</v>
      </c>
      <c r="JZ11" s="120">
        <v>108364318</v>
      </c>
      <c r="KA11" s="321">
        <v>108478734</v>
      </c>
      <c r="KB11" s="234">
        <v>941527</v>
      </c>
      <c r="KC11" s="230">
        <v>3178406</v>
      </c>
      <c r="KD11" s="120">
        <v>4119933</v>
      </c>
      <c r="KE11" s="118">
        <v>0</v>
      </c>
      <c r="KF11" s="119">
        <v>32621293</v>
      </c>
      <c r="KG11" s="119">
        <v>43450395</v>
      </c>
      <c r="KH11" s="119">
        <v>49580590</v>
      </c>
      <c r="KI11" s="119">
        <v>40022030</v>
      </c>
      <c r="KJ11" s="119">
        <v>18541280</v>
      </c>
      <c r="KK11" s="120">
        <v>184215588</v>
      </c>
      <c r="KL11" s="143">
        <v>188335521</v>
      </c>
      <c r="KM11" s="232">
        <v>0</v>
      </c>
      <c r="KN11" s="236">
        <v>1727903</v>
      </c>
      <c r="KO11" s="237">
        <v>1727903</v>
      </c>
      <c r="KP11" s="140"/>
      <c r="KQ11" s="119">
        <v>120825128</v>
      </c>
      <c r="KR11" s="119">
        <v>146358375</v>
      </c>
      <c r="KS11" s="119">
        <v>155939139</v>
      </c>
      <c r="KT11" s="119">
        <v>105169079</v>
      </c>
      <c r="KU11" s="119">
        <v>64977270</v>
      </c>
      <c r="KV11" s="120">
        <v>593268991</v>
      </c>
      <c r="KW11" s="321">
        <v>594996894</v>
      </c>
      <c r="KX11" s="142">
        <v>0</v>
      </c>
      <c r="KY11" s="119">
        <v>0</v>
      </c>
      <c r="KZ11" s="120">
        <v>0</v>
      </c>
      <c r="LA11" s="145"/>
      <c r="LB11" s="119">
        <v>0</v>
      </c>
      <c r="LC11" s="119">
        <v>0</v>
      </c>
      <c r="LD11" s="119">
        <v>0</v>
      </c>
      <c r="LE11" s="119">
        <v>0</v>
      </c>
      <c r="LF11" s="119">
        <v>0</v>
      </c>
      <c r="LG11" s="120">
        <v>0</v>
      </c>
      <c r="LH11" s="121">
        <v>0</v>
      </c>
      <c r="LI11" s="142">
        <v>0</v>
      </c>
      <c r="LJ11" s="119">
        <v>0</v>
      </c>
      <c r="LK11" s="120">
        <v>0</v>
      </c>
      <c r="LL11" s="145"/>
      <c r="LM11" s="119">
        <v>1047644</v>
      </c>
      <c r="LN11" s="119">
        <v>1210357</v>
      </c>
      <c r="LO11" s="119">
        <v>18688271</v>
      </c>
      <c r="LP11" s="119">
        <v>27963806</v>
      </c>
      <c r="LQ11" s="119">
        <v>20593152</v>
      </c>
      <c r="LR11" s="120">
        <v>69503230</v>
      </c>
      <c r="LS11" s="321">
        <v>69503230</v>
      </c>
      <c r="LT11" s="142">
        <v>0</v>
      </c>
      <c r="LU11" s="119">
        <v>0</v>
      </c>
      <c r="LV11" s="120">
        <v>0</v>
      </c>
      <c r="LW11" s="145"/>
      <c r="LX11" s="119">
        <v>9625960</v>
      </c>
      <c r="LY11" s="119">
        <v>16580190</v>
      </c>
      <c r="LZ11" s="119">
        <v>19555480</v>
      </c>
      <c r="MA11" s="119">
        <v>28155867</v>
      </c>
      <c r="MB11" s="119">
        <v>30392361</v>
      </c>
      <c r="MC11" s="120">
        <v>104309858</v>
      </c>
      <c r="MD11" s="121">
        <v>104309858</v>
      </c>
      <c r="ME11" s="142">
        <v>0</v>
      </c>
      <c r="MF11" s="119">
        <v>0</v>
      </c>
      <c r="MG11" s="120">
        <v>0</v>
      </c>
      <c r="MH11" s="145"/>
      <c r="MI11" s="119">
        <v>73398832</v>
      </c>
      <c r="MJ11" s="119">
        <v>138705721</v>
      </c>
      <c r="MK11" s="119">
        <v>454862776</v>
      </c>
      <c r="ML11" s="119">
        <v>689564505</v>
      </c>
      <c r="MM11" s="119">
        <v>516597674</v>
      </c>
      <c r="MN11" s="120">
        <v>1873129508</v>
      </c>
      <c r="MO11" s="143">
        <v>1873129508</v>
      </c>
      <c r="MP11" s="142">
        <v>0</v>
      </c>
      <c r="MQ11" s="119">
        <v>0</v>
      </c>
      <c r="MR11" s="120">
        <v>0</v>
      </c>
      <c r="MS11" s="145"/>
      <c r="MT11" s="119">
        <v>15838182</v>
      </c>
      <c r="MU11" s="119">
        <v>43371313</v>
      </c>
      <c r="MV11" s="119">
        <v>306020612</v>
      </c>
      <c r="MW11" s="119">
        <v>442521033</v>
      </c>
      <c r="MX11" s="119">
        <v>358770035</v>
      </c>
      <c r="MY11" s="120">
        <v>1166521175</v>
      </c>
      <c r="MZ11" s="143">
        <v>1166521175</v>
      </c>
      <c r="NA11" s="142">
        <v>0</v>
      </c>
      <c r="NB11" s="119">
        <v>0</v>
      </c>
      <c r="NC11" s="120">
        <v>0</v>
      </c>
      <c r="ND11" s="145"/>
      <c r="NE11" s="119">
        <v>57372529</v>
      </c>
      <c r="NF11" s="119">
        <v>95082579</v>
      </c>
      <c r="NG11" s="119">
        <v>143710797</v>
      </c>
      <c r="NH11" s="119">
        <v>211577032</v>
      </c>
      <c r="NI11" s="119">
        <v>102452352</v>
      </c>
      <c r="NJ11" s="120">
        <v>610195289</v>
      </c>
      <c r="NK11" s="321">
        <v>610195289</v>
      </c>
      <c r="NL11" s="142">
        <v>0</v>
      </c>
      <c r="NM11" s="119">
        <v>0</v>
      </c>
      <c r="NN11" s="120">
        <v>0</v>
      </c>
      <c r="NO11" s="145"/>
      <c r="NP11" s="119">
        <v>188121</v>
      </c>
      <c r="NQ11" s="119">
        <v>0</v>
      </c>
      <c r="NR11" s="119">
        <v>3641439</v>
      </c>
      <c r="NS11" s="119">
        <v>22768355</v>
      </c>
      <c r="NT11" s="119">
        <v>32476427</v>
      </c>
      <c r="NU11" s="120">
        <v>59074342</v>
      </c>
      <c r="NV11" s="121">
        <v>59074342</v>
      </c>
      <c r="NW11" s="142">
        <v>0</v>
      </c>
      <c r="NX11" s="119">
        <v>0</v>
      </c>
      <c r="NY11" s="120">
        <v>0</v>
      </c>
      <c r="NZ11" s="145"/>
      <c r="OA11" s="119">
        <v>0</v>
      </c>
      <c r="OB11" s="119">
        <v>251829</v>
      </c>
      <c r="OC11" s="119">
        <v>1489928</v>
      </c>
      <c r="OD11" s="119">
        <v>12698085</v>
      </c>
      <c r="OE11" s="119">
        <v>22898860</v>
      </c>
      <c r="OF11" s="120">
        <v>37338702</v>
      </c>
      <c r="OG11" s="121">
        <v>37338702</v>
      </c>
      <c r="OH11" s="142">
        <v>52019276</v>
      </c>
      <c r="OI11" s="119">
        <v>96228634</v>
      </c>
      <c r="OJ11" s="141">
        <v>148247910</v>
      </c>
      <c r="OK11" s="118">
        <v>0</v>
      </c>
      <c r="OL11" s="119">
        <v>1172471525</v>
      </c>
      <c r="OM11" s="119">
        <v>1330733685</v>
      </c>
      <c r="ON11" s="119">
        <v>1599117051</v>
      </c>
      <c r="OO11" s="119">
        <v>1798889797</v>
      </c>
      <c r="OP11" s="119">
        <v>1356504741</v>
      </c>
      <c r="OQ11" s="120">
        <v>7257716799</v>
      </c>
      <c r="OR11" s="143">
        <v>7405964709</v>
      </c>
    </row>
    <row r="12" spans="1:408" ht="18.75" customHeight="1" x14ac:dyDescent="0.2">
      <c r="A12" s="62" t="s">
        <v>14</v>
      </c>
      <c r="B12" s="110">
        <v>26887543</v>
      </c>
      <c r="C12" s="114">
        <v>71247139</v>
      </c>
      <c r="D12" s="113">
        <v>98134682</v>
      </c>
      <c r="E12" s="109">
        <v>0</v>
      </c>
      <c r="F12" s="114">
        <v>316225101</v>
      </c>
      <c r="G12" s="114">
        <v>469890605</v>
      </c>
      <c r="H12" s="114">
        <v>451532613</v>
      </c>
      <c r="I12" s="114">
        <v>395590249</v>
      </c>
      <c r="J12" s="114">
        <v>281218382</v>
      </c>
      <c r="K12" s="112">
        <v>1914456950</v>
      </c>
      <c r="L12" s="116">
        <v>2012591632</v>
      </c>
      <c r="M12" s="110">
        <v>5391566</v>
      </c>
      <c r="N12" s="114">
        <v>16560883</v>
      </c>
      <c r="O12" s="113">
        <v>21952449</v>
      </c>
      <c r="P12" s="110">
        <v>0</v>
      </c>
      <c r="Q12" s="114">
        <v>91175120</v>
      </c>
      <c r="R12" s="114">
        <v>147684000</v>
      </c>
      <c r="S12" s="114">
        <v>142398656</v>
      </c>
      <c r="T12" s="114">
        <v>144602758</v>
      </c>
      <c r="U12" s="114">
        <v>139580197</v>
      </c>
      <c r="V12" s="113">
        <v>665440731</v>
      </c>
      <c r="W12" s="116">
        <v>687393180</v>
      </c>
      <c r="X12" s="110">
        <v>0</v>
      </c>
      <c r="Y12" s="114">
        <v>0</v>
      </c>
      <c r="Z12" s="113">
        <v>0</v>
      </c>
      <c r="AA12" s="110">
        <v>0</v>
      </c>
      <c r="AB12" s="114">
        <v>48347644</v>
      </c>
      <c r="AC12" s="114">
        <v>80458593</v>
      </c>
      <c r="AD12" s="114">
        <v>82611573</v>
      </c>
      <c r="AE12" s="114">
        <v>85689388</v>
      </c>
      <c r="AF12" s="114">
        <v>77696093</v>
      </c>
      <c r="AG12" s="113">
        <v>374803291</v>
      </c>
      <c r="AH12" s="116">
        <v>374803291</v>
      </c>
      <c r="AI12" s="110">
        <v>0</v>
      </c>
      <c r="AJ12" s="114">
        <v>60836</v>
      </c>
      <c r="AK12" s="113">
        <v>60836</v>
      </c>
      <c r="AL12" s="110">
        <v>0</v>
      </c>
      <c r="AM12" s="114">
        <v>122962</v>
      </c>
      <c r="AN12" s="114">
        <v>1346222</v>
      </c>
      <c r="AO12" s="114">
        <v>3715027</v>
      </c>
      <c r="AP12" s="114">
        <v>7746311</v>
      </c>
      <c r="AQ12" s="114">
        <v>16946553</v>
      </c>
      <c r="AR12" s="113">
        <v>29877075</v>
      </c>
      <c r="AS12" s="116">
        <v>29937911</v>
      </c>
      <c r="AT12" s="110">
        <v>2768493</v>
      </c>
      <c r="AU12" s="114">
        <v>11571384</v>
      </c>
      <c r="AV12" s="113">
        <v>14339877</v>
      </c>
      <c r="AW12" s="110">
        <v>0</v>
      </c>
      <c r="AX12" s="114">
        <v>23982071</v>
      </c>
      <c r="AY12" s="114">
        <v>41954565</v>
      </c>
      <c r="AZ12" s="114">
        <v>31384282</v>
      </c>
      <c r="BA12" s="114">
        <v>30011413</v>
      </c>
      <c r="BB12" s="114">
        <v>29820890</v>
      </c>
      <c r="BC12" s="113">
        <v>157153221</v>
      </c>
      <c r="BD12" s="116">
        <v>171493098</v>
      </c>
      <c r="BE12" s="110">
        <v>230344</v>
      </c>
      <c r="BF12" s="114">
        <v>1244932</v>
      </c>
      <c r="BG12" s="112">
        <v>1475276</v>
      </c>
      <c r="BH12" s="111">
        <v>0</v>
      </c>
      <c r="BI12" s="114">
        <v>661424</v>
      </c>
      <c r="BJ12" s="114">
        <v>2683523</v>
      </c>
      <c r="BK12" s="114">
        <v>2765231</v>
      </c>
      <c r="BL12" s="114">
        <v>1793320</v>
      </c>
      <c r="BM12" s="114">
        <v>840058</v>
      </c>
      <c r="BN12" s="113">
        <v>8743556</v>
      </c>
      <c r="BO12" s="116">
        <v>10218832</v>
      </c>
      <c r="BP12" s="110">
        <v>2392729</v>
      </c>
      <c r="BQ12" s="114">
        <v>3683731</v>
      </c>
      <c r="BR12" s="113">
        <v>6076460</v>
      </c>
      <c r="BS12" s="110">
        <v>0</v>
      </c>
      <c r="BT12" s="114">
        <v>18061019</v>
      </c>
      <c r="BU12" s="114">
        <v>21241097</v>
      </c>
      <c r="BV12" s="114">
        <v>21922543</v>
      </c>
      <c r="BW12" s="114">
        <v>19362326</v>
      </c>
      <c r="BX12" s="114">
        <v>14276603</v>
      </c>
      <c r="BY12" s="113">
        <v>94863588</v>
      </c>
      <c r="BZ12" s="116">
        <v>100940048</v>
      </c>
      <c r="CA12" s="110">
        <v>1647307</v>
      </c>
      <c r="CB12" s="114">
        <v>7079210</v>
      </c>
      <c r="CC12" s="113">
        <v>8726517</v>
      </c>
      <c r="CD12" s="110">
        <v>0</v>
      </c>
      <c r="CE12" s="114">
        <v>90429945</v>
      </c>
      <c r="CF12" s="114">
        <v>136204882</v>
      </c>
      <c r="CG12" s="114">
        <v>122350889</v>
      </c>
      <c r="CH12" s="114">
        <v>86241715</v>
      </c>
      <c r="CI12" s="114">
        <v>42082872</v>
      </c>
      <c r="CJ12" s="113">
        <v>477310303</v>
      </c>
      <c r="CK12" s="116">
        <v>486036820</v>
      </c>
      <c r="CL12" s="110">
        <v>0</v>
      </c>
      <c r="CM12" s="114">
        <v>0</v>
      </c>
      <c r="CN12" s="113">
        <v>0</v>
      </c>
      <c r="CO12" s="111">
        <v>0</v>
      </c>
      <c r="CP12" s="114">
        <v>83755240</v>
      </c>
      <c r="CQ12" s="114">
        <v>114035044</v>
      </c>
      <c r="CR12" s="114">
        <v>103380082</v>
      </c>
      <c r="CS12" s="114">
        <v>70521509</v>
      </c>
      <c r="CT12" s="114">
        <v>36794513</v>
      </c>
      <c r="CU12" s="113">
        <v>408486388</v>
      </c>
      <c r="CV12" s="116">
        <v>408486388</v>
      </c>
      <c r="CW12" s="110">
        <v>1647307</v>
      </c>
      <c r="CX12" s="114">
        <v>7079210</v>
      </c>
      <c r="CY12" s="113">
        <v>8726517</v>
      </c>
      <c r="CZ12" s="110">
        <v>0</v>
      </c>
      <c r="DA12" s="114">
        <v>6674705</v>
      </c>
      <c r="DB12" s="114">
        <v>22169838</v>
      </c>
      <c r="DC12" s="114">
        <v>18970807</v>
      </c>
      <c r="DD12" s="114">
        <v>15720206</v>
      </c>
      <c r="DE12" s="114">
        <v>5288359</v>
      </c>
      <c r="DF12" s="113">
        <v>68823915</v>
      </c>
      <c r="DG12" s="116">
        <v>77550432</v>
      </c>
      <c r="DH12" s="110">
        <v>111396</v>
      </c>
      <c r="DI12" s="114">
        <v>640264</v>
      </c>
      <c r="DJ12" s="112">
        <v>751660</v>
      </c>
      <c r="DK12" s="111">
        <v>0</v>
      </c>
      <c r="DL12" s="114">
        <v>6933552</v>
      </c>
      <c r="DM12" s="114">
        <v>19936939</v>
      </c>
      <c r="DN12" s="114">
        <v>45137276</v>
      </c>
      <c r="DO12" s="114">
        <v>35265393</v>
      </c>
      <c r="DP12" s="114">
        <v>19391362</v>
      </c>
      <c r="DQ12" s="113">
        <v>126664522</v>
      </c>
      <c r="DR12" s="116">
        <v>127416182</v>
      </c>
      <c r="DS12" s="110">
        <v>111396</v>
      </c>
      <c r="DT12" s="114">
        <v>640264</v>
      </c>
      <c r="DU12" s="113">
        <v>751660</v>
      </c>
      <c r="DV12" s="110">
        <v>0</v>
      </c>
      <c r="DW12" s="114">
        <v>6748672</v>
      </c>
      <c r="DX12" s="114">
        <v>19201496</v>
      </c>
      <c r="DY12" s="114">
        <v>44236527</v>
      </c>
      <c r="DZ12" s="114">
        <v>34032517</v>
      </c>
      <c r="EA12" s="114">
        <v>18983128</v>
      </c>
      <c r="EB12" s="113">
        <v>123202340</v>
      </c>
      <c r="EC12" s="116">
        <v>123954000</v>
      </c>
      <c r="ED12" s="110">
        <v>0</v>
      </c>
      <c r="EE12" s="112">
        <v>0</v>
      </c>
      <c r="EF12" s="113">
        <v>0</v>
      </c>
      <c r="EG12" s="110">
        <v>0</v>
      </c>
      <c r="EH12" s="114">
        <v>184880</v>
      </c>
      <c r="EI12" s="114">
        <v>735443</v>
      </c>
      <c r="EJ12" s="114">
        <v>900749</v>
      </c>
      <c r="EK12" s="114">
        <v>1232876</v>
      </c>
      <c r="EL12" s="114">
        <v>408234</v>
      </c>
      <c r="EM12" s="112">
        <v>3462182</v>
      </c>
      <c r="EN12" s="116">
        <v>3462182</v>
      </c>
      <c r="EO12" s="110">
        <v>0</v>
      </c>
      <c r="EP12" s="114">
        <v>0</v>
      </c>
      <c r="EQ12" s="112">
        <v>0</v>
      </c>
      <c r="ER12" s="111">
        <v>0</v>
      </c>
      <c r="ES12" s="114">
        <v>0</v>
      </c>
      <c r="ET12" s="114">
        <v>0</v>
      </c>
      <c r="EU12" s="114">
        <v>0</v>
      </c>
      <c r="EV12" s="114">
        <v>0</v>
      </c>
      <c r="EW12" s="114">
        <v>0</v>
      </c>
      <c r="EX12" s="113">
        <v>0</v>
      </c>
      <c r="EY12" s="116">
        <v>0</v>
      </c>
      <c r="EZ12" s="110">
        <v>0</v>
      </c>
      <c r="FA12" s="114">
        <v>0</v>
      </c>
      <c r="FB12" s="112">
        <v>0</v>
      </c>
      <c r="FC12" s="348"/>
      <c r="FD12" s="114">
        <v>0</v>
      </c>
      <c r="FE12" s="114">
        <v>0</v>
      </c>
      <c r="FF12" s="114">
        <v>0</v>
      </c>
      <c r="FG12" s="114">
        <v>0</v>
      </c>
      <c r="FH12" s="114">
        <v>0</v>
      </c>
      <c r="FI12" s="113">
        <v>0</v>
      </c>
      <c r="FJ12" s="116">
        <v>0</v>
      </c>
      <c r="FK12" s="110">
        <v>7392770</v>
      </c>
      <c r="FL12" s="114">
        <v>22833714</v>
      </c>
      <c r="FM12" s="113">
        <v>30226484</v>
      </c>
      <c r="FN12" s="110">
        <v>0</v>
      </c>
      <c r="FO12" s="114">
        <v>16254771</v>
      </c>
      <c r="FP12" s="114">
        <v>49249044</v>
      </c>
      <c r="FQ12" s="114">
        <v>38016708</v>
      </c>
      <c r="FR12" s="114">
        <v>35847033</v>
      </c>
      <c r="FS12" s="114">
        <v>22457572</v>
      </c>
      <c r="FT12" s="113">
        <v>161825128</v>
      </c>
      <c r="FU12" s="116">
        <v>192051612</v>
      </c>
      <c r="FV12" s="115">
        <v>4470396</v>
      </c>
      <c r="FW12" s="114">
        <v>16499949</v>
      </c>
      <c r="FX12" s="112">
        <v>20970345</v>
      </c>
      <c r="FY12" s="111">
        <v>0</v>
      </c>
      <c r="FZ12" s="114">
        <v>13493364</v>
      </c>
      <c r="GA12" s="114">
        <v>45133700</v>
      </c>
      <c r="GB12" s="114">
        <v>36193737</v>
      </c>
      <c r="GC12" s="114">
        <v>32583821</v>
      </c>
      <c r="GD12" s="114">
        <v>21476703</v>
      </c>
      <c r="GE12" s="113">
        <v>148881325</v>
      </c>
      <c r="GF12" s="319">
        <v>169851670</v>
      </c>
      <c r="GG12" s="115">
        <v>289959</v>
      </c>
      <c r="GH12" s="114">
        <v>951862</v>
      </c>
      <c r="GI12" s="112">
        <v>1241821</v>
      </c>
      <c r="GJ12" s="111">
        <v>0</v>
      </c>
      <c r="GK12" s="114">
        <v>628170</v>
      </c>
      <c r="GL12" s="114">
        <v>1594558</v>
      </c>
      <c r="GM12" s="114">
        <v>984616</v>
      </c>
      <c r="GN12" s="114">
        <v>1116052</v>
      </c>
      <c r="GO12" s="114">
        <v>759379</v>
      </c>
      <c r="GP12" s="113">
        <v>5082775</v>
      </c>
      <c r="GQ12" s="116">
        <v>6324596</v>
      </c>
      <c r="GR12" s="110">
        <v>2632415</v>
      </c>
      <c r="GS12" s="114">
        <v>5381903</v>
      </c>
      <c r="GT12" s="113">
        <v>8014318</v>
      </c>
      <c r="GU12" s="110">
        <v>0</v>
      </c>
      <c r="GV12" s="114">
        <v>2133237</v>
      </c>
      <c r="GW12" s="114">
        <v>2520786</v>
      </c>
      <c r="GX12" s="114">
        <v>838355</v>
      </c>
      <c r="GY12" s="114">
        <v>2147160</v>
      </c>
      <c r="GZ12" s="114">
        <v>221490</v>
      </c>
      <c r="HA12" s="112">
        <v>7861028</v>
      </c>
      <c r="HB12" s="116">
        <v>15875346</v>
      </c>
      <c r="HC12" s="110">
        <v>7548692</v>
      </c>
      <c r="HD12" s="114">
        <v>11689697</v>
      </c>
      <c r="HE12" s="112">
        <v>19238389</v>
      </c>
      <c r="HF12" s="111">
        <v>0</v>
      </c>
      <c r="HG12" s="114">
        <v>57729132</v>
      </c>
      <c r="HH12" s="114">
        <v>51554633</v>
      </c>
      <c r="HI12" s="114">
        <v>55563779</v>
      </c>
      <c r="HJ12" s="114">
        <v>61456043</v>
      </c>
      <c r="HK12" s="114">
        <v>39197671</v>
      </c>
      <c r="HL12" s="113">
        <v>265501258</v>
      </c>
      <c r="HM12" s="109">
        <v>284739647</v>
      </c>
      <c r="HN12" s="115">
        <v>4795812</v>
      </c>
      <c r="HO12" s="114">
        <v>12443371</v>
      </c>
      <c r="HP12" s="113">
        <v>17239183</v>
      </c>
      <c r="HQ12" s="110">
        <v>0</v>
      </c>
      <c r="HR12" s="114">
        <v>53702581</v>
      </c>
      <c r="HS12" s="114">
        <v>65261107</v>
      </c>
      <c r="HT12" s="114">
        <v>48065305</v>
      </c>
      <c r="HU12" s="114">
        <v>32177307</v>
      </c>
      <c r="HV12" s="114">
        <v>18508708</v>
      </c>
      <c r="HW12" s="112">
        <v>217715008</v>
      </c>
      <c r="HX12" s="116">
        <v>234954191</v>
      </c>
      <c r="HY12" s="131">
        <v>673089</v>
      </c>
      <c r="HZ12" s="132">
        <v>2718919</v>
      </c>
      <c r="IA12" s="133">
        <v>3392008</v>
      </c>
      <c r="IB12" s="134">
        <v>0</v>
      </c>
      <c r="IC12" s="135">
        <v>133952010</v>
      </c>
      <c r="ID12" s="136">
        <v>166653067</v>
      </c>
      <c r="IE12" s="137">
        <v>189326861</v>
      </c>
      <c r="IF12" s="135">
        <v>129324270</v>
      </c>
      <c r="IG12" s="137">
        <v>76441967</v>
      </c>
      <c r="IH12" s="138">
        <v>695698175</v>
      </c>
      <c r="II12" s="139">
        <v>699090183</v>
      </c>
      <c r="IJ12" s="232">
        <v>0</v>
      </c>
      <c r="IK12" s="236">
        <v>0</v>
      </c>
      <c r="IL12" s="237">
        <v>0</v>
      </c>
      <c r="IM12" s="140"/>
      <c r="IN12" s="119">
        <v>1543198</v>
      </c>
      <c r="IO12" s="119">
        <v>1414140</v>
      </c>
      <c r="IP12" s="119">
        <v>3663809</v>
      </c>
      <c r="IQ12" s="119">
        <v>4575180</v>
      </c>
      <c r="IR12" s="119">
        <v>4817545</v>
      </c>
      <c r="IS12" s="141">
        <v>16013872</v>
      </c>
      <c r="IT12" s="321">
        <v>16013872</v>
      </c>
      <c r="IU12" s="142">
        <v>0</v>
      </c>
      <c r="IV12" s="119">
        <v>0</v>
      </c>
      <c r="IW12" s="120">
        <v>0</v>
      </c>
      <c r="IX12" s="144"/>
      <c r="IY12" s="119">
        <v>22730</v>
      </c>
      <c r="IZ12" s="119">
        <v>22730</v>
      </c>
      <c r="JA12" s="119">
        <v>76385</v>
      </c>
      <c r="JB12" s="119">
        <v>31569</v>
      </c>
      <c r="JC12" s="119">
        <v>138202</v>
      </c>
      <c r="JD12" s="120">
        <v>291616</v>
      </c>
      <c r="JE12" s="121">
        <v>291616</v>
      </c>
      <c r="JF12" s="142">
        <v>0</v>
      </c>
      <c r="JG12" s="119">
        <v>0</v>
      </c>
      <c r="JH12" s="141">
        <v>0</v>
      </c>
      <c r="JI12" s="118">
        <v>0</v>
      </c>
      <c r="JJ12" s="119">
        <v>49073086</v>
      </c>
      <c r="JK12" s="119">
        <v>58920950</v>
      </c>
      <c r="JL12" s="119">
        <v>53264647</v>
      </c>
      <c r="JM12" s="119">
        <v>28550492</v>
      </c>
      <c r="JN12" s="119">
        <v>13997797</v>
      </c>
      <c r="JO12" s="120">
        <v>203806972</v>
      </c>
      <c r="JP12" s="321">
        <v>203806972</v>
      </c>
      <c r="JQ12" s="142">
        <v>0</v>
      </c>
      <c r="JR12" s="119">
        <v>0</v>
      </c>
      <c r="JS12" s="141">
        <v>0</v>
      </c>
      <c r="JT12" s="118">
        <v>0</v>
      </c>
      <c r="JU12" s="119">
        <v>1562345</v>
      </c>
      <c r="JV12" s="119">
        <v>2678452</v>
      </c>
      <c r="JW12" s="119">
        <v>4607838</v>
      </c>
      <c r="JX12" s="119">
        <v>2448582</v>
      </c>
      <c r="JY12" s="119">
        <v>4319605</v>
      </c>
      <c r="JZ12" s="120">
        <v>15616822</v>
      </c>
      <c r="KA12" s="321">
        <v>15616822</v>
      </c>
      <c r="KB12" s="234">
        <v>673089</v>
      </c>
      <c r="KC12" s="230">
        <v>1982126</v>
      </c>
      <c r="KD12" s="120">
        <v>2655215</v>
      </c>
      <c r="KE12" s="118">
        <v>0</v>
      </c>
      <c r="KF12" s="119">
        <v>16862027</v>
      </c>
      <c r="KG12" s="119">
        <v>25285172</v>
      </c>
      <c r="KH12" s="119">
        <v>30939897</v>
      </c>
      <c r="KI12" s="119">
        <v>21938637</v>
      </c>
      <c r="KJ12" s="119">
        <v>6655844</v>
      </c>
      <c r="KK12" s="120">
        <v>101681577</v>
      </c>
      <c r="KL12" s="143">
        <v>104336792</v>
      </c>
      <c r="KM12" s="232">
        <v>0</v>
      </c>
      <c r="KN12" s="236">
        <v>736793</v>
      </c>
      <c r="KO12" s="237">
        <v>736793</v>
      </c>
      <c r="KP12" s="140"/>
      <c r="KQ12" s="119">
        <v>63656162</v>
      </c>
      <c r="KR12" s="119">
        <v>75757415</v>
      </c>
      <c r="KS12" s="119">
        <v>88186664</v>
      </c>
      <c r="KT12" s="119">
        <v>59272040</v>
      </c>
      <c r="KU12" s="119">
        <v>39455618</v>
      </c>
      <c r="KV12" s="120">
        <v>326327899</v>
      </c>
      <c r="KW12" s="321">
        <v>327064692</v>
      </c>
      <c r="KX12" s="142">
        <v>0</v>
      </c>
      <c r="KY12" s="119">
        <v>0</v>
      </c>
      <c r="KZ12" s="120">
        <v>0</v>
      </c>
      <c r="LA12" s="145"/>
      <c r="LB12" s="119">
        <v>0</v>
      </c>
      <c r="LC12" s="119">
        <v>0</v>
      </c>
      <c r="LD12" s="119">
        <v>0</v>
      </c>
      <c r="LE12" s="119">
        <v>0</v>
      </c>
      <c r="LF12" s="119">
        <v>0</v>
      </c>
      <c r="LG12" s="120">
        <v>0</v>
      </c>
      <c r="LH12" s="121">
        <v>0</v>
      </c>
      <c r="LI12" s="142">
        <v>0</v>
      </c>
      <c r="LJ12" s="119">
        <v>0</v>
      </c>
      <c r="LK12" s="120">
        <v>0</v>
      </c>
      <c r="LL12" s="145"/>
      <c r="LM12" s="119">
        <v>0</v>
      </c>
      <c r="LN12" s="119">
        <v>402711</v>
      </c>
      <c r="LO12" s="119">
        <v>4220306</v>
      </c>
      <c r="LP12" s="119">
        <v>8353004</v>
      </c>
      <c r="LQ12" s="119">
        <v>1820716</v>
      </c>
      <c r="LR12" s="120">
        <v>14796737</v>
      </c>
      <c r="LS12" s="321">
        <v>14796737</v>
      </c>
      <c r="LT12" s="142">
        <v>0</v>
      </c>
      <c r="LU12" s="119">
        <v>0</v>
      </c>
      <c r="LV12" s="120">
        <v>0</v>
      </c>
      <c r="LW12" s="145"/>
      <c r="LX12" s="119">
        <v>1232462</v>
      </c>
      <c r="LY12" s="119">
        <v>2171497</v>
      </c>
      <c r="LZ12" s="119">
        <v>4367315</v>
      </c>
      <c r="MA12" s="119">
        <v>4154766</v>
      </c>
      <c r="MB12" s="119">
        <v>5236640</v>
      </c>
      <c r="MC12" s="120">
        <v>17162680</v>
      </c>
      <c r="MD12" s="121">
        <v>17162680</v>
      </c>
      <c r="ME12" s="142">
        <v>0</v>
      </c>
      <c r="MF12" s="119">
        <v>0</v>
      </c>
      <c r="MG12" s="120">
        <v>0</v>
      </c>
      <c r="MH12" s="145"/>
      <c r="MI12" s="119">
        <v>24608471</v>
      </c>
      <c r="MJ12" s="119">
        <v>74066540</v>
      </c>
      <c r="MK12" s="119">
        <v>297872327</v>
      </c>
      <c r="ML12" s="119">
        <v>490086853</v>
      </c>
      <c r="MM12" s="119">
        <v>314792719</v>
      </c>
      <c r="MN12" s="120">
        <v>1201426910</v>
      </c>
      <c r="MO12" s="143">
        <v>1201426910</v>
      </c>
      <c r="MP12" s="142">
        <v>0</v>
      </c>
      <c r="MQ12" s="119">
        <v>0</v>
      </c>
      <c r="MR12" s="120">
        <v>0</v>
      </c>
      <c r="MS12" s="145"/>
      <c r="MT12" s="119">
        <v>2761731</v>
      </c>
      <c r="MU12" s="119">
        <v>14028587</v>
      </c>
      <c r="MV12" s="119">
        <v>208271581</v>
      </c>
      <c r="MW12" s="119">
        <v>345681572</v>
      </c>
      <c r="MX12" s="119">
        <v>218923978</v>
      </c>
      <c r="MY12" s="120">
        <v>789667449</v>
      </c>
      <c r="MZ12" s="143">
        <v>789667449</v>
      </c>
      <c r="NA12" s="142">
        <v>0</v>
      </c>
      <c r="NB12" s="119">
        <v>0</v>
      </c>
      <c r="NC12" s="120">
        <v>0</v>
      </c>
      <c r="ND12" s="145"/>
      <c r="NE12" s="119">
        <v>21846740</v>
      </c>
      <c r="NF12" s="119">
        <v>59891330</v>
      </c>
      <c r="NG12" s="119">
        <v>86304801</v>
      </c>
      <c r="NH12" s="119">
        <v>109061526</v>
      </c>
      <c r="NI12" s="119">
        <v>60422566</v>
      </c>
      <c r="NJ12" s="120">
        <v>337526963</v>
      </c>
      <c r="NK12" s="321">
        <v>337526963</v>
      </c>
      <c r="NL12" s="142">
        <v>0</v>
      </c>
      <c r="NM12" s="119">
        <v>0</v>
      </c>
      <c r="NN12" s="120">
        <v>0</v>
      </c>
      <c r="NO12" s="145"/>
      <c r="NP12" s="119">
        <v>0</v>
      </c>
      <c r="NQ12" s="119">
        <v>146623</v>
      </c>
      <c r="NR12" s="119">
        <v>863703</v>
      </c>
      <c r="NS12" s="119">
        <v>6777348</v>
      </c>
      <c r="NT12" s="119">
        <v>7923303</v>
      </c>
      <c r="NU12" s="120">
        <v>15710977</v>
      </c>
      <c r="NV12" s="121">
        <v>15710977</v>
      </c>
      <c r="NW12" s="142">
        <v>0</v>
      </c>
      <c r="NX12" s="119">
        <v>0</v>
      </c>
      <c r="NY12" s="120">
        <v>0</v>
      </c>
      <c r="NZ12" s="145"/>
      <c r="OA12" s="119">
        <v>0</v>
      </c>
      <c r="OB12" s="119">
        <v>0</v>
      </c>
      <c r="OC12" s="119">
        <v>2432242</v>
      </c>
      <c r="OD12" s="119">
        <v>28566407</v>
      </c>
      <c r="OE12" s="119">
        <v>27522872</v>
      </c>
      <c r="OF12" s="120">
        <v>58521521</v>
      </c>
      <c r="OG12" s="121">
        <v>58521521</v>
      </c>
      <c r="OH12" s="142">
        <v>27560632</v>
      </c>
      <c r="OI12" s="119">
        <v>73966058</v>
      </c>
      <c r="OJ12" s="141">
        <v>101526690</v>
      </c>
      <c r="OK12" s="118">
        <v>0</v>
      </c>
      <c r="OL12" s="119">
        <v>474785582</v>
      </c>
      <c r="OM12" s="119">
        <v>710610212</v>
      </c>
      <c r="ON12" s="119">
        <v>938731801</v>
      </c>
      <c r="OO12" s="119">
        <v>1015001372</v>
      </c>
      <c r="OP12" s="119">
        <v>672453068</v>
      </c>
      <c r="OQ12" s="120">
        <v>3811582035</v>
      </c>
      <c r="OR12" s="143">
        <v>3913108725</v>
      </c>
    </row>
    <row r="13" spans="1:408" ht="18.75" customHeight="1" x14ac:dyDescent="0.2">
      <c r="A13" s="62" t="s">
        <v>7</v>
      </c>
      <c r="B13" s="110">
        <v>13772318</v>
      </c>
      <c r="C13" s="114">
        <v>16713693</v>
      </c>
      <c r="D13" s="113">
        <v>30486011</v>
      </c>
      <c r="E13" s="109">
        <v>0</v>
      </c>
      <c r="F13" s="114">
        <v>342863932</v>
      </c>
      <c r="G13" s="114">
        <v>315252287</v>
      </c>
      <c r="H13" s="114">
        <v>265875188</v>
      </c>
      <c r="I13" s="114">
        <v>274576672</v>
      </c>
      <c r="J13" s="114">
        <v>189192157</v>
      </c>
      <c r="K13" s="109">
        <v>1387760236</v>
      </c>
      <c r="L13" s="116">
        <v>1418246247</v>
      </c>
      <c r="M13" s="110">
        <v>2196490</v>
      </c>
      <c r="N13" s="114">
        <v>2406007</v>
      </c>
      <c r="O13" s="113">
        <v>4602497</v>
      </c>
      <c r="P13" s="110">
        <v>0</v>
      </c>
      <c r="Q13" s="114">
        <v>76599329</v>
      </c>
      <c r="R13" s="114">
        <v>85548015</v>
      </c>
      <c r="S13" s="114">
        <v>83091920</v>
      </c>
      <c r="T13" s="114">
        <v>117993842</v>
      </c>
      <c r="U13" s="114">
        <v>106784102</v>
      </c>
      <c r="V13" s="113">
        <v>470017208</v>
      </c>
      <c r="W13" s="116">
        <v>474619705</v>
      </c>
      <c r="X13" s="110">
        <v>0</v>
      </c>
      <c r="Y13" s="114">
        <v>0</v>
      </c>
      <c r="Z13" s="113">
        <v>0</v>
      </c>
      <c r="AA13" s="110">
        <v>0</v>
      </c>
      <c r="AB13" s="114">
        <v>41456998</v>
      </c>
      <c r="AC13" s="114">
        <v>47636779</v>
      </c>
      <c r="AD13" s="114">
        <v>51533862</v>
      </c>
      <c r="AE13" s="114">
        <v>78121796</v>
      </c>
      <c r="AF13" s="114">
        <v>69542533</v>
      </c>
      <c r="AG13" s="113">
        <v>288291968</v>
      </c>
      <c r="AH13" s="116">
        <v>288291968</v>
      </c>
      <c r="AI13" s="110">
        <v>0</v>
      </c>
      <c r="AJ13" s="114">
        <v>0</v>
      </c>
      <c r="AK13" s="113">
        <v>0</v>
      </c>
      <c r="AL13" s="110">
        <v>0</v>
      </c>
      <c r="AM13" s="114">
        <v>751767</v>
      </c>
      <c r="AN13" s="114">
        <v>1840223</v>
      </c>
      <c r="AO13" s="114">
        <v>3055537</v>
      </c>
      <c r="AP13" s="114">
        <v>7646236</v>
      </c>
      <c r="AQ13" s="114">
        <v>12817972</v>
      </c>
      <c r="AR13" s="113">
        <v>26111735</v>
      </c>
      <c r="AS13" s="116">
        <v>26111735</v>
      </c>
      <c r="AT13" s="110">
        <v>374082</v>
      </c>
      <c r="AU13" s="114">
        <v>1017907</v>
      </c>
      <c r="AV13" s="113">
        <v>1391989</v>
      </c>
      <c r="AW13" s="110">
        <v>0</v>
      </c>
      <c r="AX13" s="114">
        <v>17452880</v>
      </c>
      <c r="AY13" s="114">
        <v>21356368</v>
      </c>
      <c r="AZ13" s="114">
        <v>15242760</v>
      </c>
      <c r="BA13" s="114">
        <v>17416974</v>
      </c>
      <c r="BB13" s="114">
        <v>15280093</v>
      </c>
      <c r="BC13" s="113">
        <v>86749075</v>
      </c>
      <c r="BD13" s="116">
        <v>88141064</v>
      </c>
      <c r="BE13" s="110">
        <v>117355</v>
      </c>
      <c r="BF13" s="114">
        <v>170469</v>
      </c>
      <c r="BG13" s="112">
        <v>287824</v>
      </c>
      <c r="BH13" s="111">
        <v>0</v>
      </c>
      <c r="BI13" s="114">
        <v>1493362</v>
      </c>
      <c r="BJ13" s="114">
        <v>1681576</v>
      </c>
      <c r="BK13" s="114">
        <v>959051</v>
      </c>
      <c r="BL13" s="114">
        <v>1398481</v>
      </c>
      <c r="BM13" s="114">
        <v>827830</v>
      </c>
      <c r="BN13" s="113">
        <v>6360300</v>
      </c>
      <c r="BO13" s="116">
        <v>6648124</v>
      </c>
      <c r="BP13" s="110">
        <v>1705053</v>
      </c>
      <c r="BQ13" s="114">
        <v>1217631</v>
      </c>
      <c r="BR13" s="113">
        <v>2922684</v>
      </c>
      <c r="BS13" s="110">
        <v>0</v>
      </c>
      <c r="BT13" s="114">
        <v>15444322</v>
      </c>
      <c r="BU13" s="114">
        <v>13033069</v>
      </c>
      <c r="BV13" s="114">
        <v>12300710</v>
      </c>
      <c r="BW13" s="114">
        <v>13410355</v>
      </c>
      <c r="BX13" s="114">
        <v>8315674</v>
      </c>
      <c r="BY13" s="113">
        <v>62504130</v>
      </c>
      <c r="BZ13" s="116">
        <v>65426814</v>
      </c>
      <c r="CA13" s="110">
        <v>704077</v>
      </c>
      <c r="CB13" s="114">
        <v>1931048</v>
      </c>
      <c r="CC13" s="113">
        <v>2635125</v>
      </c>
      <c r="CD13" s="110">
        <v>0</v>
      </c>
      <c r="CE13" s="114">
        <v>94065358</v>
      </c>
      <c r="CF13" s="114">
        <v>85595755</v>
      </c>
      <c r="CG13" s="114">
        <v>57968897</v>
      </c>
      <c r="CH13" s="114">
        <v>35246135</v>
      </c>
      <c r="CI13" s="114">
        <v>14557331</v>
      </c>
      <c r="CJ13" s="113">
        <v>287433476</v>
      </c>
      <c r="CK13" s="116">
        <v>290068601</v>
      </c>
      <c r="CL13" s="110">
        <v>0</v>
      </c>
      <c r="CM13" s="114">
        <v>0</v>
      </c>
      <c r="CN13" s="113">
        <v>0</v>
      </c>
      <c r="CO13" s="111">
        <v>0</v>
      </c>
      <c r="CP13" s="114">
        <v>80991722</v>
      </c>
      <c r="CQ13" s="114">
        <v>70177889</v>
      </c>
      <c r="CR13" s="114">
        <v>47207723</v>
      </c>
      <c r="CS13" s="114">
        <v>29243686</v>
      </c>
      <c r="CT13" s="114">
        <v>12745103</v>
      </c>
      <c r="CU13" s="113">
        <v>240366123</v>
      </c>
      <c r="CV13" s="116">
        <v>240366123</v>
      </c>
      <c r="CW13" s="110">
        <v>704077</v>
      </c>
      <c r="CX13" s="114">
        <v>1931048</v>
      </c>
      <c r="CY13" s="113">
        <v>2635125</v>
      </c>
      <c r="CZ13" s="110">
        <v>0</v>
      </c>
      <c r="DA13" s="114">
        <v>13073636</v>
      </c>
      <c r="DB13" s="114">
        <v>15417866</v>
      </c>
      <c r="DC13" s="114">
        <v>10761174</v>
      </c>
      <c r="DD13" s="114">
        <v>6002449</v>
      </c>
      <c r="DE13" s="114">
        <v>1812228</v>
      </c>
      <c r="DF13" s="113">
        <v>47067353</v>
      </c>
      <c r="DG13" s="116">
        <v>49702478</v>
      </c>
      <c r="DH13" s="110">
        <v>40399</v>
      </c>
      <c r="DI13" s="114">
        <v>75797</v>
      </c>
      <c r="DJ13" s="112">
        <v>116196</v>
      </c>
      <c r="DK13" s="111">
        <v>0</v>
      </c>
      <c r="DL13" s="114">
        <v>11826587</v>
      </c>
      <c r="DM13" s="114">
        <v>18044171</v>
      </c>
      <c r="DN13" s="114">
        <v>25767279</v>
      </c>
      <c r="DO13" s="114">
        <v>18005058</v>
      </c>
      <c r="DP13" s="114">
        <v>11219555</v>
      </c>
      <c r="DQ13" s="113">
        <v>84862650</v>
      </c>
      <c r="DR13" s="116">
        <v>84978846</v>
      </c>
      <c r="DS13" s="110">
        <v>32605</v>
      </c>
      <c r="DT13" s="114">
        <v>75797</v>
      </c>
      <c r="DU13" s="113">
        <v>108402</v>
      </c>
      <c r="DV13" s="110">
        <v>0</v>
      </c>
      <c r="DW13" s="114">
        <v>11365386</v>
      </c>
      <c r="DX13" s="114">
        <v>17304878</v>
      </c>
      <c r="DY13" s="114">
        <v>24505256</v>
      </c>
      <c r="DZ13" s="114">
        <v>16951375</v>
      </c>
      <c r="EA13" s="114">
        <v>10470212</v>
      </c>
      <c r="EB13" s="113">
        <v>80597107</v>
      </c>
      <c r="EC13" s="116">
        <v>80705509</v>
      </c>
      <c r="ED13" s="110">
        <v>7794</v>
      </c>
      <c r="EE13" s="112">
        <v>0</v>
      </c>
      <c r="EF13" s="113">
        <v>7794</v>
      </c>
      <c r="EG13" s="110">
        <v>0</v>
      </c>
      <c r="EH13" s="114">
        <v>461201</v>
      </c>
      <c r="EI13" s="114">
        <v>739293</v>
      </c>
      <c r="EJ13" s="114">
        <v>1262023</v>
      </c>
      <c r="EK13" s="114">
        <v>1053683</v>
      </c>
      <c r="EL13" s="114">
        <v>749343</v>
      </c>
      <c r="EM13" s="112">
        <v>4265543</v>
      </c>
      <c r="EN13" s="116">
        <v>4273337</v>
      </c>
      <c r="EO13" s="110">
        <v>0</v>
      </c>
      <c r="EP13" s="114">
        <v>0</v>
      </c>
      <c r="EQ13" s="112">
        <v>0</v>
      </c>
      <c r="ER13" s="111">
        <v>0</v>
      </c>
      <c r="ES13" s="114">
        <v>0</v>
      </c>
      <c r="ET13" s="114">
        <v>0</v>
      </c>
      <c r="EU13" s="114">
        <v>0</v>
      </c>
      <c r="EV13" s="114">
        <v>0</v>
      </c>
      <c r="EW13" s="114">
        <v>0</v>
      </c>
      <c r="EX13" s="113">
        <v>0</v>
      </c>
      <c r="EY13" s="116">
        <v>0</v>
      </c>
      <c r="EZ13" s="110">
        <v>0</v>
      </c>
      <c r="FA13" s="114">
        <v>0</v>
      </c>
      <c r="FB13" s="112">
        <v>0</v>
      </c>
      <c r="FC13" s="348"/>
      <c r="FD13" s="114">
        <v>0</v>
      </c>
      <c r="FE13" s="114">
        <v>0</v>
      </c>
      <c r="FF13" s="114">
        <v>0</v>
      </c>
      <c r="FG13" s="114">
        <v>0</v>
      </c>
      <c r="FH13" s="114">
        <v>0</v>
      </c>
      <c r="FI13" s="113">
        <v>0</v>
      </c>
      <c r="FJ13" s="116">
        <v>0</v>
      </c>
      <c r="FK13" s="110">
        <v>3590266</v>
      </c>
      <c r="FL13" s="114">
        <v>4002623</v>
      </c>
      <c r="FM13" s="113">
        <v>7592889</v>
      </c>
      <c r="FN13" s="110">
        <v>0</v>
      </c>
      <c r="FO13" s="114">
        <v>15250056</v>
      </c>
      <c r="FP13" s="114">
        <v>30876819</v>
      </c>
      <c r="FQ13" s="114">
        <v>19419083</v>
      </c>
      <c r="FR13" s="114">
        <v>20046497</v>
      </c>
      <c r="FS13" s="114">
        <v>13367697</v>
      </c>
      <c r="FT13" s="113">
        <v>98960152</v>
      </c>
      <c r="FU13" s="116">
        <v>106553041</v>
      </c>
      <c r="FV13" s="115">
        <v>1163796</v>
      </c>
      <c r="FW13" s="114">
        <v>2935953</v>
      </c>
      <c r="FX13" s="112">
        <v>4099749</v>
      </c>
      <c r="FY13" s="111">
        <v>0</v>
      </c>
      <c r="FZ13" s="114">
        <v>10915688</v>
      </c>
      <c r="GA13" s="114">
        <v>28809857</v>
      </c>
      <c r="GB13" s="114">
        <v>18217625</v>
      </c>
      <c r="GC13" s="114">
        <v>18947259</v>
      </c>
      <c r="GD13" s="114">
        <v>12778827</v>
      </c>
      <c r="GE13" s="113">
        <v>89669256</v>
      </c>
      <c r="GF13" s="319">
        <v>93769005</v>
      </c>
      <c r="GG13" s="115">
        <v>194182</v>
      </c>
      <c r="GH13" s="114">
        <v>335195</v>
      </c>
      <c r="GI13" s="112">
        <v>529377</v>
      </c>
      <c r="GJ13" s="111">
        <v>0</v>
      </c>
      <c r="GK13" s="114">
        <v>822913</v>
      </c>
      <c r="GL13" s="114">
        <v>915116</v>
      </c>
      <c r="GM13" s="114">
        <v>504058</v>
      </c>
      <c r="GN13" s="114">
        <v>315602</v>
      </c>
      <c r="GO13" s="114">
        <v>201870</v>
      </c>
      <c r="GP13" s="113">
        <v>2759559</v>
      </c>
      <c r="GQ13" s="116">
        <v>3288936</v>
      </c>
      <c r="GR13" s="110">
        <v>2232288</v>
      </c>
      <c r="GS13" s="114">
        <v>731475</v>
      </c>
      <c r="GT13" s="113">
        <v>2963763</v>
      </c>
      <c r="GU13" s="110">
        <v>0</v>
      </c>
      <c r="GV13" s="114">
        <v>3511455</v>
      </c>
      <c r="GW13" s="114">
        <v>1151846</v>
      </c>
      <c r="GX13" s="114">
        <v>697400</v>
      </c>
      <c r="GY13" s="114">
        <v>783636</v>
      </c>
      <c r="GZ13" s="114">
        <v>387000</v>
      </c>
      <c r="HA13" s="112">
        <v>6531337</v>
      </c>
      <c r="HB13" s="116">
        <v>9495100</v>
      </c>
      <c r="HC13" s="110">
        <v>5548968</v>
      </c>
      <c r="HD13" s="114">
        <v>4971549</v>
      </c>
      <c r="HE13" s="112">
        <v>10520517</v>
      </c>
      <c r="HF13" s="111">
        <v>0</v>
      </c>
      <c r="HG13" s="114">
        <v>81718403</v>
      </c>
      <c r="HH13" s="114">
        <v>50049858</v>
      </c>
      <c r="HI13" s="114">
        <v>51014920</v>
      </c>
      <c r="HJ13" s="114">
        <v>62288824</v>
      </c>
      <c r="HK13" s="114">
        <v>31292829</v>
      </c>
      <c r="HL13" s="113">
        <v>276364834</v>
      </c>
      <c r="HM13" s="109">
        <v>286885351</v>
      </c>
      <c r="HN13" s="115">
        <v>1692118</v>
      </c>
      <c r="HO13" s="114">
        <v>3326669</v>
      </c>
      <c r="HP13" s="113">
        <v>5018787</v>
      </c>
      <c r="HQ13" s="110">
        <v>0</v>
      </c>
      <c r="HR13" s="114">
        <v>63404199</v>
      </c>
      <c r="HS13" s="114">
        <v>45137669</v>
      </c>
      <c r="HT13" s="114">
        <v>28613089</v>
      </c>
      <c r="HU13" s="114">
        <v>20996316</v>
      </c>
      <c r="HV13" s="114">
        <v>11970643</v>
      </c>
      <c r="HW13" s="112">
        <v>170121916</v>
      </c>
      <c r="HX13" s="116">
        <v>175140703</v>
      </c>
      <c r="HY13" s="131">
        <v>277786</v>
      </c>
      <c r="HZ13" s="132">
        <v>881114</v>
      </c>
      <c r="IA13" s="133">
        <v>1158900</v>
      </c>
      <c r="IB13" s="146">
        <v>0</v>
      </c>
      <c r="IC13" s="132">
        <v>93072779</v>
      </c>
      <c r="ID13" s="147">
        <v>96675018</v>
      </c>
      <c r="IE13" s="133">
        <v>98645575</v>
      </c>
      <c r="IF13" s="132">
        <v>60294785</v>
      </c>
      <c r="IG13" s="133">
        <v>39537849</v>
      </c>
      <c r="IH13" s="148">
        <v>388226006</v>
      </c>
      <c r="II13" s="139">
        <v>389384906</v>
      </c>
      <c r="IJ13" s="232">
        <v>0</v>
      </c>
      <c r="IK13" s="236">
        <v>0</v>
      </c>
      <c r="IL13" s="237">
        <v>0</v>
      </c>
      <c r="IM13" s="140"/>
      <c r="IN13" s="119">
        <v>286595</v>
      </c>
      <c r="IO13" s="119">
        <v>1168911</v>
      </c>
      <c r="IP13" s="119">
        <v>1232506</v>
      </c>
      <c r="IQ13" s="119">
        <v>1694335</v>
      </c>
      <c r="IR13" s="119">
        <v>1983901</v>
      </c>
      <c r="IS13" s="141">
        <v>6366248</v>
      </c>
      <c r="IT13" s="321">
        <v>6366248</v>
      </c>
      <c r="IU13" s="142">
        <v>0</v>
      </c>
      <c r="IV13" s="119">
        <v>0</v>
      </c>
      <c r="IW13" s="120">
        <v>0</v>
      </c>
      <c r="IX13" s="144"/>
      <c r="IY13" s="119">
        <v>0</v>
      </c>
      <c r="IZ13" s="119">
        <v>0</v>
      </c>
      <c r="JA13" s="119">
        <v>0</v>
      </c>
      <c r="JB13" s="119">
        <v>0</v>
      </c>
      <c r="JC13" s="119">
        <v>0</v>
      </c>
      <c r="JD13" s="120">
        <v>0</v>
      </c>
      <c r="JE13" s="121">
        <v>0</v>
      </c>
      <c r="JF13" s="142">
        <v>0</v>
      </c>
      <c r="JG13" s="119">
        <v>0</v>
      </c>
      <c r="JH13" s="141">
        <v>0</v>
      </c>
      <c r="JI13" s="118">
        <v>0</v>
      </c>
      <c r="JJ13" s="119">
        <v>47780275</v>
      </c>
      <c r="JK13" s="119">
        <v>36885791</v>
      </c>
      <c r="JL13" s="119">
        <v>24976960</v>
      </c>
      <c r="JM13" s="119">
        <v>11882220</v>
      </c>
      <c r="JN13" s="119">
        <v>6295332</v>
      </c>
      <c r="JO13" s="120">
        <v>127820578</v>
      </c>
      <c r="JP13" s="321">
        <v>127820578</v>
      </c>
      <c r="JQ13" s="142">
        <v>0</v>
      </c>
      <c r="JR13" s="119">
        <v>0</v>
      </c>
      <c r="JS13" s="141">
        <v>0</v>
      </c>
      <c r="JT13" s="118">
        <v>0</v>
      </c>
      <c r="JU13" s="119">
        <v>8250825</v>
      </c>
      <c r="JV13" s="119">
        <v>9875167</v>
      </c>
      <c r="JW13" s="119">
        <v>13892001</v>
      </c>
      <c r="JX13" s="119">
        <v>4315445</v>
      </c>
      <c r="JY13" s="119">
        <v>2830066</v>
      </c>
      <c r="JZ13" s="120">
        <v>39163504</v>
      </c>
      <c r="KA13" s="321">
        <v>39163504</v>
      </c>
      <c r="KB13" s="234">
        <v>277786</v>
      </c>
      <c r="KC13" s="230">
        <v>881114</v>
      </c>
      <c r="KD13" s="120">
        <v>1158900</v>
      </c>
      <c r="KE13" s="118">
        <v>0</v>
      </c>
      <c r="KF13" s="119">
        <v>6580433</v>
      </c>
      <c r="KG13" s="119">
        <v>7163552</v>
      </c>
      <c r="KH13" s="119">
        <v>6817970</v>
      </c>
      <c r="KI13" s="119">
        <v>4866421</v>
      </c>
      <c r="KJ13" s="119">
        <v>933679</v>
      </c>
      <c r="KK13" s="120">
        <v>26362055</v>
      </c>
      <c r="KL13" s="143">
        <v>27520955</v>
      </c>
      <c r="KM13" s="232">
        <v>0</v>
      </c>
      <c r="KN13" s="236">
        <v>0</v>
      </c>
      <c r="KO13" s="237">
        <v>0</v>
      </c>
      <c r="KP13" s="140"/>
      <c r="KQ13" s="119">
        <v>29112749</v>
      </c>
      <c r="KR13" s="119">
        <v>39148296</v>
      </c>
      <c r="KS13" s="119">
        <v>49438162</v>
      </c>
      <c r="KT13" s="119">
        <v>33496880</v>
      </c>
      <c r="KU13" s="119">
        <v>19750826</v>
      </c>
      <c r="KV13" s="120">
        <v>170946913</v>
      </c>
      <c r="KW13" s="321">
        <v>170946913</v>
      </c>
      <c r="KX13" s="142">
        <v>0</v>
      </c>
      <c r="KY13" s="119">
        <v>0</v>
      </c>
      <c r="KZ13" s="120">
        <v>0</v>
      </c>
      <c r="LA13" s="145"/>
      <c r="LB13" s="119">
        <v>0</v>
      </c>
      <c r="LC13" s="119">
        <v>0</v>
      </c>
      <c r="LD13" s="119">
        <v>0</v>
      </c>
      <c r="LE13" s="119">
        <v>0</v>
      </c>
      <c r="LF13" s="119">
        <v>0</v>
      </c>
      <c r="LG13" s="120">
        <v>0</v>
      </c>
      <c r="LH13" s="121">
        <v>0</v>
      </c>
      <c r="LI13" s="142">
        <v>0</v>
      </c>
      <c r="LJ13" s="119">
        <v>0</v>
      </c>
      <c r="LK13" s="120">
        <v>0</v>
      </c>
      <c r="LL13" s="145"/>
      <c r="LM13" s="119">
        <v>0</v>
      </c>
      <c r="LN13" s="119">
        <v>0</v>
      </c>
      <c r="LO13" s="119">
        <v>0</v>
      </c>
      <c r="LP13" s="119">
        <v>0</v>
      </c>
      <c r="LQ13" s="119">
        <v>0</v>
      </c>
      <c r="LR13" s="120">
        <v>0</v>
      </c>
      <c r="LS13" s="321">
        <v>0</v>
      </c>
      <c r="LT13" s="142">
        <v>0</v>
      </c>
      <c r="LU13" s="119">
        <v>0</v>
      </c>
      <c r="LV13" s="120">
        <v>0</v>
      </c>
      <c r="LW13" s="145"/>
      <c r="LX13" s="119">
        <v>1061902</v>
      </c>
      <c r="LY13" s="119">
        <v>2433301</v>
      </c>
      <c r="LZ13" s="119">
        <v>2287976</v>
      </c>
      <c r="MA13" s="119">
        <v>4039484</v>
      </c>
      <c r="MB13" s="119">
        <v>7744045</v>
      </c>
      <c r="MC13" s="120">
        <v>17566708</v>
      </c>
      <c r="MD13" s="121">
        <v>17566708</v>
      </c>
      <c r="ME13" s="142">
        <v>0</v>
      </c>
      <c r="MF13" s="119">
        <v>0</v>
      </c>
      <c r="MG13" s="120">
        <v>0</v>
      </c>
      <c r="MH13" s="145"/>
      <c r="MI13" s="119">
        <v>47687877</v>
      </c>
      <c r="MJ13" s="119">
        <v>74012498</v>
      </c>
      <c r="MK13" s="119">
        <v>207675868</v>
      </c>
      <c r="ML13" s="119">
        <v>345108232</v>
      </c>
      <c r="MM13" s="119">
        <v>204785161</v>
      </c>
      <c r="MN13" s="120">
        <v>879269636</v>
      </c>
      <c r="MO13" s="143">
        <v>879269636</v>
      </c>
      <c r="MP13" s="142">
        <v>0</v>
      </c>
      <c r="MQ13" s="119">
        <v>0</v>
      </c>
      <c r="MR13" s="120">
        <v>0</v>
      </c>
      <c r="MS13" s="145"/>
      <c r="MT13" s="119">
        <v>4662053</v>
      </c>
      <c r="MU13" s="119">
        <v>11982461</v>
      </c>
      <c r="MV13" s="119">
        <v>138167027</v>
      </c>
      <c r="MW13" s="119">
        <v>254736385</v>
      </c>
      <c r="MX13" s="119">
        <v>163038543</v>
      </c>
      <c r="MY13" s="120">
        <v>572586469</v>
      </c>
      <c r="MZ13" s="143">
        <v>572586469</v>
      </c>
      <c r="NA13" s="142">
        <v>0</v>
      </c>
      <c r="NB13" s="119">
        <v>0</v>
      </c>
      <c r="NC13" s="120">
        <v>0</v>
      </c>
      <c r="ND13" s="145"/>
      <c r="NE13" s="119">
        <v>43025824</v>
      </c>
      <c r="NF13" s="119">
        <v>62030037</v>
      </c>
      <c r="NG13" s="119">
        <v>68826047</v>
      </c>
      <c r="NH13" s="119">
        <v>89387192</v>
      </c>
      <c r="NI13" s="119">
        <v>38452633</v>
      </c>
      <c r="NJ13" s="120">
        <v>301721733</v>
      </c>
      <c r="NK13" s="321">
        <v>301721733</v>
      </c>
      <c r="NL13" s="142">
        <v>0</v>
      </c>
      <c r="NM13" s="119">
        <v>0</v>
      </c>
      <c r="NN13" s="120">
        <v>0</v>
      </c>
      <c r="NO13" s="145"/>
      <c r="NP13" s="119">
        <v>0</v>
      </c>
      <c r="NQ13" s="119">
        <v>0</v>
      </c>
      <c r="NR13" s="119">
        <v>0</v>
      </c>
      <c r="NS13" s="119">
        <v>984655</v>
      </c>
      <c r="NT13" s="119">
        <v>1438119</v>
      </c>
      <c r="NU13" s="120">
        <v>2422774</v>
      </c>
      <c r="NV13" s="121">
        <v>2422774</v>
      </c>
      <c r="NW13" s="142">
        <v>0</v>
      </c>
      <c r="NX13" s="119">
        <v>0</v>
      </c>
      <c r="NY13" s="120">
        <v>0</v>
      </c>
      <c r="NZ13" s="145"/>
      <c r="OA13" s="119">
        <v>0</v>
      </c>
      <c r="OB13" s="119">
        <v>0</v>
      </c>
      <c r="OC13" s="119">
        <v>682794</v>
      </c>
      <c r="OD13" s="119">
        <v>0</v>
      </c>
      <c r="OE13" s="119">
        <v>1855866</v>
      </c>
      <c r="OF13" s="120">
        <v>2538660</v>
      </c>
      <c r="OG13" s="121">
        <v>2538660</v>
      </c>
      <c r="OH13" s="142">
        <v>14050104</v>
      </c>
      <c r="OI13" s="119">
        <v>17594807</v>
      </c>
      <c r="OJ13" s="141">
        <v>31644911</v>
      </c>
      <c r="OK13" s="118">
        <v>0</v>
      </c>
      <c r="OL13" s="119">
        <v>483624588</v>
      </c>
      <c r="OM13" s="119">
        <v>485939803</v>
      </c>
      <c r="ON13" s="119">
        <v>572196631</v>
      </c>
      <c r="OO13" s="119">
        <v>679979689</v>
      </c>
      <c r="OP13" s="119">
        <v>433515167</v>
      </c>
      <c r="OQ13" s="120">
        <v>2655255878</v>
      </c>
      <c r="OR13" s="143">
        <v>2686900789</v>
      </c>
    </row>
    <row r="14" spans="1:408" ht="18.75" customHeight="1" x14ac:dyDescent="0.2">
      <c r="A14" s="62" t="s">
        <v>8</v>
      </c>
      <c r="B14" s="110">
        <v>11158476</v>
      </c>
      <c r="C14" s="114">
        <v>15485181</v>
      </c>
      <c r="D14" s="113">
        <v>26643657</v>
      </c>
      <c r="E14" s="109">
        <v>0</v>
      </c>
      <c r="F14" s="114">
        <v>141897896</v>
      </c>
      <c r="G14" s="114">
        <v>191105842</v>
      </c>
      <c r="H14" s="114">
        <v>180875253</v>
      </c>
      <c r="I14" s="114">
        <v>148866342</v>
      </c>
      <c r="J14" s="114">
        <v>124761553</v>
      </c>
      <c r="K14" s="109">
        <v>787506886</v>
      </c>
      <c r="L14" s="116">
        <v>814150543</v>
      </c>
      <c r="M14" s="110">
        <v>2120706</v>
      </c>
      <c r="N14" s="114">
        <v>2885662</v>
      </c>
      <c r="O14" s="113">
        <v>5006368</v>
      </c>
      <c r="P14" s="110">
        <v>0</v>
      </c>
      <c r="Q14" s="114">
        <v>37794909</v>
      </c>
      <c r="R14" s="114">
        <v>58219580</v>
      </c>
      <c r="S14" s="114">
        <v>55686740</v>
      </c>
      <c r="T14" s="114">
        <v>54105640</v>
      </c>
      <c r="U14" s="114">
        <v>64913929</v>
      </c>
      <c r="V14" s="113">
        <v>270720798</v>
      </c>
      <c r="W14" s="116">
        <v>275727166</v>
      </c>
      <c r="X14" s="110">
        <v>0</v>
      </c>
      <c r="Y14" s="114">
        <v>0</v>
      </c>
      <c r="Z14" s="113">
        <v>0</v>
      </c>
      <c r="AA14" s="110">
        <v>0</v>
      </c>
      <c r="AB14" s="114">
        <v>21042695</v>
      </c>
      <c r="AC14" s="114">
        <v>33134721</v>
      </c>
      <c r="AD14" s="114">
        <v>35224810</v>
      </c>
      <c r="AE14" s="114">
        <v>34413785</v>
      </c>
      <c r="AF14" s="114">
        <v>41061263</v>
      </c>
      <c r="AG14" s="113">
        <v>164877274</v>
      </c>
      <c r="AH14" s="116">
        <v>164877274</v>
      </c>
      <c r="AI14" s="110">
        <v>0</v>
      </c>
      <c r="AJ14" s="114">
        <v>0</v>
      </c>
      <c r="AK14" s="113">
        <v>0</v>
      </c>
      <c r="AL14" s="110">
        <v>0</v>
      </c>
      <c r="AM14" s="114">
        <v>160259</v>
      </c>
      <c r="AN14" s="114">
        <v>996113</v>
      </c>
      <c r="AO14" s="114">
        <v>2042881</v>
      </c>
      <c r="AP14" s="114">
        <v>3266092</v>
      </c>
      <c r="AQ14" s="114">
        <v>7244805</v>
      </c>
      <c r="AR14" s="113">
        <v>13710150</v>
      </c>
      <c r="AS14" s="116">
        <v>13710150</v>
      </c>
      <c r="AT14" s="110">
        <v>1106208</v>
      </c>
      <c r="AU14" s="114">
        <v>2023907</v>
      </c>
      <c r="AV14" s="113">
        <v>3130115</v>
      </c>
      <c r="AW14" s="110">
        <v>0</v>
      </c>
      <c r="AX14" s="114">
        <v>9144531</v>
      </c>
      <c r="AY14" s="114">
        <v>14780877</v>
      </c>
      <c r="AZ14" s="114">
        <v>10079430</v>
      </c>
      <c r="BA14" s="114">
        <v>8520392</v>
      </c>
      <c r="BB14" s="114">
        <v>10990468</v>
      </c>
      <c r="BC14" s="113">
        <v>53515698</v>
      </c>
      <c r="BD14" s="116">
        <v>56645813</v>
      </c>
      <c r="BE14" s="110">
        <v>94954</v>
      </c>
      <c r="BF14" s="114">
        <v>366077</v>
      </c>
      <c r="BG14" s="112">
        <v>461031</v>
      </c>
      <c r="BH14" s="111">
        <v>0</v>
      </c>
      <c r="BI14" s="114">
        <v>1906466</v>
      </c>
      <c r="BJ14" s="114">
        <v>2832668</v>
      </c>
      <c r="BK14" s="114">
        <v>2100835</v>
      </c>
      <c r="BL14" s="114">
        <v>1345563</v>
      </c>
      <c r="BM14" s="114">
        <v>889563</v>
      </c>
      <c r="BN14" s="113">
        <v>9075095</v>
      </c>
      <c r="BO14" s="116">
        <v>9536126</v>
      </c>
      <c r="BP14" s="110">
        <v>919544</v>
      </c>
      <c r="BQ14" s="114">
        <v>495678</v>
      </c>
      <c r="BR14" s="113">
        <v>1415222</v>
      </c>
      <c r="BS14" s="110">
        <v>0</v>
      </c>
      <c r="BT14" s="114">
        <v>5540958</v>
      </c>
      <c r="BU14" s="114">
        <v>6475201</v>
      </c>
      <c r="BV14" s="114">
        <v>6238784</v>
      </c>
      <c r="BW14" s="114">
        <v>6559808</v>
      </c>
      <c r="BX14" s="114">
        <v>4727830</v>
      </c>
      <c r="BY14" s="113">
        <v>29542581</v>
      </c>
      <c r="BZ14" s="116">
        <v>30957803</v>
      </c>
      <c r="CA14" s="110">
        <v>1142113</v>
      </c>
      <c r="CB14" s="114">
        <v>2921488</v>
      </c>
      <c r="CC14" s="113">
        <v>4063601</v>
      </c>
      <c r="CD14" s="110">
        <v>0</v>
      </c>
      <c r="CE14" s="114">
        <v>40965587</v>
      </c>
      <c r="CF14" s="114">
        <v>54542533</v>
      </c>
      <c r="CG14" s="114">
        <v>46676625</v>
      </c>
      <c r="CH14" s="114">
        <v>25471906</v>
      </c>
      <c r="CI14" s="114">
        <v>17506398</v>
      </c>
      <c r="CJ14" s="113">
        <v>185163049</v>
      </c>
      <c r="CK14" s="116">
        <v>189226650</v>
      </c>
      <c r="CL14" s="110">
        <v>0</v>
      </c>
      <c r="CM14" s="114">
        <v>0</v>
      </c>
      <c r="CN14" s="113">
        <v>0</v>
      </c>
      <c r="CO14" s="111">
        <v>0</v>
      </c>
      <c r="CP14" s="114">
        <v>35646381</v>
      </c>
      <c r="CQ14" s="114">
        <v>44075282</v>
      </c>
      <c r="CR14" s="114">
        <v>39457856</v>
      </c>
      <c r="CS14" s="114">
        <v>20091535</v>
      </c>
      <c r="CT14" s="114">
        <v>15656026</v>
      </c>
      <c r="CU14" s="113">
        <v>154927080</v>
      </c>
      <c r="CV14" s="116">
        <v>154927080</v>
      </c>
      <c r="CW14" s="110">
        <v>1142113</v>
      </c>
      <c r="CX14" s="114">
        <v>2921488</v>
      </c>
      <c r="CY14" s="113">
        <v>4063601</v>
      </c>
      <c r="CZ14" s="110">
        <v>0</v>
      </c>
      <c r="DA14" s="114">
        <v>5319206</v>
      </c>
      <c r="DB14" s="114">
        <v>10467251</v>
      </c>
      <c r="DC14" s="114">
        <v>7218769</v>
      </c>
      <c r="DD14" s="114">
        <v>5380371</v>
      </c>
      <c r="DE14" s="114">
        <v>1850372</v>
      </c>
      <c r="DF14" s="113">
        <v>30235969</v>
      </c>
      <c r="DG14" s="116">
        <v>34299570</v>
      </c>
      <c r="DH14" s="110">
        <v>88376</v>
      </c>
      <c r="DI14" s="114">
        <v>386352</v>
      </c>
      <c r="DJ14" s="112">
        <v>474728</v>
      </c>
      <c r="DK14" s="111">
        <v>0</v>
      </c>
      <c r="DL14" s="114">
        <v>3796403</v>
      </c>
      <c r="DM14" s="114">
        <v>11499744</v>
      </c>
      <c r="DN14" s="114">
        <v>24671143</v>
      </c>
      <c r="DO14" s="114">
        <v>17566826</v>
      </c>
      <c r="DP14" s="114">
        <v>7816494</v>
      </c>
      <c r="DQ14" s="113">
        <v>65350610</v>
      </c>
      <c r="DR14" s="116">
        <v>65825338</v>
      </c>
      <c r="DS14" s="110">
        <v>88376</v>
      </c>
      <c r="DT14" s="114">
        <v>386352</v>
      </c>
      <c r="DU14" s="113">
        <v>474728</v>
      </c>
      <c r="DV14" s="110">
        <v>0</v>
      </c>
      <c r="DW14" s="114">
        <v>3787949</v>
      </c>
      <c r="DX14" s="114">
        <v>11013130</v>
      </c>
      <c r="DY14" s="114">
        <v>23894377</v>
      </c>
      <c r="DZ14" s="114">
        <v>17210203</v>
      </c>
      <c r="EA14" s="114">
        <v>7816494</v>
      </c>
      <c r="EB14" s="113">
        <v>63722153</v>
      </c>
      <c r="EC14" s="116">
        <v>64196881</v>
      </c>
      <c r="ED14" s="110">
        <v>0</v>
      </c>
      <c r="EE14" s="112">
        <v>0</v>
      </c>
      <c r="EF14" s="113">
        <v>0</v>
      </c>
      <c r="EG14" s="110">
        <v>0</v>
      </c>
      <c r="EH14" s="114">
        <v>8454</v>
      </c>
      <c r="EI14" s="114">
        <v>486614</v>
      </c>
      <c r="EJ14" s="114">
        <v>776766</v>
      </c>
      <c r="EK14" s="114">
        <v>356623</v>
      </c>
      <c r="EL14" s="114">
        <v>0</v>
      </c>
      <c r="EM14" s="112">
        <v>1628457</v>
      </c>
      <c r="EN14" s="116">
        <v>1628457</v>
      </c>
      <c r="EO14" s="110">
        <v>0</v>
      </c>
      <c r="EP14" s="114">
        <v>0</v>
      </c>
      <c r="EQ14" s="112">
        <v>0</v>
      </c>
      <c r="ER14" s="111">
        <v>0</v>
      </c>
      <c r="ES14" s="114">
        <v>0</v>
      </c>
      <c r="ET14" s="114">
        <v>0</v>
      </c>
      <c r="EU14" s="114">
        <v>0</v>
      </c>
      <c r="EV14" s="114">
        <v>0</v>
      </c>
      <c r="EW14" s="114">
        <v>0</v>
      </c>
      <c r="EX14" s="113">
        <v>0</v>
      </c>
      <c r="EY14" s="116">
        <v>0</v>
      </c>
      <c r="EZ14" s="110">
        <v>0</v>
      </c>
      <c r="FA14" s="114">
        <v>0</v>
      </c>
      <c r="FB14" s="112">
        <v>0</v>
      </c>
      <c r="FC14" s="348"/>
      <c r="FD14" s="114">
        <v>0</v>
      </c>
      <c r="FE14" s="114">
        <v>0</v>
      </c>
      <c r="FF14" s="114">
        <v>0</v>
      </c>
      <c r="FG14" s="114">
        <v>0</v>
      </c>
      <c r="FH14" s="114">
        <v>0</v>
      </c>
      <c r="FI14" s="113">
        <v>0</v>
      </c>
      <c r="FJ14" s="116">
        <v>0</v>
      </c>
      <c r="FK14" s="110">
        <v>2320668</v>
      </c>
      <c r="FL14" s="114">
        <v>4605885</v>
      </c>
      <c r="FM14" s="113">
        <v>6926553</v>
      </c>
      <c r="FN14" s="110">
        <v>0</v>
      </c>
      <c r="FO14" s="114">
        <v>7521120</v>
      </c>
      <c r="FP14" s="114">
        <v>19491774</v>
      </c>
      <c r="FQ14" s="114">
        <v>14692447</v>
      </c>
      <c r="FR14" s="114">
        <v>11475956</v>
      </c>
      <c r="FS14" s="114">
        <v>9710845</v>
      </c>
      <c r="FT14" s="113">
        <v>62892142</v>
      </c>
      <c r="FU14" s="116">
        <v>69818695</v>
      </c>
      <c r="FV14" s="115">
        <v>1863936</v>
      </c>
      <c r="FW14" s="114">
        <v>3568068</v>
      </c>
      <c r="FX14" s="112">
        <v>5432004</v>
      </c>
      <c r="FY14" s="111">
        <v>0</v>
      </c>
      <c r="FZ14" s="114">
        <v>6651566</v>
      </c>
      <c r="GA14" s="114">
        <v>18593047</v>
      </c>
      <c r="GB14" s="114">
        <v>13614435</v>
      </c>
      <c r="GC14" s="114">
        <v>10940374</v>
      </c>
      <c r="GD14" s="114">
        <v>9170817</v>
      </c>
      <c r="GE14" s="113">
        <v>58970239</v>
      </c>
      <c r="GF14" s="319">
        <v>64402243</v>
      </c>
      <c r="GG14" s="115">
        <v>102960</v>
      </c>
      <c r="GH14" s="114">
        <v>102861</v>
      </c>
      <c r="GI14" s="112">
        <v>205821</v>
      </c>
      <c r="GJ14" s="111">
        <v>0</v>
      </c>
      <c r="GK14" s="114">
        <v>438516</v>
      </c>
      <c r="GL14" s="114">
        <v>412839</v>
      </c>
      <c r="GM14" s="114">
        <v>479934</v>
      </c>
      <c r="GN14" s="114">
        <v>275212</v>
      </c>
      <c r="GO14" s="114">
        <v>139564</v>
      </c>
      <c r="GP14" s="113">
        <v>1746065</v>
      </c>
      <c r="GQ14" s="116">
        <v>1951886</v>
      </c>
      <c r="GR14" s="110">
        <v>353772</v>
      </c>
      <c r="GS14" s="114">
        <v>934956</v>
      </c>
      <c r="GT14" s="113">
        <v>1288728</v>
      </c>
      <c r="GU14" s="110">
        <v>0</v>
      </c>
      <c r="GV14" s="114">
        <v>431038</v>
      </c>
      <c r="GW14" s="114">
        <v>485888</v>
      </c>
      <c r="GX14" s="114">
        <v>598078</v>
      </c>
      <c r="GY14" s="114">
        <v>260370</v>
      </c>
      <c r="GZ14" s="114">
        <v>400464</v>
      </c>
      <c r="HA14" s="112">
        <v>2175838</v>
      </c>
      <c r="HB14" s="116">
        <v>3464566</v>
      </c>
      <c r="HC14" s="110">
        <v>3357818</v>
      </c>
      <c r="HD14" s="114">
        <v>1612287</v>
      </c>
      <c r="HE14" s="112">
        <v>4970105</v>
      </c>
      <c r="HF14" s="111">
        <v>0</v>
      </c>
      <c r="HG14" s="114">
        <v>26235633</v>
      </c>
      <c r="HH14" s="114">
        <v>20048738</v>
      </c>
      <c r="HI14" s="114">
        <v>20060356</v>
      </c>
      <c r="HJ14" s="114">
        <v>28743791</v>
      </c>
      <c r="HK14" s="114">
        <v>17433989</v>
      </c>
      <c r="HL14" s="113">
        <v>112522507</v>
      </c>
      <c r="HM14" s="109">
        <v>117492612</v>
      </c>
      <c r="HN14" s="115">
        <v>2128795</v>
      </c>
      <c r="HO14" s="114">
        <v>3073507</v>
      </c>
      <c r="HP14" s="113">
        <v>5202302</v>
      </c>
      <c r="HQ14" s="110">
        <v>0</v>
      </c>
      <c r="HR14" s="114">
        <v>25584244</v>
      </c>
      <c r="HS14" s="114">
        <v>27303473</v>
      </c>
      <c r="HT14" s="114">
        <v>19087942</v>
      </c>
      <c r="HU14" s="114">
        <v>11502223</v>
      </c>
      <c r="HV14" s="114">
        <v>7379898</v>
      </c>
      <c r="HW14" s="112">
        <v>90857780</v>
      </c>
      <c r="HX14" s="116">
        <v>96060082</v>
      </c>
      <c r="HY14" s="131">
        <v>394190</v>
      </c>
      <c r="HZ14" s="132">
        <v>983986</v>
      </c>
      <c r="IA14" s="133">
        <v>1378176</v>
      </c>
      <c r="IB14" s="134">
        <v>0</v>
      </c>
      <c r="IC14" s="135">
        <v>60145312</v>
      </c>
      <c r="ID14" s="136">
        <v>68345704</v>
      </c>
      <c r="IE14" s="137">
        <v>67399849</v>
      </c>
      <c r="IF14" s="135">
        <v>48321873</v>
      </c>
      <c r="IG14" s="137">
        <v>24819212</v>
      </c>
      <c r="IH14" s="138">
        <v>269031950</v>
      </c>
      <c r="II14" s="139">
        <v>270410126</v>
      </c>
      <c r="IJ14" s="232">
        <v>0</v>
      </c>
      <c r="IK14" s="236">
        <v>0</v>
      </c>
      <c r="IL14" s="237">
        <v>0</v>
      </c>
      <c r="IM14" s="140"/>
      <c r="IN14" s="119">
        <v>345617</v>
      </c>
      <c r="IO14" s="119">
        <v>1157402</v>
      </c>
      <c r="IP14" s="119">
        <v>1210236</v>
      </c>
      <c r="IQ14" s="119">
        <v>1457676</v>
      </c>
      <c r="IR14" s="119">
        <v>605350</v>
      </c>
      <c r="IS14" s="141">
        <v>4776281</v>
      </c>
      <c r="IT14" s="321">
        <v>4776281</v>
      </c>
      <c r="IU14" s="142">
        <v>0</v>
      </c>
      <c r="IV14" s="119">
        <v>0</v>
      </c>
      <c r="IW14" s="120">
        <v>0</v>
      </c>
      <c r="IX14" s="144"/>
      <c r="IY14" s="119">
        <v>18566</v>
      </c>
      <c r="IZ14" s="119">
        <v>25489</v>
      </c>
      <c r="JA14" s="119">
        <v>0</v>
      </c>
      <c r="JB14" s="119">
        <v>37132</v>
      </c>
      <c r="JC14" s="119">
        <v>103507</v>
      </c>
      <c r="JD14" s="120">
        <v>184694</v>
      </c>
      <c r="JE14" s="121">
        <v>184694</v>
      </c>
      <c r="JF14" s="142">
        <v>0</v>
      </c>
      <c r="JG14" s="119">
        <v>0</v>
      </c>
      <c r="JH14" s="141">
        <v>0</v>
      </c>
      <c r="JI14" s="118">
        <v>0</v>
      </c>
      <c r="JJ14" s="119">
        <v>28465574</v>
      </c>
      <c r="JK14" s="119">
        <v>32083491</v>
      </c>
      <c r="JL14" s="119">
        <v>23299790</v>
      </c>
      <c r="JM14" s="119">
        <v>13731055</v>
      </c>
      <c r="JN14" s="119">
        <v>6150027</v>
      </c>
      <c r="JO14" s="120">
        <v>103729937</v>
      </c>
      <c r="JP14" s="321">
        <v>103729937</v>
      </c>
      <c r="JQ14" s="142">
        <v>0</v>
      </c>
      <c r="JR14" s="119">
        <v>0</v>
      </c>
      <c r="JS14" s="141">
        <v>0</v>
      </c>
      <c r="JT14" s="118">
        <v>0</v>
      </c>
      <c r="JU14" s="119">
        <v>798441</v>
      </c>
      <c r="JV14" s="119">
        <v>1418441</v>
      </c>
      <c r="JW14" s="119">
        <v>1212998</v>
      </c>
      <c r="JX14" s="119">
        <v>545227</v>
      </c>
      <c r="JY14" s="119">
        <v>1064405</v>
      </c>
      <c r="JZ14" s="120">
        <v>5039512</v>
      </c>
      <c r="KA14" s="321">
        <v>5039512</v>
      </c>
      <c r="KB14" s="234">
        <v>394190</v>
      </c>
      <c r="KC14" s="230">
        <v>983986</v>
      </c>
      <c r="KD14" s="120">
        <v>1378176</v>
      </c>
      <c r="KE14" s="118">
        <v>0</v>
      </c>
      <c r="KF14" s="119">
        <v>11943503</v>
      </c>
      <c r="KG14" s="119">
        <v>9769461</v>
      </c>
      <c r="KH14" s="119">
        <v>10636103</v>
      </c>
      <c r="KI14" s="119">
        <v>5600190</v>
      </c>
      <c r="KJ14" s="119">
        <v>1586447</v>
      </c>
      <c r="KK14" s="120">
        <v>39535704</v>
      </c>
      <c r="KL14" s="143">
        <v>40913880</v>
      </c>
      <c r="KM14" s="232">
        <v>0</v>
      </c>
      <c r="KN14" s="236">
        <v>0</v>
      </c>
      <c r="KO14" s="237">
        <v>0</v>
      </c>
      <c r="KP14" s="140"/>
      <c r="KQ14" s="119">
        <v>15725087</v>
      </c>
      <c r="KR14" s="119">
        <v>18878856</v>
      </c>
      <c r="KS14" s="119">
        <v>20964656</v>
      </c>
      <c r="KT14" s="119">
        <v>16163094</v>
      </c>
      <c r="KU14" s="119">
        <v>8850513</v>
      </c>
      <c r="KV14" s="120">
        <v>80582206</v>
      </c>
      <c r="KW14" s="321">
        <v>80582206</v>
      </c>
      <c r="KX14" s="142">
        <v>0</v>
      </c>
      <c r="KY14" s="119">
        <v>0</v>
      </c>
      <c r="KZ14" s="120">
        <v>0</v>
      </c>
      <c r="LA14" s="145"/>
      <c r="LB14" s="119">
        <v>167606</v>
      </c>
      <c r="LC14" s="119">
        <v>2082073</v>
      </c>
      <c r="LD14" s="119">
        <v>2349976</v>
      </c>
      <c r="LE14" s="119">
        <v>3284344</v>
      </c>
      <c r="LF14" s="119">
        <v>583962</v>
      </c>
      <c r="LG14" s="120">
        <v>8467961</v>
      </c>
      <c r="LH14" s="121">
        <v>8467961</v>
      </c>
      <c r="LI14" s="142">
        <v>0</v>
      </c>
      <c r="LJ14" s="119">
        <v>0</v>
      </c>
      <c r="LK14" s="120">
        <v>0</v>
      </c>
      <c r="LL14" s="145"/>
      <c r="LM14" s="119">
        <v>0</v>
      </c>
      <c r="LN14" s="119">
        <v>446134</v>
      </c>
      <c r="LO14" s="119">
        <v>4195072</v>
      </c>
      <c r="LP14" s="119">
        <v>4516085</v>
      </c>
      <c r="LQ14" s="119">
        <v>3317269</v>
      </c>
      <c r="LR14" s="120">
        <v>12474560</v>
      </c>
      <c r="LS14" s="321">
        <v>12474560</v>
      </c>
      <c r="LT14" s="142">
        <v>0</v>
      </c>
      <c r="LU14" s="119">
        <v>0</v>
      </c>
      <c r="LV14" s="120">
        <v>0</v>
      </c>
      <c r="LW14" s="145"/>
      <c r="LX14" s="119">
        <v>2680918</v>
      </c>
      <c r="LY14" s="119">
        <v>2484357</v>
      </c>
      <c r="LZ14" s="119">
        <v>3531018</v>
      </c>
      <c r="MA14" s="119">
        <v>2987070</v>
      </c>
      <c r="MB14" s="119">
        <v>2557732</v>
      </c>
      <c r="MC14" s="120">
        <v>14241095</v>
      </c>
      <c r="MD14" s="121">
        <v>14241095</v>
      </c>
      <c r="ME14" s="142">
        <v>0</v>
      </c>
      <c r="MF14" s="119">
        <v>0</v>
      </c>
      <c r="MG14" s="120">
        <v>0</v>
      </c>
      <c r="MH14" s="145"/>
      <c r="MI14" s="119">
        <v>19954050</v>
      </c>
      <c r="MJ14" s="119">
        <v>39727779</v>
      </c>
      <c r="MK14" s="119">
        <v>130657800</v>
      </c>
      <c r="ML14" s="119">
        <v>145372915</v>
      </c>
      <c r="MM14" s="119">
        <v>87758598</v>
      </c>
      <c r="MN14" s="120">
        <v>423471142</v>
      </c>
      <c r="MO14" s="143">
        <v>423471142</v>
      </c>
      <c r="MP14" s="142">
        <v>0</v>
      </c>
      <c r="MQ14" s="119">
        <v>0</v>
      </c>
      <c r="MR14" s="120">
        <v>0</v>
      </c>
      <c r="MS14" s="145"/>
      <c r="MT14" s="119">
        <v>5593695</v>
      </c>
      <c r="MU14" s="119">
        <v>12817329</v>
      </c>
      <c r="MV14" s="119">
        <v>86101240</v>
      </c>
      <c r="MW14" s="119">
        <v>101386940</v>
      </c>
      <c r="MX14" s="119">
        <v>64736799</v>
      </c>
      <c r="MY14" s="120">
        <v>270636003</v>
      </c>
      <c r="MZ14" s="143">
        <v>270636003</v>
      </c>
      <c r="NA14" s="142">
        <v>0</v>
      </c>
      <c r="NB14" s="119">
        <v>0</v>
      </c>
      <c r="NC14" s="120">
        <v>0</v>
      </c>
      <c r="ND14" s="145"/>
      <c r="NE14" s="119">
        <v>14143815</v>
      </c>
      <c r="NF14" s="119">
        <v>26910450</v>
      </c>
      <c r="NG14" s="119">
        <v>44556560</v>
      </c>
      <c r="NH14" s="119">
        <v>40842009</v>
      </c>
      <c r="NI14" s="119">
        <v>19996606</v>
      </c>
      <c r="NJ14" s="120">
        <v>146449440</v>
      </c>
      <c r="NK14" s="321">
        <v>146449440</v>
      </c>
      <c r="NL14" s="142">
        <v>0</v>
      </c>
      <c r="NM14" s="119">
        <v>0</v>
      </c>
      <c r="NN14" s="120">
        <v>0</v>
      </c>
      <c r="NO14" s="145"/>
      <c r="NP14" s="119">
        <v>0</v>
      </c>
      <c r="NQ14" s="119">
        <v>0</v>
      </c>
      <c r="NR14" s="119">
        <v>0</v>
      </c>
      <c r="NS14" s="119">
        <v>1054629</v>
      </c>
      <c r="NT14" s="119">
        <v>1394371</v>
      </c>
      <c r="NU14" s="120">
        <v>2449000</v>
      </c>
      <c r="NV14" s="121">
        <v>2449000</v>
      </c>
      <c r="NW14" s="142">
        <v>0</v>
      </c>
      <c r="NX14" s="119">
        <v>0</v>
      </c>
      <c r="NY14" s="120">
        <v>0</v>
      </c>
      <c r="NZ14" s="145"/>
      <c r="OA14" s="119">
        <v>216540</v>
      </c>
      <c r="OB14" s="119">
        <v>0</v>
      </c>
      <c r="OC14" s="119">
        <v>0</v>
      </c>
      <c r="OD14" s="119">
        <v>2089337</v>
      </c>
      <c r="OE14" s="119">
        <v>1630822</v>
      </c>
      <c r="OF14" s="120">
        <v>3936699</v>
      </c>
      <c r="OG14" s="121">
        <v>3936699</v>
      </c>
      <c r="OH14" s="142">
        <v>11552666</v>
      </c>
      <c r="OI14" s="119">
        <v>16469167</v>
      </c>
      <c r="OJ14" s="141">
        <v>28021833</v>
      </c>
      <c r="OK14" s="118">
        <v>0</v>
      </c>
      <c r="OL14" s="119">
        <v>221997258</v>
      </c>
      <c r="OM14" s="119">
        <v>299179325</v>
      </c>
      <c r="ON14" s="119">
        <v>378932902</v>
      </c>
      <c r="OO14" s="119">
        <v>342561130</v>
      </c>
      <c r="OP14" s="119">
        <v>237339363</v>
      </c>
      <c r="OQ14" s="120">
        <v>1480009978</v>
      </c>
      <c r="OR14" s="143">
        <v>1508031811</v>
      </c>
    </row>
    <row r="15" spans="1:408" ht="18.75" customHeight="1" x14ac:dyDescent="0.2">
      <c r="A15" s="62" t="s">
        <v>9</v>
      </c>
      <c r="B15" s="110">
        <v>11470522</v>
      </c>
      <c r="C15" s="114">
        <v>14934685</v>
      </c>
      <c r="D15" s="113">
        <v>26405207</v>
      </c>
      <c r="E15" s="111">
        <v>0</v>
      </c>
      <c r="F15" s="114">
        <v>145655416</v>
      </c>
      <c r="G15" s="114">
        <v>151261740</v>
      </c>
      <c r="H15" s="114">
        <v>145126873</v>
      </c>
      <c r="I15" s="114">
        <v>164586253</v>
      </c>
      <c r="J15" s="114">
        <v>131727206</v>
      </c>
      <c r="K15" s="109">
        <v>738357488</v>
      </c>
      <c r="L15" s="116">
        <v>764762695</v>
      </c>
      <c r="M15" s="110">
        <v>1842509</v>
      </c>
      <c r="N15" s="114">
        <v>3080318</v>
      </c>
      <c r="O15" s="113">
        <v>4922827</v>
      </c>
      <c r="P15" s="110">
        <v>0</v>
      </c>
      <c r="Q15" s="114">
        <v>43173127</v>
      </c>
      <c r="R15" s="114">
        <v>48309933</v>
      </c>
      <c r="S15" s="114">
        <v>50780138</v>
      </c>
      <c r="T15" s="114">
        <v>71557795</v>
      </c>
      <c r="U15" s="114">
        <v>71328149</v>
      </c>
      <c r="V15" s="113">
        <v>285149142</v>
      </c>
      <c r="W15" s="116">
        <v>290071969</v>
      </c>
      <c r="X15" s="110">
        <v>0</v>
      </c>
      <c r="Y15" s="114">
        <v>0</v>
      </c>
      <c r="Z15" s="113">
        <v>0</v>
      </c>
      <c r="AA15" s="110">
        <v>0</v>
      </c>
      <c r="AB15" s="114">
        <v>20389890</v>
      </c>
      <c r="AC15" s="114">
        <v>25652843</v>
      </c>
      <c r="AD15" s="114">
        <v>29382500</v>
      </c>
      <c r="AE15" s="114">
        <v>47121590</v>
      </c>
      <c r="AF15" s="114">
        <v>45393380</v>
      </c>
      <c r="AG15" s="113">
        <v>167940203</v>
      </c>
      <c r="AH15" s="116">
        <v>167940203</v>
      </c>
      <c r="AI15" s="110">
        <v>0</v>
      </c>
      <c r="AJ15" s="114">
        <v>0</v>
      </c>
      <c r="AK15" s="113">
        <v>0</v>
      </c>
      <c r="AL15" s="110">
        <v>0</v>
      </c>
      <c r="AM15" s="114">
        <v>400136</v>
      </c>
      <c r="AN15" s="114">
        <v>351720</v>
      </c>
      <c r="AO15" s="114">
        <v>1123936</v>
      </c>
      <c r="AP15" s="114">
        <v>3152454</v>
      </c>
      <c r="AQ15" s="114">
        <v>6981424</v>
      </c>
      <c r="AR15" s="113">
        <v>12009670</v>
      </c>
      <c r="AS15" s="116">
        <v>12009670</v>
      </c>
      <c r="AT15" s="110">
        <v>682386</v>
      </c>
      <c r="AU15" s="114">
        <v>1853815</v>
      </c>
      <c r="AV15" s="113">
        <v>2536201</v>
      </c>
      <c r="AW15" s="110">
        <v>0</v>
      </c>
      <c r="AX15" s="114">
        <v>13942366</v>
      </c>
      <c r="AY15" s="114">
        <v>12937658</v>
      </c>
      <c r="AZ15" s="114">
        <v>10586652</v>
      </c>
      <c r="BA15" s="114">
        <v>11527524</v>
      </c>
      <c r="BB15" s="114">
        <v>11541188</v>
      </c>
      <c r="BC15" s="113">
        <v>60535388</v>
      </c>
      <c r="BD15" s="116">
        <v>63071589</v>
      </c>
      <c r="BE15" s="110">
        <v>188252</v>
      </c>
      <c r="BF15" s="114">
        <v>471898</v>
      </c>
      <c r="BG15" s="112">
        <v>660150</v>
      </c>
      <c r="BH15" s="111">
        <v>0</v>
      </c>
      <c r="BI15" s="114">
        <v>1732177</v>
      </c>
      <c r="BJ15" s="114">
        <v>1839689</v>
      </c>
      <c r="BK15" s="114">
        <v>1598222</v>
      </c>
      <c r="BL15" s="114">
        <v>1749293</v>
      </c>
      <c r="BM15" s="114">
        <v>1544865</v>
      </c>
      <c r="BN15" s="113">
        <v>8464246</v>
      </c>
      <c r="BO15" s="116">
        <v>9124396</v>
      </c>
      <c r="BP15" s="110">
        <v>971871</v>
      </c>
      <c r="BQ15" s="114">
        <v>754605</v>
      </c>
      <c r="BR15" s="113">
        <v>1726476</v>
      </c>
      <c r="BS15" s="110">
        <v>0</v>
      </c>
      <c r="BT15" s="114">
        <v>6708558</v>
      </c>
      <c r="BU15" s="114">
        <v>7528023</v>
      </c>
      <c r="BV15" s="114">
        <v>8088828</v>
      </c>
      <c r="BW15" s="114">
        <v>8006934</v>
      </c>
      <c r="BX15" s="114">
        <v>5867292</v>
      </c>
      <c r="BY15" s="113">
        <v>36199635</v>
      </c>
      <c r="BZ15" s="116">
        <v>37926111</v>
      </c>
      <c r="CA15" s="110">
        <v>814210</v>
      </c>
      <c r="CB15" s="114">
        <v>2338179</v>
      </c>
      <c r="CC15" s="113">
        <v>3152389</v>
      </c>
      <c r="CD15" s="110">
        <v>0</v>
      </c>
      <c r="CE15" s="114">
        <v>32414074</v>
      </c>
      <c r="CF15" s="114">
        <v>32782298</v>
      </c>
      <c r="CG15" s="114">
        <v>27088326</v>
      </c>
      <c r="CH15" s="114">
        <v>20885251</v>
      </c>
      <c r="CI15" s="114">
        <v>8359821</v>
      </c>
      <c r="CJ15" s="113">
        <v>121529770</v>
      </c>
      <c r="CK15" s="116">
        <v>124682159</v>
      </c>
      <c r="CL15" s="110">
        <v>0</v>
      </c>
      <c r="CM15" s="114">
        <v>0</v>
      </c>
      <c r="CN15" s="113">
        <v>0</v>
      </c>
      <c r="CO15" s="111">
        <v>0</v>
      </c>
      <c r="CP15" s="114">
        <v>26847747</v>
      </c>
      <c r="CQ15" s="114">
        <v>25875624</v>
      </c>
      <c r="CR15" s="114">
        <v>22396060</v>
      </c>
      <c r="CS15" s="114">
        <v>14462926</v>
      </c>
      <c r="CT15" s="114">
        <v>6849458</v>
      </c>
      <c r="CU15" s="113">
        <v>96431815</v>
      </c>
      <c r="CV15" s="116">
        <v>96431815</v>
      </c>
      <c r="CW15" s="110">
        <v>814210</v>
      </c>
      <c r="CX15" s="114">
        <v>2338179</v>
      </c>
      <c r="CY15" s="113">
        <v>3152389</v>
      </c>
      <c r="CZ15" s="110">
        <v>0</v>
      </c>
      <c r="DA15" s="114">
        <v>5566327</v>
      </c>
      <c r="DB15" s="114">
        <v>6906674</v>
      </c>
      <c r="DC15" s="114">
        <v>4692266</v>
      </c>
      <c r="DD15" s="114">
        <v>6422325</v>
      </c>
      <c r="DE15" s="114">
        <v>1510363</v>
      </c>
      <c r="DF15" s="113">
        <v>25097955</v>
      </c>
      <c r="DG15" s="116">
        <v>28250344</v>
      </c>
      <c r="DH15" s="110">
        <v>83156</v>
      </c>
      <c r="DI15" s="114">
        <v>-11559</v>
      </c>
      <c r="DJ15" s="112">
        <v>71597</v>
      </c>
      <c r="DK15" s="111">
        <v>0</v>
      </c>
      <c r="DL15" s="114">
        <v>3848952</v>
      </c>
      <c r="DM15" s="114">
        <v>7232721</v>
      </c>
      <c r="DN15" s="114">
        <v>12440031</v>
      </c>
      <c r="DO15" s="114">
        <v>14685504</v>
      </c>
      <c r="DP15" s="114">
        <v>8207443</v>
      </c>
      <c r="DQ15" s="113">
        <v>46414651</v>
      </c>
      <c r="DR15" s="116">
        <v>46486248</v>
      </c>
      <c r="DS15" s="110">
        <v>83156</v>
      </c>
      <c r="DT15" s="114">
        <v>-11559</v>
      </c>
      <c r="DU15" s="113">
        <v>71597</v>
      </c>
      <c r="DV15" s="110">
        <v>0</v>
      </c>
      <c r="DW15" s="114">
        <v>3450482</v>
      </c>
      <c r="DX15" s="114">
        <v>6056741</v>
      </c>
      <c r="DY15" s="114">
        <v>10122926</v>
      </c>
      <c r="DZ15" s="114">
        <v>12848028</v>
      </c>
      <c r="EA15" s="114">
        <v>7401596</v>
      </c>
      <c r="EB15" s="113">
        <v>39879773</v>
      </c>
      <c r="EC15" s="116">
        <v>39951370</v>
      </c>
      <c r="ED15" s="110">
        <v>0</v>
      </c>
      <c r="EE15" s="112">
        <v>0</v>
      </c>
      <c r="EF15" s="113">
        <v>0</v>
      </c>
      <c r="EG15" s="110">
        <v>0</v>
      </c>
      <c r="EH15" s="114">
        <v>398470</v>
      </c>
      <c r="EI15" s="114">
        <v>1175980</v>
      </c>
      <c r="EJ15" s="114">
        <v>2317105</v>
      </c>
      <c r="EK15" s="114">
        <v>1837476</v>
      </c>
      <c r="EL15" s="114">
        <v>805847</v>
      </c>
      <c r="EM15" s="112">
        <v>6534878</v>
      </c>
      <c r="EN15" s="116">
        <v>6534878</v>
      </c>
      <c r="EO15" s="110">
        <v>0</v>
      </c>
      <c r="EP15" s="114">
        <v>0</v>
      </c>
      <c r="EQ15" s="112">
        <v>0</v>
      </c>
      <c r="ER15" s="111">
        <v>0</v>
      </c>
      <c r="ES15" s="114">
        <v>0</v>
      </c>
      <c r="ET15" s="114">
        <v>0</v>
      </c>
      <c r="EU15" s="114">
        <v>0</v>
      </c>
      <c r="EV15" s="114">
        <v>0</v>
      </c>
      <c r="EW15" s="114">
        <v>0</v>
      </c>
      <c r="EX15" s="113">
        <v>0</v>
      </c>
      <c r="EY15" s="116">
        <v>0</v>
      </c>
      <c r="EZ15" s="110">
        <v>0</v>
      </c>
      <c r="FA15" s="114">
        <v>0</v>
      </c>
      <c r="FB15" s="112">
        <v>0</v>
      </c>
      <c r="FC15" s="348"/>
      <c r="FD15" s="114">
        <v>0</v>
      </c>
      <c r="FE15" s="114">
        <v>0</v>
      </c>
      <c r="FF15" s="114">
        <v>0</v>
      </c>
      <c r="FG15" s="114">
        <v>0</v>
      </c>
      <c r="FH15" s="114">
        <v>0</v>
      </c>
      <c r="FI15" s="113">
        <v>0</v>
      </c>
      <c r="FJ15" s="116">
        <v>0</v>
      </c>
      <c r="FK15" s="110">
        <v>4090946</v>
      </c>
      <c r="FL15" s="114">
        <v>3677428</v>
      </c>
      <c r="FM15" s="113">
        <v>7768374</v>
      </c>
      <c r="FN15" s="110">
        <v>0</v>
      </c>
      <c r="FO15" s="114">
        <v>9915030</v>
      </c>
      <c r="FP15" s="114">
        <v>14159927</v>
      </c>
      <c r="FQ15" s="114">
        <v>11436804</v>
      </c>
      <c r="FR15" s="114">
        <v>11921905</v>
      </c>
      <c r="FS15" s="114">
        <v>8679391</v>
      </c>
      <c r="FT15" s="113">
        <v>56113057</v>
      </c>
      <c r="FU15" s="116">
        <v>63881431</v>
      </c>
      <c r="FV15" s="115">
        <v>1836859</v>
      </c>
      <c r="FW15" s="114">
        <v>2625607</v>
      </c>
      <c r="FX15" s="112">
        <v>4462466</v>
      </c>
      <c r="FY15" s="111">
        <v>0</v>
      </c>
      <c r="FZ15" s="114">
        <v>7447669</v>
      </c>
      <c r="GA15" s="114">
        <v>12446325</v>
      </c>
      <c r="GB15" s="114">
        <v>10273714</v>
      </c>
      <c r="GC15" s="114">
        <v>11207424</v>
      </c>
      <c r="GD15" s="114">
        <v>8090634</v>
      </c>
      <c r="GE15" s="113">
        <v>49465766</v>
      </c>
      <c r="GF15" s="319">
        <v>53928232</v>
      </c>
      <c r="GG15" s="115">
        <v>167634</v>
      </c>
      <c r="GH15" s="114">
        <v>234621</v>
      </c>
      <c r="GI15" s="112">
        <v>402255</v>
      </c>
      <c r="GJ15" s="111">
        <v>0</v>
      </c>
      <c r="GK15" s="114">
        <v>686658</v>
      </c>
      <c r="GL15" s="114">
        <v>528352</v>
      </c>
      <c r="GM15" s="114">
        <v>375780</v>
      </c>
      <c r="GN15" s="114">
        <v>319926</v>
      </c>
      <c r="GO15" s="114">
        <v>179421</v>
      </c>
      <c r="GP15" s="113">
        <v>2090137</v>
      </c>
      <c r="GQ15" s="116">
        <v>2492392</v>
      </c>
      <c r="GR15" s="110">
        <v>2086453</v>
      </c>
      <c r="GS15" s="114">
        <v>817200</v>
      </c>
      <c r="GT15" s="113">
        <v>2903653</v>
      </c>
      <c r="GU15" s="110">
        <v>0</v>
      </c>
      <c r="GV15" s="114">
        <v>1780703</v>
      </c>
      <c r="GW15" s="114">
        <v>1185250</v>
      </c>
      <c r="GX15" s="114">
        <v>787310</v>
      </c>
      <c r="GY15" s="114">
        <v>394555</v>
      </c>
      <c r="GZ15" s="114">
        <v>409336</v>
      </c>
      <c r="HA15" s="112">
        <v>4557154</v>
      </c>
      <c r="HB15" s="116">
        <v>7460807</v>
      </c>
      <c r="HC15" s="110">
        <v>2614506</v>
      </c>
      <c r="HD15" s="114">
        <v>3316755</v>
      </c>
      <c r="HE15" s="112">
        <v>5931261</v>
      </c>
      <c r="HF15" s="111">
        <v>0</v>
      </c>
      <c r="HG15" s="114">
        <v>30588369</v>
      </c>
      <c r="HH15" s="114">
        <v>29488036</v>
      </c>
      <c r="HI15" s="114">
        <v>29247202</v>
      </c>
      <c r="HJ15" s="114">
        <v>33796150</v>
      </c>
      <c r="HK15" s="114">
        <v>28074569</v>
      </c>
      <c r="HL15" s="113">
        <v>151194326</v>
      </c>
      <c r="HM15" s="109">
        <v>157125587</v>
      </c>
      <c r="HN15" s="115">
        <v>2025195</v>
      </c>
      <c r="HO15" s="114">
        <v>2533564</v>
      </c>
      <c r="HP15" s="113">
        <v>4558759</v>
      </c>
      <c r="HQ15" s="110">
        <v>0</v>
      </c>
      <c r="HR15" s="114">
        <v>25715864</v>
      </c>
      <c r="HS15" s="114">
        <v>19288825</v>
      </c>
      <c r="HT15" s="114">
        <v>14134372</v>
      </c>
      <c r="HU15" s="114">
        <v>11739648</v>
      </c>
      <c r="HV15" s="114">
        <v>7077833</v>
      </c>
      <c r="HW15" s="112">
        <v>77956542</v>
      </c>
      <c r="HX15" s="116">
        <v>82515301</v>
      </c>
      <c r="HY15" s="128">
        <v>120056</v>
      </c>
      <c r="HZ15" s="149">
        <v>763841</v>
      </c>
      <c r="IA15" s="129">
        <v>883897</v>
      </c>
      <c r="IB15" s="146">
        <v>0</v>
      </c>
      <c r="IC15" s="132">
        <v>31498613</v>
      </c>
      <c r="ID15" s="147">
        <v>41830211</v>
      </c>
      <c r="IE15" s="133">
        <v>54960216</v>
      </c>
      <c r="IF15" s="132">
        <v>33631810</v>
      </c>
      <c r="IG15" s="133">
        <v>18909086</v>
      </c>
      <c r="IH15" s="148">
        <v>180829936</v>
      </c>
      <c r="II15" s="130">
        <v>181713833</v>
      </c>
      <c r="IJ15" s="232">
        <v>0</v>
      </c>
      <c r="IK15" s="236">
        <v>0</v>
      </c>
      <c r="IL15" s="237">
        <v>0</v>
      </c>
      <c r="IM15" s="140"/>
      <c r="IN15" s="119">
        <v>154392</v>
      </c>
      <c r="IO15" s="119">
        <v>633426</v>
      </c>
      <c r="IP15" s="119">
        <v>426252</v>
      </c>
      <c r="IQ15" s="119">
        <v>2062942</v>
      </c>
      <c r="IR15" s="119">
        <v>984863</v>
      </c>
      <c r="IS15" s="141">
        <v>4261875</v>
      </c>
      <c r="IT15" s="321">
        <v>4261875</v>
      </c>
      <c r="IU15" s="142">
        <v>0</v>
      </c>
      <c r="IV15" s="119">
        <v>0</v>
      </c>
      <c r="IW15" s="120">
        <v>0</v>
      </c>
      <c r="IX15" s="144"/>
      <c r="IY15" s="119">
        <v>0</v>
      </c>
      <c r="IZ15" s="119">
        <v>0</v>
      </c>
      <c r="JA15" s="119">
        <v>0</v>
      </c>
      <c r="JB15" s="119">
        <v>0</v>
      </c>
      <c r="JC15" s="119">
        <v>0</v>
      </c>
      <c r="JD15" s="120">
        <v>0</v>
      </c>
      <c r="JE15" s="121">
        <v>0</v>
      </c>
      <c r="JF15" s="142">
        <v>0</v>
      </c>
      <c r="JG15" s="119">
        <v>0</v>
      </c>
      <c r="JH15" s="141">
        <v>0</v>
      </c>
      <c r="JI15" s="118">
        <v>0</v>
      </c>
      <c r="JJ15" s="119">
        <v>17768209</v>
      </c>
      <c r="JK15" s="119">
        <v>17672503</v>
      </c>
      <c r="JL15" s="119">
        <v>16465026</v>
      </c>
      <c r="JM15" s="119">
        <v>8630829</v>
      </c>
      <c r="JN15" s="119">
        <v>2838610</v>
      </c>
      <c r="JO15" s="120">
        <v>63375177</v>
      </c>
      <c r="JP15" s="321">
        <v>63375177</v>
      </c>
      <c r="JQ15" s="142">
        <v>0</v>
      </c>
      <c r="JR15" s="119">
        <v>0</v>
      </c>
      <c r="JS15" s="141">
        <v>0</v>
      </c>
      <c r="JT15" s="118">
        <v>0</v>
      </c>
      <c r="JU15" s="119">
        <v>448839</v>
      </c>
      <c r="JV15" s="119">
        <v>895295</v>
      </c>
      <c r="JW15" s="119">
        <v>651264</v>
      </c>
      <c r="JX15" s="119">
        <v>638645</v>
      </c>
      <c r="JY15" s="119">
        <v>643487</v>
      </c>
      <c r="JZ15" s="120">
        <v>3277530</v>
      </c>
      <c r="KA15" s="321">
        <v>3277530</v>
      </c>
      <c r="KB15" s="234">
        <v>120056</v>
      </c>
      <c r="KC15" s="230">
        <v>518476</v>
      </c>
      <c r="KD15" s="120">
        <v>638532</v>
      </c>
      <c r="KE15" s="118">
        <v>0</v>
      </c>
      <c r="KF15" s="119">
        <v>4335044</v>
      </c>
      <c r="KG15" s="119">
        <v>7020830</v>
      </c>
      <c r="KH15" s="119">
        <v>5223447</v>
      </c>
      <c r="KI15" s="119">
        <v>5748692</v>
      </c>
      <c r="KJ15" s="119">
        <v>2015119</v>
      </c>
      <c r="KK15" s="120">
        <v>24343132</v>
      </c>
      <c r="KL15" s="143">
        <v>24981664</v>
      </c>
      <c r="KM15" s="232">
        <v>0</v>
      </c>
      <c r="KN15" s="236">
        <v>245365</v>
      </c>
      <c r="KO15" s="237">
        <v>245365</v>
      </c>
      <c r="KP15" s="140"/>
      <c r="KQ15" s="119">
        <v>7099652</v>
      </c>
      <c r="KR15" s="119">
        <v>13594838</v>
      </c>
      <c r="KS15" s="119">
        <v>28119040</v>
      </c>
      <c r="KT15" s="119">
        <v>12194887</v>
      </c>
      <c r="KU15" s="119">
        <v>7601544</v>
      </c>
      <c r="KV15" s="120">
        <v>68609961</v>
      </c>
      <c r="KW15" s="321">
        <v>68855326</v>
      </c>
      <c r="KX15" s="142">
        <v>0</v>
      </c>
      <c r="KY15" s="119">
        <v>0</v>
      </c>
      <c r="KZ15" s="120">
        <v>0</v>
      </c>
      <c r="LA15" s="145"/>
      <c r="LB15" s="119">
        <v>682107</v>
      </c>
      <c r="LC15" s="119">
        <v>1463095</v>
      </c>
      <c r="LD15" s="119">
        <v>874456</v>
      </c>
      <c r="LE15" s="119">
        <v>664241</v>
      </c>
      <c r="LF15" s="119">
        <v>1038472</v>
      </c>
      <c r="LG15" s="120">
        <v>4722371</v>
      </c>
      <c r="LH15" s="121">
        <v>4722371</v>
      </c>
      <c r="LI15" s="142">
        <v>0</v>
      </c>
      <c r="LJ15" s="119">
        <v>0</v>
      </c>
      <c r="LK15" s="120">
        <v>0</v>
      </c>
      <c r="LL15" s="145"/>
      <c r="LM15" s="119">
        <v>0</v>
      </c>
      <c r="LN15" s="119">
        <v>0</v>
      </c>
      <c r="LO15" s="119">
        <v>0</v>
      </c>
      <c r="LP15" s="119">
        <v>314649</v>
      </c>
      <c r="LQ15" s="119">
        <v>0</v>
      </c>
      <c r="LR15" s="120">
        <v>314649</v>
      </c>
      <c r="LS15" s="321">
        <v>314649</v>
      </c>
      <c r="LT15" s="142">
        <v>0</v>
      </c>
      <c r="LU15" s="119">
        <v>0</v>
      </c>
      <c r="LV15" s="120">
        <v>0</v>
      </c>
      <c r="LW15" s="145"/>
      <c r="LX15" s="119">
        <v>1010370</v>
      </c>
      <c r="LY15" s="119">
        <v>550224</v>
      </c>
      <c r="LZ15" s="119">
        <v>3200731</v>
      </c>
      <c r="MA15" s="119">
        <v>3376925</v>
      </c>
      <c r="MB15" s="119">
        <v>3786991</v>
      </c>
      <c r="MC15" s="120">
        <v>11925241</v>
      </c>
      <c r="MD15" s="121">
        <v>11925241</v>
      </c>
      <c r="ME15" s="142">
        <v>0</v>
      </c>
      <c r="MF15" s="119">
        <v>0</v>
      </c>
      <c r="MG15" s="120">
        <v>0</v>
      </c>
      <c r="MH15" s="145"/>
      <c r="MI15" s="119">
        <v>9624142</v>
      </c>
      <c r="MJ15" s="119">
        <v>18905439</v>
      </c>
      <c r="MK15" s="119">
        <v>79736839</v>
      </c>
      <c r="ML15" s="119">
        <v>140036978</v>
      </c>
      <c r="MM15" s="119">
        <v>105092257</v>
      </c>
      <c r="MN15" s="120">
        <v>353395655</v>
      </c>
      <c r="MO15" s="143">
        <v>353395655</v>
      </c>
      <c r="MP15" s="142">
        <v>0</v>
      </c>
      <c r="MQ15" s="119">
        <v>0</v>
      </c>
      <c r="MR15" s="120">
        <v>0</v>
      </c>
      <c r="MS15" s="145"/>
      <c r="MT15" s="119">
        <v>1318220</v>
      </c>
      <c r="MU15" s="119">
        <v>710194</v>
      </c>
      <c r="MV15" s="119">
        <v>50793704</v>
      </c>
      <c r="MW15" s="119">
        <v>101229387</v>
      </c>
      <c r="MX15" s="119">
        <v>82637529</v>
      </c>
      <c r="MY15" s="120">
        <v>236689034</v>
      </c>
      <c r="MZ15" s="143">
        <v>236689034</v>
      </c>
      <c r="NA15" s="142">
        <v>0</v>
      </c>
      <c r="NB15" s="119">
        <v>0</v>
      </c>
      <c r="NC15" s="120">
        <v>0</v>
      </c>
      <c r="ND15" s="145"/>
      <c r="NE15" s="119">
        <v>8305922</v>
      </c>
      <c r="NF15" s="119">
        <v>18195245</v>
      </c>
      <c r="NG15" s="119">
        <v>28284010</v>
      </c>
      <c r="NH15" s="119">
        <v>37457918</v>
      </c>
      <c r="NI15" s="119">
        <v>20269217</v>
      </c>
      <c r="NJ15" s="120">
        <v>112512312</v>
      </c>
      <c r="NK15" s="321">
        <v>112512312</v>
      </c>
      <c r="NL15" s="142">
        <v>0</v>
      </c>
      <c r="NM15" s="119">
        <v>0</v>
      </c>
      <c r="NN15" s="120">
        <v>0</v>
      </c>
      <c r="NO15" s="145"/>
      <c r="NP15" s="119">
        <v>0</v>
      </c>
      <c r="NQ15" s="119">
        <v>0</v>
      </c>
      <c r="NR15" s="119">
        <v>0</v>
      </c>
      <c r="NS15" s="119">
        <v>982741</v>
      </c>
      <c r="NT15" s="119">
        <v>624940</v>
      </c>
      <c r="NU15" s="120">
        <v>1607681</v>
      </c>
      <c r="NV15" s="121">
        <v>1607681</v>
      </c>
      <c r="NW15" s="142">
        <v>0</v>
      </c>
      <c r="NX15" s="119">
        <v>0</v>
      </c>
      <c r="NY15" s="120">
        <v>0</v>
      </c>
      <c r="NZ15" s="145"/>
      <c r="OA15" s="119">
        <v>0</v>
      </c>
      <c r="OB15" s="119">
        <v>0</v>
      </c>
      <c r="OC15" s="119">
        <v>659125</v>
      </c>
      <c r="OD15" s="119">
        <v>366932</v>
      </c>
      <c r="OE15" s="119">
        <v>1560571</v>
      </c>
      <c r="OF15" s="120">
        <v>2586628</v>
      </c>
      <c r="OG15" s="121">
        <v>2586628</v>
      </c>
      <c r="OH15" s="142">
        <v>11590578</v>
      </c>
      <c r="OI15" s="119">
        <v>15698526</v>
      </c>
      <c r="OJ15" s="141">
        <v>27289104</v>
      </c>
      <c r="OK15" s="118">
        <v>0</v>
      </c>
      <c r="OL15" s="119">
        <v>186778171</v>
      </c>
      <c r="OM15" s="119">
        <v>211997390</v>
      </c>
      <c r="ON15" s="119">
        <v>279823928</v>
      </c>
      <c r="OO15" s="119">
        <v>338255041</v>
      </c>
      <c r="OP15" s="119">
        <v>255728549</v>
      </c>
      <c r="OQ15" s="120">
        <v>1272583079</v>
      </c>
      <c r="OR15" s="143">
        <v>1299872183</v>
      </c>
    </row>
    <row r="16" spans="1:408" ht="18.75" customHeight="1" x14ac:dyDescent="0.2">
      <c r="A16" s="62" t="s">
        <v>10</v>
      </c>
      <c r="B16" s="110">
        <v>22771601</v>
      </c>
      <c r="C16" s="114">
        <v>42455843</v>
      </c>
      <c r="D16" s="113">
        <v>65227444</v>
      </c>
      <c r="E16" s="172">
        <v>0</v>
      </c>
      <c r="F16" s="114">
        <v>320753342</v>
      </c>
      <c r="G16" s="114">
        <v>257090292</v>
      </c>
      <c r="H16" s="114">
        <v>243136448</v>
      </c>
      <c r="I16" s="114">
        <v>221550860</v>
      </c>
      <c r="J16" s="114">
        <v>185429753</v>
      </c>
      <c r="K16" s="109">
        <v>1227960695</v>
      </c>
      <c r="L16" s="116">
        <v>1293188139</v>
      </c>
      <c r="M16" s="110">
        <v>5889052</v>
      </c>
      <c r="N16" s="114">
        <v>13016763</v>
      </c>
      <c r="O16" s="113">
        <v>18905815</v>
      </c>
      <c r="P16" s="110">
        <v>0</v>
      </c>
      <c r="Q16" s="114">
        <v>100082246</v>
      </c>
      <c r="R16" s="114">
        <v>84228910</v>
      </c>
      <c r="S16" s="114">
        <v>79072725</v>
      </c>
      <c r="T16" s="114">
        <v>94124899</v>
      </c>
      <c r="U16" s="114">
        <v>98904803</v>
      </c>
      <c r="V16" s="113">
        <v>456413583</v>
      </c>
      <c r="W16" s="116">
        <v>475319398</v>
      </c>
      <c r="X16" s="110">
        <v>2010</v>
      </c>
      <c r="Y16" s="114">
        <v>0</v>
      </c>
      <c r="Z16" s="113">
        <v>2010</v>
      </c>
      <c r="AA16" s="110">
        <v>0</v>
      </c>
      <c r="AB16" s="114">
        <v>50655549</v>
      </c>
      <c r="AC16" s="114">
        <v>43370675</v>
      </c>
      <c r="AD16" s="114">
        <v>49234843</v>
      </c>
      <c r="AE16" s="114">
        <v>61692579</v>
      </c>
      <c r="AF16" s="114">
        <v>60297656</v>
      </c>
      <c r="AG16" s="113">
        <v>265251302</v>
      </c>
      <c r="AH16" s="116">
        <v>265253312</v>
      </c>
      <c r="AI16" s="110">
        <v>0</v>
      </c>
      <c r="AJ16" s="114">
        <v>0</v>
      </c>
      <c r="AK16" s="113">
        <v>0</v>
      </c>
      <c r="AL16" s="110">
        <v>0</v>
      </c>
      <c r="AM16" s="114">
        <v>557474</v>
      </c>
      <c r="AN16" s="114">
        <v>1128741</v>
      </c>
      <c r="AO16" s="114">
        <v>1953691</v>
      </c>
      <c r="AP16" s="114">
        <v>5753846</v>
      </c>
      <c r="AQ16" s="114">
        <v>10108891</v>
      </c>
      <c r="AR16" s="113">
        <v>19502643</v>
      </c>
      <c r="AS16" s="116">
        <v>19502643</v>
      </c>
      <c r="AT16" s="110">
        <v>3134691</v>
      </c>
      <c r="AU16" s="114">
        <v>8746075</v>
      </c>
      <c r="AV16" s="113">
        <v>11880766</v>
      </c>
      <c r="AW16" s="110">
        <v>0</v>
      </c>
      <c r="AX16" s="114">
        <v>29956602</v>
      </c>
      <c r="AY16" s="114">
        <v>22745994</v>
      </c>
      <c r="AZ16" s="114">
        <v>15164535</v>
      </c>
      <c r="BA16" s="114">
        <v>12645478</v>
      </c>
      <c r="BB16" s="114">
        <v>16166519</v>
      </c>
      <c r="BC16" s="113">
        <v>96679128</v>
      </c>
      <c r="BD16" s="116">
        <v>108559894</v>
      </c>
      <c r="BE16" s="110">
        <v>632300</v>
      </c>
      <c r="BF16" s="114">
        <v>1215967</v>
      </c>
      <c r="BG16" s="112">
        <v>1848267</v>
      </c>
      <c r="BH16" s="111">
        <v>0</v>
      </c>
      <c r="BI16" s="114">
        <v>3391844</v>
      </c>
      <c r="BJ16" s="114">
        <v>3442931</v>
      </c>
      <c r="BK16" s="114">
        <v>1760649</v>
      </c>
      <c r="BL16" s="114">
        <v>1822871</v>
      </c>
      <c r="BM16" s="114">
        <v>1842433</v>
      </c>
      <c r="BN16" s="113">
        <v>12260728</v>
      </c>
      <c r="BO16" s="116">
        <v>14108995</v>
      </c>
      <c r="BP16" s="110">
        <v>2120051</v>
      </c>
      <c r="BQ16" s="114">
        <v>3054721</v>
      </c>
      <c r="BR16" s="113">
        <v>5174772</v>
      </c>
      <c r="BS16" s="110">
        <v>0</v>
      </c>
      <c r="BT16" s="114">
        <v>15520777</v>
      </c>
      <c r="BU16" s="114">
        <v>13540569</v>
      </c>
      <c r="BV16" s="114">
        <v>10959007</v>
      </c>
      <c r="BW16" s="114">
        <v>12210125</v>
      </c>
      <c r="BX16" s="114">
        <v>10489304</v>
      </c>
      <c r="BY16" s="113">
        <v>62719782</v>
      </c>
      <c r="BZ16" s="116">
        <v>67894554</v>
      </c>
      <c r="CA16" s="110">
        <v>1542417</v>
      </c>
      <c r="CB16" s="114">
        <v>3510162</v>
      </c>
      <c r="CC16" s="113">
        <v>5052579</v>
      </c>
      <c r="CD16" s="110">
        <v>0</v>
      </c>
      <c r="CE16" s="114">
        <v>96222989</v>
      </c>
      <c r="CF16" s="114">
        <v>69700129</v>
      </c>
      <c r="CG16" s="114">
        <v>55644318</v>
      </c>
      <c r="CH16" s="114">
        <v>32315409</v>
      </c>
      <c r="CI16" s="114">
        <v>15661209</v>
      </c>
      <c r="CJ16" s="113">
        <v>269544054</v>
      </c>
      <c r="CK16" s="116">
        <v>274596633</v>
      </c>
      <c r="CL16" s="110">
        <v>0</v>
      </c>
      <c r="CM16" s="114">
        <v>0</v>
      </c>
      <c r="CN16" s="113">
        <v>0</v>
      </c>
      <c r="CO16" s="111">
        <v>0</v>
      </c>
      <c r="CP16" s="114">
        <v>83352513</v>
      </c>
      <c r="CQ16" s="114">
        <v>60024459</v>
      </c>
      <c r="CR16" s="114">
        <v>47556176</v>
      </c>
      <c r="CS16" s="114">
        <v>27355110</v>
      </c>
      <c r="CT16" s="114">
        <v>13639207</v>
      </c>
      <c r="CU16" s="113">
        <v>231927465</v>
      </c>
      <c r="CV16" s="116">
        <v>231927465</v>
      </c>
      <c r="CW16" s="110">
        <v>1542417</v>
      </c>
      <c r="CX16" s="114">
        <v>3510162</v>
      </c>
      <c r="CY16" s="113">
        <v>5052579</v>
      </c>
      <c r="CZ16" s="110">
        <v>0</v>
      </c>
      <c r="DA16" s="114">
        <v>12870476</v>
      </c>
      <c r="DB16" s="114">
        <v>9675670</v>
      </c>
      <c r="DC16" s="114">
        <v>8088142</v>
      </c>
      <c r="DD16" s="114">
        <v>4960299</v>
      </c>
      <c r="DE16" s="114">
        <v>2022002</v>
      </c>
      <c r="DF16" s="113">
        <v>37616589</v>
      </c>
      <c r="DG16" s="116">
        <v>42669168</v>
      </c>
      <c r="DH16" s="110">
        <v>164290</v>
      </c>
      <c r="DI16" s="114">
        <v>789326</v>
      </c>
      <c r="DJ16" s="112">
        <v>953616</v>
      </c>
      <c r="DK16" s="111">
        <v>0</v>
      </c>
      <c r="DL16" s="114">
        <v>10858508</v>
      </c>
      <c r="DM16" s="114">
        <v>11982658</v>
      </c>
      <c r="DN16" s="114">
        <v>26517276</v>
      </c>
      <c r="DO16" s="114">
        <v>17553272</v>
      </c>
      <c r="DP16" s="114">
        <v>10977593</v>
      </c>
      <c r="DQ16" s="113">
        <v>77889307</v>
      </c>
      <c r="DR16" s="116">
        <v>78842923</v>
      </c>
      <c r="DS16" s="110">
        <v>164290</v>
      </c>
      <c r="DT16" s="114">
        <v>716284</v>
      </c>
      <c r="DU16" s="113">
        <v>880574</v>
      </c>
      <c r="DV16" s="110">
        <v>0</v>
      </c>
      <c r="DW16" s="114">
        <v>10401953</v>
      </c>
      <c r="DX16" s="114">
        <v>10900437</v>
      </c>
      <c r="DY16" s="114">
        <v>24424100</v>
      </c>
      <c r="DZ16" s="114">
        <v>16706993</v>
      </c>
      <c r="EA16" s="114">
        <v>10715354</v>
      </c>
      <c r="EB16" s="113">
        <v>73148837</v>
      </c>
      <c r="EC16" s="116">
        <v>74029411</v>
      </c>
      <c r="ED16" s="110">
        <v>0</v>
      </c>
      <c r="EE16" s="112">
        <v>73042</v>
      </c>
      <c r="EF16" s="113">
        <v>73042</v>
      </c>
      <c r="EG16" s="110">
        <v>0</v>
      </c>
      <c r="EH16" s="114">
        <v>456555</v>
      </c>
      <c r="EI16" s="114">
        <v>1082221</v>
      </c>
      <c r="EJ16" s="114">
        <v>2093176</v>
      </c>
      <c r="EK16" s="114">
        <v>846279</v>
      </c>
      <c r="EL16" s="114">
        <v>262239</v>
      </c>
      <c r="EM16" s="112">
        <v>4740470</v>
      </c>
      <c r="EN16" s="116">
        <v>4813512</v>
      </c>
      <c r="EO16" s="110">
        <v>0</v>
      </c>
      <c r="EP16" s="114">
        <v>0</v>
      </c>
      <c r="EQ16" s="112">
        <v>0</v>
      </c>
      <c r="ER16" s="111">
        <v>0</v>
      </c>
      <c r="ES16" s="114">
        <v>0</v>
      </c>
      <c r="ET16" s="114">
        <v>0</v>
      </c>
      <c r="EU16" s="114">
        <v>0</v>
      </c>
      <c r="EV16" s="114">
        <v>0</v>
      </c>
      <c r="EW16" s="114">
        <v>0</v>
      </c>
      <c r="EX16" s="113">
        <v>0</v>
      </c>
      <c r="EY16" s="116">
        <v>0</v>
      </c>
      <c r="EZ16" s="110">
        <v>0</v>
      </c>
      <c r="FA16" s="114">
        <v>0</v>
      </c>
      <c r="FB16" s="112">
        <v>0</v>
      </c>
      <c r="FC16" s="348"/>
      <c r="FD16" s="114">
        <v>0</v>
      </c>
      <c r="FE16" s="114">
        <v>0</v>
      </c>
      <c r="FF16" s="114">
        <v>0</v>
      </c>
      <c r="FG16" s="114">
        <v>0</v>
      </c>
      <c r="FH16" s="114">
        <v>0</v>
      </c>
      <c r="FI16" s="113">
        <v>0</v>
      </c>
      <c r="FJ16" s="116">
        <v>0</v>
      </c>
      <c r="FK16" s="110">
        <v>5515667</v>
      </c>
      <c r="FL16" s="114">
        <v>9673568</v>
      </c>
      <c r="FM16" s="113">
        <v>15189235</v>
      </c>
      <c r="FN16" s="110">
        <v>0</v>
      </c>
      <c r="FO16" s="114">
        <v>18513618</v>
      </c>
      <c r="FP16" s="114">
        <v>23539409</v>
      </c>
      <c r="FQ16" s="114">
        <v>19732166</v>
      </c>
      <c r="FR16" s="114">
        <v>16374456</v>
      </c>
      <c r="FS16" s="114">
        <v>13296443</v>
      </c>
      <c r="FT16" s="113">
        <v>91456092</v>
      </c>
      <c r="FU16" s="116">
        <v>106645327</v>
      </c>
      <c r="FV16" s="115">
        <v>4282406</v>
      </c>
      <c r="FW16" s="114">
        <v>7728474</v>
      </c>
      <c r="FX16" s="112">
        <v>12010880</v>
      </c>
      <c r="FY16" s="111">
        <v>0</v>
      </c>
      <c r="FZ16" s="114">
        <v>15409230</v>
      </c>
      <c r="GA16" s="114">
        <v>22129842</v>
      </c>
      <c r="GB16" s="114">
        <v>17852401</v>
      </c>
      <c r="GC16" s="114">
        <v>15658058</v>
      </c>
      <c r="GD16" s="114">
        <v>12920145</v>
      </c>
      <c r="GE16" s="113">
        <v>83969676</v>
      </c>
      <c r="GF16" s="319">
        <v>95980556</v>
      </c>
      <c r="GG16" s="115">
        <v>215695</v>
      </c>
      <c r="GH16" s="114">
        <v>428894</v>
      </c>
      <c r="GI16" s="112">
        <v>644589</v>
      </c>
      <c r="GJ16" s="111">
        <v>0</v>
      </c>
      <c r="GK16" s="114">
        <v>653960</v>
      </c>
      <c r="GL16" s="114">
        <v>385625</v>
      </c>
      <c r="GM16" s="114">
        <v>764161</v>
      </c>
      <c r="GN16" s="114">
        <v>362298</v>
      </c>
      <c r="GO16" s="114">
        <v>255617</v>
      </c>
      <c r="GP16" s="113">
        <v>2421661</v>
      </c>
      <c r="GQ16" s="116">
        <v>3066250</v>
      </c>
      <c r="GR16" s="110">
        <v>1017566</v>
      </c>
      <c r="GS16" s="114">
        <v>1516200</v>
      </c>
      <c r="GT16" s="113">
        <v>2533766</v>
      </c>
      <c r="GU16" s="110">
        <v>0</v>
      </c>
      <c r="GV16" s="114">
        <v>2450428</v>
      </c>
      <c r="GW16" s="114">
        <v>1023942</v>
      </c>
      <c r="GX16" s="114">
        <v>1115604</v>
      </c>
      <c r="GY16" s="114">
        <v>354100</v>
      </c>
      <c r="GZ16" s="114">
        <v>120681</v>
      </c>
      <c r="HA16" s="112">
        <v>5064755</v>
      </c>
      <c r="HB16" s="116">
        <v>7598521</v>
      </c>
      <c r="HC16" s="110">
        <v>4282727</v>
      </c>
      <c r="HD16" s="114">
        <v>8488822</v>
      </c>
      <c r="HE16" s="112">
        <v>12771549</v>
      </c>
      <c r="HF16" s="111">
        <v>0</v>
      </c>
      <c r="HG16" s="114">
        <v>44389356</v>
      </c>
      <c r="HH16" s="114">
        <v>39007139</v>
      </c>
      <c r="HI16" s="114">
        <v>40512398</v>
      </c>
      <c r="HJ16" s="114">
        <v>46205377</v>
      </c>
      <c r="HK16" s="114">
        <v>36002720</v>
      </c>
      <c r="HL16" s="113">
        <v>206116990</v>
      </c>
      <c r="HM16" s="109">
        <v>218888539</v>
      </c>
      <c r="HN16" s="115">
        <v>5377448</v>
      </c>
      <c r="HO16" s="114">
        <v>6977202</v>
      </c>
      <c r="HP16" s="113">
        <v>12354650</v>
      </c>
      <c r="HQ16" s="110">
        <v>0</v>
      </c>
      <c r="HR16" s="114">
        <v>50686625</v>
      </c>
      <c r="HS16" s="114">
        <v>28632047</v>
      </c>
      <c r="HT16" s="114">
        <v>21657565</v>
      </c>
      <c r="HU16" s="114">
        <v>14977447</v>
      </c>
      <c r="HV16" s="114">
        <v>10586985</v>
      </c>
      <c r="HW16" s="112">
        <v>126540669</v>
      </c>
      <c r="HX16" s="116">
        <v>138895319</v>
      </c>
      <c r="HY16" s="150">
        <v>394157</v>
      </c>
      <c r="HZ16" s="135">
        <v>2895143</v>
      </c>
      <c r="IA16" s="150">
        <v>3289300</v>
      </c>
      <c r="IB16" s="134">
        <v>0</v>
      </c>
      <c r="IC16" s="135">
        <v>82416012</v>
      </c>
      <c r="ID16" s="136">
        <v>81237956</v>
      </c>
      <c r="IE16" s="137">
        <v>78112492</v>
      </c>
      <c r="IF16" s="135">
        <v>72546125</v>
      </c>
      <c r="IG16" s="137">
        <v>70554292</v>
      </c>
      <c r="IH16" s="138">
        <v>384866877</v>
      </c>
      <c r="II16" s="150">
        <v>388156177</v>
      </c>
      <c r="IJ16" s="232">
        <v>0</v>
      </c>
      <c r="IK16" s="236">
        <v>0</v>
      </c>
      <c r="IL16" s="237">
        <v>0</v>
      </c>
      <c r="IM16" s="140"/>
      <c r="IN16" s="119">
        <v>2120821</v>
      </c>
      <c r="IO16" s="119">
        <v>1385073</v>
      </c>
      <c r="IP16" s="119">
        <v>2158459</v>
      </c>
      <c r="IQ16" s="119">
        <v>3921920</v>
      </c>
      <c r="IR16" s="119">
        <v>3596409</v>
      </c>
      <c r="IS16" s="141">
        <v>13182682</v>
      </c>
      <c r="IT16" s="321">
        <v>13182682</v>
      </c>
      <c r="IU16" s="142">
        <v>0</v>
      </c>
      <c r="IV16" s="119">
        <v>0</v>
      </c>
      <c r="IW16" s="120">
        <v>0</v>
      </c>
      <c r="IX16" s="144"/>
      <c r="IY16" s="119">
        <v>123556</v>
      </c>
      <c r="IZ16" s="119">
        <v>144505</v>
      </c>
      <c r="JA16" s="119">
        <v>433317</v>
      </c>
      <c r="JB16" s="119">
        <v>294541</v>
      </c>
      <c r="JC16" s="119">
        <v>91653</v>
      </c>
      <c r="JD16" s="120">
        <v>1087572</v>
      </c>
      <c r="JE16" s="121">
        <v>1087572</v>
      </c>
      <c r="JF16" s="142">
        <v>0</v>
      </c>
      <c r="JG16" s="119">
        <v>0</v>
      </c>
      <c r="JH16" s="141">
        <v>0</v>
      </c>
      <c r="JI16" s="118">
        <v>0</v>
      </c>
      <c r="JJ16" s="119">
        <v>27116195</v>
      </c>
      <c r="JK16" s="119">
        <v>17197091</v>
      </c>
      <c r="JL16" s="119">
        <v>10291738</v>
      </c>
      <c r="JM16" s="119">
        <v>6766262</v>
      </c>
      <c r="JN16" s="119">
        <v>3775259</v>
      </c>
      <c r="JO16" s="120">
        <v>65146545</v>
      </c>
      <c r="JP16" s="321">
        <v>65146545</v>
      </c>
      <c r="JQ16" s="142">
        <v>0</v>
      </c>
      <c r="JR16" s="119">
        <v>45331</v>
      </c>
      <c r="JS16" s="141">
        <v>45331</v>
      </c>
      <c r="JT16" s="118">
        <v>0</v>
      </c>
      <c r="JU16" s="119">
        <v>1443914</v>
      </c>
      <c r="JV16" s="119">
        <v>1796598</v>
      </c>
      <c r="JW16" s="119">
        <v>2381048</v>
      </c>
      <c r="JX16" s="119">
        <v>947752</v>
      </c>
      <c r="JY16" s="119">
        <v>1647021</v>
      </c>
      <c r="JZ16" s="120">
        <v>8216333</v>
      </c>
      <c r="KA16" s="321">
        <v>8261664</v>
      </c>
      <c r="KB16" s="234">
        <v>394157</v>
      </c>
      <c r="KC16" s="230">
        <v>1884256</v>
      </c>
      <c r="KD16" s="120">
        <v>2278413</v>
      </c>
      <c r="KE16" s="118">
        <v>0</v>
      </c>
      <c r="KF16" s="119">
        <v>11990342</v>
      </c>
      <c r="KG16" s="119">
        <v>16420708</v>
      </c>
      <c r="KH16" s="119">
        <v>21462056</v>
      </c>
      <c r="KI16" s="119">
        <v>17412341</v>
      </c>
      <c r="KJ16" s="119">
        <v>12861193</v>
      </c>
      <c r="KK16" s="120">
        <v>80146640</v>
      </c>
      <c r="KL16" s="143">
        <v>82425053</v>
      </c>
      <c r="KM16" s="232">
        <v>0</v>
      </c>
      <c r="KN16" s="236">
        <v>965556</v>
      </c>
      <c r="KO16" s="237">
        <v>965556</v>
      </c>
      <c r="KP16" s="140"/>
      <c r="KQ16" s="119">
        <v>31861272</v>
      </c>
      <c r="KR16" s="119">
        <v>32583077</v>
      </c>
      <c r="KS16" s="119">
        <v>21842534</v>
      </c>
      <c r="KT16" s="119">
        <v>21743604</v>
      </c>
      <c r="KU16" s="119">
        <v>22365574</v>
      </c>
      <c r="KV16" s="120">
        <v>130396061</v>
      </c>
      <c r="KW16" s="321">
        <v>131361617</v>
      </c>
      <c r="KX16" s="142">
        <v>0</v>
      </c>
      <c r="KY16" s="119">
        <v>0</v>
      </c>
      <c r="KZ16" s="120">
        <v>0</v>
      </c>
      <c r="LA16" s="145"/>
      <c r="LB16" s="119">
        <v>4492935</v>
      </c>
      <c r="LC16" s="119">
        <v>5740438</v>
      </c>
      <c r="LD16" s="119">
        <v>6467368</v>
      </c>
      <c r="LE16" s="119">
        <v>6064559</v>
      </c>
      <c r="LF16" s="119">
        <v>8379727</v>
      </c>
      <c r="LG16" s="120">
        <v>31145027</v>
      </c>
      <c r="LH16" s="121">
        <v>31145027</v>
      </c>
      <c r="LI16" s="142">
        <v>0</v>
      </c>
      <c r="LJ16" s="119">
        <v>0</v>
      </c>
      <c r="LK16" s="120">
        <v>0</v>
      </c>
      <c r="LL16" s="145"/>
      <c r="LM16" s="119">
        <v>146700</v>
      </c>
      <c r="LN16" s="119">
        <v>0</v>
      </c>
      <c r="LO16" s="119">
        <v>1009268</v>
      </c>
      <c r="LP16" s="119">
        <v>4643964</v>
      </c>
      <c r="LQ16" s="119">
        <v>5929968</v>
      </c>
      <c r="LR16" s="120">
        <v>11729900</v>
      </c>
      <c r="LS16" s="321">
        <v>11729900</v>
      </c>
      <c r="LT16" s="142">
        <v>0</v>
      </c>
      <c r="LU16" s="119">
        <v>0</v>
      </c>
      <c r="LV16" s="120">
        <v>0</v>
      </c>
      <c r="LW16" s="145"/>
      <c r="LX16" s="119">
        <v>3120277</v>
      </c>
      <c r="LY16" s="119">
        <v>5970466</v>
      </c>
      <c r="LZ16" s="119">
        <v>12066704</v>
      </c>
      <c r="MA16" s="119">
        <v>10751182</v>
      </c>
      <c r="MB16" s="119">
        <v>11907488</v>
      </c>
      <c r="MC16" s="120">
        <v>43816117</v>
      </c>
      <c r="MD16" s="121">
        <v>43816117</v>
      </c>
      <c r="ME16" s="142">
        <v>0</v>
      </c>
      <c r="MF16" s="119">
        <v>0</v>
      </c>
      <c r="MG16" s="120">
        <v>0</v>
      </c>
      <c r="MH16" s="145"/>
      <c r="MI16" s="119">
        <v>26862992</v>
      </c>
      <c r="MJ16" s="119">
        <v>47780443</v>
      </c>
      <c r="MK16" s="119">
        <v>142936851</v>
      </c>
      <c r="ML16" s="119">
        <v>191561757</v>
      </c>
      <c r="MM16" s="119">
        <v>182860373</v>
      </c>
      <c r="MN16" s="120">
        <v>592002416</v>
      </c>
      <c r="MO16" s="143">
        <v>592002416</v>
      </c>
      <c r="MP16" s="142">
        <v>0</v>
      </c>
      <c r="MQ16" s="119">
        <v>0</v>
      </c>
      <c r="MR16" s="120">
        <v>0</v>
      </c>
      <c r="MS16" s="145"/>
      <c r="MT16" s="119">
        <v>3608417</v>
      </c>
      <c r="MU16" s="119">
        <v>11210299</v>
      </c>
      <c r="MV16" s="119">
        <v>95055382</v>
      </c>
      <c r="MW16" s="119">
        <v>139850043</v>
      </c>
      <c r="MX16" s="119">
        <v>135360513</v>
      </c>
      <c r="MY16" s="120">
        <v>385084654</v>
      </c>
      <c r="MZ16" s="143">
        <v>385084654</v>
      </c>
      <c r="NA16" s="142">
        <v>0</v>
      </c>
      <c r="NB16" s="119">
        <v>0</v>
      </c>
      <c r="NC16" s="120">
        <v>0</v>
      </c>
      <c r="ND16" s="145"/>
      <c r="NE16" s="119">
        <v>23055315</v>
      </c>
      <c r="NF16" s="119">
        <v>36570144</v>
      </c>
      <c r="NG16" s="119">
        <v>47327986</v>
      </c>
      <c r="NH16" s="119">
        <v>49902098</v>
      </c>
      <c r="NI16" s="119">
        <v>33841476</v>
      </c>
      <c r="NJ16" s="120">
        <v>190697019</v>
      </c>
      <c r="NK16" s="321">
        <v>190697019</v>
      </c>
      <c r="NL16" s="142">
        <v>0</v>
      </c>
      <c r="NM16" s="119">
        <v>0</v>
      </c>
      <c r="NN16" s="120">
        <v>0</v>
      </c>
      <c r="NO16" s="145"/>
      <c r="NP16" s="119">
        <v>0</v>
      </c>
      <c r="NQ16" s="119">
        <v>0</v>
      </c>
      <c r="NR16" s="119">
        <v>0</v>
      </c>
      <c r="NS16" s="119">
        <v>716095</v>
      </c>
      <c r="NT16" s="119">
        <v>3428232</v>
      </c>
      <c r="NU16" s="120">
        <v>4144327</v>
      </c>
      <c r="NV16" s="121">
        <v>4144327</v>
      </c>
      <c r="NW16" s="142">
        <v>0</v>
      </c>
      <c r="NX16" s="119">
        <v>0</v>
      </c>
      <c r="NY16" s="120">
        <v>0</v>
      </c>
      <c r="NZ16" s="145"/>
      <c r="OA16" s="119">
        <v>199260</v>
      </c>
      <c r="OB16" s="119">
        <v>0</v>
      </c>
      <c r="OC16" s="119">
        <v>553483</v>
      </c>
      <c r="OD16" s="119">
        <v>1093521</v>
      </c>
      <c r="OE16" s="119">
        <v>10230152</v>
      </c>
      <c r="OF16" s="120">
        <v>12076416</v>
      </c>
      <c r="OG16" s="121">
        <v>12076416</v>
      </c>
      <c r="OH16" s="142">
        <v>23165758</v>
      </c>
      <c r="OI16" s="119">
        <v>45350986</v>
      </c>
      <c r="OJ16" s="141">
        <v>68516744</v>
      </c>
      <c r="OK16" s="118">
        <v>0</v>
      </c>
      <c r="OL16" s="119">
        <v>430032346</v>
      </c>
      <c r="OM16" s="119">
        <v>386108691</v>
      </c>
      <c r="ON16" s="119">
        <v>464185791</v>
      </c>
      <c r="OO16" s="119">
        <v>485658742</v>
      </c>
      <c r="OP16" s="119">
        <v>438844418</v>
      </c>
      <c r="OQ16" s="120">
        <v>2204829988</v>
      </c>
      <c r="OR16" s="143">
        <v>2273346732</v>
      </c>
    </row>
    <row r="17" spans="1:408" ht="18.75" customHeight="1" x14ac:dyDescent="0.2">
      <c r="A17" s="62" t="s">
        <v>11</v>
      </c>
      <c r="B17" s="110">
        <v>11838289</v>
      </c>
      <c r="C17" s="114">
        <v>14808447</v>
      </c>
      <c r="D17" s="171">
        <v>26646736</v>
      </c>
      <c r="E17" s="111">
        <v>0</v>
      </c>
      <c r="F17" s="114">
        <v>164115183</v>
      </c>
      <c r="G17" s="114">
        <v>132775456</v>
      </c>
      <c r="H17" s="114">
        <v>131167258</v>
      </c>
      <c r="I17" s="114">
        <v>128130643</v>
      </c>
      <c r="J17" s="114">
        <v>89617050</v>
      </c>
      <c r="K17" s="109">
        <v>645805590</v>
      </c>
      <c r="L17" s="116">
        <v>672452326</v>
      </c>
      <c r="M17" s="110">
        <v>1475611</v>
      </c>
      <c r="N17" s="114">
        <v>2609437</v>
      </c>
      <c r="O17" s="113">
        <v>4085048</v>
      </c>
      <c r="P17" s="110">
        <v>0</v>
      </c>
      <c r="Q17" s="114">
        <v>39747780</v>
      </c>
      <c r="R17" s="114">
        <v>36465870</v>
      </c>
      <c r="S17" s="114">
        <v>40250917</v>
      </c>
      <c r="T17" s="114">
        <v>43572658</v>
      </c>
      <c r="U17" s="114">
        <v>44008218</v>
      </c>
      <c r="V17" s="113">
        <v>204045443</v>
      </c>
      <c r="W17" s="116">
        <v>208130491</v>
      </c>
      <c r="X17" s="110">
        <v>0</v>
      </c>
      <c r="Y17" s="114">
        <v>0</v>
      </c>
      <c r="Z17" s="113">
        <v>0</v>
      </c>
      <c r="AA17" s="110">
        <v>0</v>
      </c>
      <c r="AB17" s="114">
        <v>20806869</v>
      </c>
      <c r="AC17" s="114">
        <v>20388124</v>
      </c>
      <c r="AD17" s="114">
        <v>23686406</v>
      </c>
      <c r="AE17" s="114">
        <v>27267011</v>
      </c>
      <c r="AF17" s="114">
        <v>26730219</v>
      </c>
      <c r="AG17" s="113">
        <v>118878629</v>
      </c>
      <c r="AH17" s="116">
        <v>118878629</v>
      </c>
      <c r="AI17" s="110">
        <v>0</v>
      </c>
      <c r="AJ17" s="114">
        <v>35216</v>
      </c>
      <c r="AK17" s="113">
        <v>35216</v>
      </c>
      <c r="AL17" s="110">
        <v>0</v>
      </c>
      <c r="AM17" s="114">
        <v>256352</v>
      </c>
      <c r="AN17" s="114">
        <v>897396</v>
      </c>
      <c r="AO17" s="114">
        <v>1525162</v>
      </c>
      <c r="AP17" s="114">
        <v>2547704</v>
      </c>
      <c r="AQ17" s="114">
        <v>4340921</v>
      </c>
      <c r="AR17" s="113">
        <v>9567535</v>
      </c>
      <c r="AS17" s="116">
        <v>9602751</v>
      </c>
      <c r="AT17" s="110">
        <v>863636</v>
      </c>
      <c r="AU17" s="114">
        <v>1819330</v>
      </c>
      <c r="AV17" s="113">
        <v>2682966</v>
      </c>
      <c r="AW17" s="110">
        <v>0</v>
      </c>
      <c r="AX17" s="114">
        <v>11585686</v>
      </c>
      <c r="AY17" s="114">
        <v>9150308</v>
      </c>
      <c r="AZ17" s="114">
        <v>9158889</v>
      </c>
      <c r="BA17" s="114">
        <v>7936103</v>
      </c>
      <c r="BB17" s="114">
        <v>9384208</v>
      </c>
      <c r="BC17" s="113">
        <v>47215194</v>
      </c>
      <c r="BD17" s="116">
        <v>49898160</v>
      </c>
      <c r="BE17" s="110">
        <v>79813</v>
      </c>
      <c r="BF17" s="114">
        <v>273474</v>
      </c>
      <c r="BG17" s="112">
        <v>353287</v>
      </c>
      <c r="BH17" s="111">
        <v>0</v>
      </c>
      <c r="BI17" s="114">
        <v>1616724</v>
      </c>
      <c r="BJ17" s="114">
        <v>867293</v>
      </c>
      <c r="BK17" s="114">
        <v>689211</v>
      </c>
      <c r="BL17" s="114">
        <v>729439</v>
      </c>
      <c r="BM17" s="114">
        <v>178181</v>
      </c>
      <c r="BN17" s="113">
        <v>4080848</v>
      </c>
      <c r="BO17" s="116">
        <v>4434135</v>
      </c>
      <c r="BP17" s="110">
        <v>532162</v>
      </c>
      <c r="BQ17" s="114">
        <v>481417</v>
      </c>
      <c r="BR17" s="113">
        <v>1013579</v>
      </c>
      <c r="BS17" s="110">
        <v>0</v>
      </c>
      <c r="BT17" s="114">
        <v>5482149</v>
      </c>
      <c r="BU17" s="114">
        <v>5162749</v>
      </c>
      <c r="BV17" s="114">
        <v>5191249</v>
      </c>
      <c r="BW17" s="114">
        <v>5092401</v>
      </c>
      <c r="BX17" s="114">
        <v>3374689</v>
      </c>
      <c r="BY17" s="113">
        <v>24303237</v>
      </c>
      <c r="BZ17" s="116">
        <v>25316816</v>
      </c>
      <c r="CA17" s="110">
        <v>2045281</v>
      </c>
      <c r="CB17" s="114">
        <v>2685557</v>
      </c>
      <c r="CC17" s="113">
        <v>4730838</v>
      </c>
      <c r="CD17" s="110">
        <v>0</v>
      </c>
      <c r="CE17" s="114">
        <v>51898520</v>
      </c>
      <c r="CF17" s="114">
        <v>37695992</v>
      </c>
      <c r="CG17" s="114">
        <v>31168224</v>
      </c>
      <c r="CH17" s="114">
        <v>23408472</v>
      </c>
      <c r="CI17" s="114">
        <v>12313362</v>
      </c>
      <c r="CJ17" s="113">
        <v>156484570</v>
      </c>
      <c r="CK17" s="116">
        <v>161215408</v>
      </c>
      <c r="CL17" s="110">
        <v>0</v>
      </c>
      <c r="CM17" s="114">
        <v>0</v>
      </c>
      <c r="CN17" s="113">
        <v>0</v>
      </c>
      <c r="CO17" s="111">
        <v>0</v>
      </c>
      <c r="CP17" s="114">
        <v>41839105</v>
      </c>
      <c r="CQ17" s="114">
        <v>30242934</v>
      </c>
      <c r="CR17" s="114">
        <v>24996460</v>
      </c>
      <c r="CS17" s="114">
        <v>18170265</v>
      </c>
      <c r="CT17" s="114">
        <v>10711524</v>
      </c>
      <c r="CU17" s="113">
        <v>125960288</v>
      </c>
      <c r="CV17" s="116">
        <v>125960288</v>
      </c>
      <c r="CW17" s="110">
        <v>2045281</v>
      </c>
      <c r="CX17" s="114">
        <v>2685557</v>
      </c>
      <c r="CY17" s="113">
        <v>4730838</v>
      </c>
      <c r="CZ17" s="110">
        <v>0</v>
      </c>
      <c r="DA17" s="114">
        <v>10059415</v>
      </c>
      <c r="DB17" s="114">
        <v>7453058</v>
      </c>
      <c r="DC17" s="114">
        <v>6171764</v>
      </c>
      <c r="DD17" s="114">
        <v>5238207</v>
      </c>
      <c r="DE17" s="114">
        <v>1601838</v>
      </c>
      <c r="DF17" s="113">
        <v>30524282</v>
      </c>
      <c r="DG17" s="116">
        <v>35255120</v>
      </c>
      <c r="DH17" s="110">
        <v>133552</v>
      </c>
      <c r="DI17" s="114">
        <v>301554</v>
      </c>
      <c r="DJ17" s="112">
        <v>435106</v>
      </c>
      <c r="DK17" s="111">
        <v>0</v>
      </c>
      <c r="DL17" s="114">
        <v>5376227</v>
      </c>
      <c r="DM17" s="114">
        <v>6579889</v>
      </c>
      <c r="DN17" s="114">
        <v>10918883</v>
      </c>
      <c r="DO17" s="114">
        <v>8400944</v>
      </c>
      <c r="DP17" s="114">
        <v>3793652</v>
      </c>
      <c r="DQ17" s="113">
        <v>35069595</v>
      </c>
      <c r="DR17" s="116">
        <v>35504701</v>
      </c>
      <c r="DS17" s="110">
        <v>133552</v>
      </c>
      <c r="DT17" s="114">
        <v>301554</v>
      </c>
      <c r="DU17" s="113">
        <v>435106</v>
      </c>
      <c r="DV17" s="110">
        <v>0</v>
      </c>
      <c r="DW17" s="114">
        <v>4958537</v>
      </c>
      <c r="DX17" s="114">
        <v>6294515</v>
      </c>
      <c r="DY17" s="114">
        <v>9350172</v>
      </c>
      <c r="DZ17" s="114">
        <v>7575372</v>
      </c>
      <c r="EA17" s="114">
        <v>3281893</v>
      </c>
      <c r="EB17" s="113">
        <v>31460489</v>
      </c>
      <c r="EC17" s="116">
        <v>31895595</v>
      </c>
      <c r="ED17" s="110">
        <v>0</v>
      </c>
      <c r="EE17" s="112">
        <v>0</v>
      </c>
      <c r="EF17" s="113">
        <v>0</v>
      </c>
      <c r="EG17" s="110">
        <v>0</v>
      </c>
      <c r="EH17" s="114">
        <v>417690</v>
      </c>
      <c r="EI17" s="114">
        <v>285374</v>
      </c>
      <c r="EJ17" s="114">
        <v>1568711</v>
      </c>
      <c r="EK17" s="114">
        <v>825572</v>
      </c>
      <c r="EL17" s="114">
        <v>511759</v>
      </c>
      <c r="EM17" s="112">
        <v>3609106</v>
      </c>
      <c r="EN17" s="116">
        <v>3609106</v>
      </c>
      <c r="EO17" s="110">
        <v>0</v>
      </c>
      <c r="EP17" s="114">
        <v>0</v>
      </c>
      <c r="EQ17" s="112">
        <v>0</v>
      </c>
      <c r="ER17" s="111">
        <v>0</v>
      </c>
      <c r="ES17" s="114">
        <v>0</v>
      </c>
      <c r="ET17" s="114">
        <v>0</v>
      </c>
      <c r="EU17" s="114">
        <v>0</v>
      </c>
      <c r="EV17" s="114">
        <v>0</v>
      </c>
      <c r="EW17" s="114">
        <v>0</v>
      </c>
      <c r="EX17" s="113">
        <v>0</v>
      </c>
      <c r="EY17" s="116">
        <v>0</v>
      </c>
      <c r="EZ17" s="110">
        <v>0</v>
      </c>
      <c r="FA17" s="114">
        <v>0</v>
      </c>
      <c r="FB17" s="112">
        <v>0</v>
      </c>
      <c r="FC17" s="348"/>
      <c r="FD17" s="114">
        <v>0</v>
      </c>
      <c r="FE17" s="114">
        <v>0</v>
      </c>
      <c r="FF17" s="114">
        <v>0</v>
      </c>
      <c r="FG17" s="114">
        <v>0</v>
      </c>
      <c r="FH17" s="114">
        <v>0</v>
      </c>
      <c r="FI17" s="113">
        <v>0</v>
      </c>
      <c r="FJ17" s="116">
        <v>0</v>
      </c>
      <c r="FK17" s="110">
        <v>3309201</v>
      </c>
      <c r="FL17" s="114">
        <v>3462596</v>
      </c>
      <c r="FM17" s="113">
        <v>6771797</v>
      </c>
      <c r="FN17" s="110">
        <v>0</v>
      </c>
      <c r="FO17" s="114">
        <v>8114989</v>
      </c>
      <c r="FP17" s="114">
        <v>11180416</v>
      </c>
      <c r="FQ17" s="114">
        <v>10348711</v>
      </c>
      <c r="FR17" s="114">
        <v>9294982</v>
      </c>
      <c r="FS17" s="114">
        <v>6154781</v>
      </c>
      <c r="FT17" s="113">
        <v>45093879</v>
      </c>
      <c r="FU17" s="116">
        <v>51865676</v>
      </c>
      <c r="FV17" s="115">
        <v>2046979</v>
      </c>
      <c r="FW17" s="114">
        <v>2742105</v>
      </c>
      <c r="FX17" s="112">
        <v>4789084</v>
      </c>
      <c r="FY17" s="111">
        <v>0</v>
      </c>
      <c r="FZ17" s="114">
        <v>6657041</v>
      </c>
      <c r="GA17" s="114">
        <v>10261095</v>
      </c>
      <c r="GB17" s="114">
        <v>9294848</v>
      </c>
      <c r="GC17" s="114">
        <v>8528219</v>
      </c>
      <c r="GD17" s="114">
        <v>5995749</v>
      </c>
      <c r="GE17" s="113">
        <v>40736952</v>
      </c>
      <c r="GF17" s="319">
        <v>45526036</v>
      </c>
      <c r="GG17" s="115">
        <v>237551</v>
      </c>
      <c r="GH17" s="114">
        <v>251399</v>
      </c>
      <c r="GI17" s="112">
        <v>488950</v>
      </c>
      <c r="GJ17" s="111">
        <v>0</v>
      </c>
      <c r="GK17" s="114">
        <v>585647</v>
      </c>
      <c r="GL17" s="114">
        <v>295861</v>
      </c>
      <c r="GM17" s="114">
        <v>321840</v>
      </c>
      <c r="GN17" s="114">
        <v>273645</v>
      </c>
      <c r="GO17" s="114">
        <v>159032</v>
      </c>
      <c r="GP17" s="113">
        <v>1636025</v>
      </c>
      <c r="GQ17" s="116">
        <v>2124975</v>
      </c>
      <c r="GR17" s="110">
        <v>1024671</v>
      </c>
      <c r="GS17" s="114">
        <v>469092</v>
      </c>
      <c r="GT17" s="113">
        <v>1493763</v>
      </c>
      <c r="GU17" s="110">
        <v>0</v>
      </c>
      <c r="GV17" s="114">
        <v>872301</v>
      </c>
      <c r="GW17" s="114">
        <v>623460</v>
      </c>
      <c r="GX17" s="114">
        <v>732023</v>
      </c>
      <c r="GY17" s="114">
        <v>493118</v>
      </c>
      <c r="GZ17" s="114">
        <v>0</v>
      </c>
      <c r="HA17" s="112">
        <v>2720902</v>
      </c>
      <c r="HB17" s="116">
        <v>4214665</v>
      </c>
      <c r="HC17" s="110">
        <v>2321767</v>
      </c>
      <c r="HD17" s="114">
        <v>3089634</v>
      </c>
      <c r="HE17" s="112">
        <v>5411401</v>
      </c>
      <c r="HF17" s="111">
        <v>0</v>
      </c>
      <c r="HG17" s="114">
        <v>31425580</v>
      </c>
      <c r="HH17" s="114">
        <v>25591652</v>
      </c>
      <c r="HI17" s="114">
        <v>25807819</v>
      </c>
      <c r="HJ17" s="114">
        <v>34852808</v>
      </c>
      <c r="HK17" s="114">
        <v>17939116</v>
      </c>
      <c r="HL17" s="113">
        <v>135616975</v>
      </c>
      <c r="HM17" s="109">
        <v>141028376</v>
      </c>
      <c r="HN17" s="115">
        <v>2552877</v>
      </c>
      <c r="HO17" s="114">
        <v>2659669</v>
      </c>
      <c r="HP17" s="113">
        <v>5212546</v>
      </c>
      <c r="HQ17" s="110">
        <v>0</v>
      </c>
      <c r="HR17" s="114">
        <v>27552087</v>
      </c>
      <c r="HS17" s="114">
        <v>15261637</v>
      </c>
      <c r="HT17" s="114">
        <v>12672704</v>
      </c>
      <c r="HU17" s="114">
        <v>8600779</v>
      </c>
      <c r="HV17" s="114">
        <v>5407921</v>
      </c>
      <c r="HW17" s="112">
        <v>69495128</v>
      </c>
      <c r="HX17" s="116">
        <v>74707674</v>
      </c>
      <c r="HY17" s="131">
        <v>0</v>
      </c>
      <c r="HZ17" s="132">
        <v>1577249</v>
      </c>
      <c r="IA17" s="133">
        <v>1577249</v>
      </c>
      <c r="IB17" s="146">
        <v>0</v>
      </c>
      <c r="IC17" s="132">
        <v>50913508</v>
      </c>
      <c r="ID17" s="147">
        <v>49637625</v>
      </c>
      <c r="IE17" s="133">
        <v>41979140</v>
      </c>
      <c r="IF17" s="132">
        <v>34223068</v>
      </c>
      <c r="IG17" s="133">
        <v>15675702</v>
      </c>
      <c r="IH17" s="148">
        <v>192429043</v>
      </c>
      <c r="II17" s="139">
        <v>194006292</v>
      </c>
      <c r="IJ17" s="232">
        <v>0</v>
      </c>
      <c r="IK17" s="236">
        <v>0</v>
      </c>
      <c r="IL17" s="237">
        <v>0</v>
      </c>
      <c r="IM17" s="140"/>
      <c r="IN17" s="119">
        <v>794612</v>
      </c>
      <c r="IO17" s="119">
        <v>743874</v>
      </c>
      <c r="IP17" s="119">
        <v>668670</v>
      </c>
      <c r="IQ17" s="119">
        <v>1178747</v>
      </c>
      <c r="IR17" s="119">
        <v>1047820</v>
      </c>
      <c r="IS17" s="141">
        <v>4433723</v>
      </c>
      <c r="IT17" s="321">
        <v>4433723</v>
      </c>
      <c r="IU17" s="142">
        <v>0</v>
      </c>
      <c r="IV17" s="119">
        <v>0</v>
      </c>
      <c r="IW17" s="120">
        <v>0</v>
      </c>
      <c r="IX17" s="144"/>
      <c r="IY17" s="119">
        <v>185690</v>
      </c>
      <c r="IZ17" s="119">
        <v>211140</v>
      </c>
      <c r="JA17" s="119">
        <v>183946</v>
      </c>
      <c r="JB17" s="119">
        <v>236266</v>
      </c>
      <c r="JC17" s="119">
        <v>115637</v>
      </c>
      <c r="JD17" s="120">
        <v>932679</v>
      </c>
      <c r="JE17" s="121">
        <v>932679</v>
      </c>
      <c r="JF17" s="142">
        <v>0</v>
      </c>
      <c r="JG17" s="119">
        <v>0</v>
      </c>
      <c r="JH17" s="141">
        <v>0</v>
      </c>
      <c r="JI17" s="118">
        <v>0</v>
      </c>
      <c r="JJ17" s="119">
        <v>28114923</v>
      </c>
      <c r="JK17" s="119">
        <v>20335169</v>
      </c>
      <c r="JL17" s="119">
        <v>16502385</v>
      </c>
      <c r="JM17" s="119">
        <v>9801550</v>
      </c>
      <c r="JN17" s="119">
        <v>3695413</v>
      </c>
      <c r="JO17" s="120">
        <v>78449440</v>
      </c>
      <c r="JP17" s="321">
        <v>78449440</v>
      </c>
      <c r="JQ17" s="142">
        <v>0</v>
      </c>
      <c r="JR17" s="119">
        <v>83574</v>
      </c>
      <c r="JS17" s="141">
        <v>83574</v>
      </c>
      <c r="JT17" s="118">
        <v>0</v>
      </c>
      <c r="JU17" s="119">
        <v>1319504</v>
      </c>
      <c r="JV17" s="119">
        <v>1326473</v>
      </c>
      <c r="JW17" s="119">
        <v>1057209</v>
      </c>
      <c r="JX17" s="119">
        <v>152811</v>
      </c>
      <c r="JY17" s="119">
        <v>117576</v>
      </c>
      <c r="JZ17" s="120">
        <v>3973573</v>
      </c>
      <c r="KA17" s="321">
        <v>4057147</v>
      </c>
      <c r="KB17" s="234">
        <v>0</v>
      </c>
      <c r="KC17" s="230">
        <v>273531</v>
      </c>
      <c r="KD17" s="120">
        <v>273531</v>
      </c>
      <c r="KE17" s="118">
        <v>0</v>
      </c>
      <c r="KF17" s="119">
        <v>4089016</v>
      </c>
      <c r="KG17" s="119">
        <v>6004799</v>
      </c>
      <c r="KH17" s="119">
        <v>5535325</v>
      </c>
      <c r="KI17" s="119">
        <v>5712076</v>
      </c>
      <c r="KJ17" s="119">
        <v>2040100</v>
      </c>
      <c r="KK17" s="120">
        <v>23381316</v>
      </c>
      <c r="KL17" s="143">
        <v>23654847</v>
      </c>
      <c r="KM17" s="232">
        <v>0</v>
      </c>
      <c r="KN17" s="236">
        <v>1220144</v>
      </c>
      <c r="KO17" s="237">
        <v>1220144</v>
      </c>
      <c r="KP17" s="140"/>
      <c r="KQ17" s="119">
        <v>15683049</v>
      </c>
      <c r="KR17" s="119">
        <v>19810600</v>
      </c>
      <c r="KS17" s="119">
        <v>17274138</v>
      </c>
      <c r="KT17" s="119">
        <v>14516210</v>
      </c>
      <c r="KU17" s="119">
        <v>7221295</v>
      </c>
      <c r="KV17" s="120">
        <v>74505292</v>
      </c>
      <c r="KW17" s="321">
        <v>75725436</v>
      </c>
      <c r="KX17" s="142">
        <v>0</v>
      </c>
      <c r="KY17" s="119">
        <v>0</v>
      </c>
      <c r="KZ17" s="120">
        <v>0</v>
      </c>
      <c r="LA17" s="145"/>
      <c r="LB17" s="119">
        <v>0</v>
      </c>
      <c r="LC17" s="119">
        <v>0</v>
      </c>
      <c r="LD17" s="119">
        <v>0</v>
      </c>
      <c r="LE17" s="119">
        <v>0</v>
      </c>
      <c r="LF17" s="119">
        <v>0</v>
      </c>
      <c r="LG17" s="120">
        <v>0</v>
      </c>
      <c r="LH17" s="121">
        <v>0</v>
      </c>
      <c r="LI17" s="142">
        <v>0</v>
      </c>
      <c r="LJ17" s="119">
        <v>0</v>
      </c>
      <c r="LK17" s="120">
        <v>0</v>
      </c>
      <c r="LL17" s="145"/>
      <c r="LM17" s="119">
        <v>0</v>
      </c>
      <c r="LN17" s="119">
        <v>221580</v>
      </c>
      <c r="LO17" s="119">
        <v>202905</v>
      </c>
      <c r="LP17" s="119">
        <v>0</v>
      </c>
      <c r="LQ17" s="119">
        <v>0</v>
      </c>
      <c r="LR17" s="120">
        <v>424485</v>
      </c>
      <c r="LS17" s="321">
        <v>424485</v>
      </c>
      <c r="LT17" s="142">
        <v>0</v>
      </c>
      <c r="LU17" s="119">
        <v>0</v>
      </c>
      <c r="LV17" s="120">
        <v>0</v>
      </c>
      <c r="LW17" s="145"/>
      <c r="LX17" s="119">
        <v>726714</v>
      </c>
      <c r="LY17" s="119">
        <v>983990</v>
      </c>
      <c r="LZ17" s="119">
        <v>554562</v>
      </c>
      <c r="MA17" s="119">
        <v>2625408</v>
      </c>
      <c r="MB17" s="119">
        <v>1437861</v>
      </c>
      <c r="MC17" s="120">
        <v>6328535</v>
      </c>
      <c r="MD17" s="121">
        <v>6328535</v>
      </c>
      <c r="ME17" s="142">
        <v>0</v>
      </c>
      <c r="MF17" s="119">
        <v>0</v>
      </c>
      <c r="MG17" s="120">
        <v>0</v>
      </c>
      <c r="MH17" s="145"/>
      <c r="MI17" s="119">
        <v>21462460</v>
      </c>
      <c r="MJ17" s="119">
        <v>27478720</v>
      </c>
      <c r="MK17" s="119">
        <v>95006005</v>
      </c>
      <c r="ML17" s="119">
        <v>140961089</v>
      </c>
      <c r="MM17" s="119">
        <v>79080909</v>
      </c>
      <c r="MN17" s="120">
        <v>363989183</v>
      </c>
      <c r="MO17" s="143">
        <v>363989183</v>
      </c>
      <c r="MP17" s="142">
        <v>0</v>
      </c>
      <c r="MQ17" s="119">
        <v>0</v>
      </c>
      <c r="MR17" s="120">
        <v>0</v>
      </c>
      <c r="MS17" s="145"/>
      <c r="MT17" s="119">
        <v>388993</v>
      </c>
      <c r="MU17" s="119">
        <v>1493496</v>
      </c>
      <c r="MV17" s="119">
        <v>53981864</v>
      </c>
      <c r="MW17" s="119">
        <v>92272573</v>
      </c>
      <c r="MX17" s="119">
        <v>51979495</v>
      </c>
      <c r="MY17" s="120">
        <v>200116421</v>
      </c>
      <c r="MZ17" s="143">
        <v>200116421</v>
      </c>
      <c r="NA17" s="142">
        <v>0</v>
      </c>
      <c r="NB17" s="119">
        <v>0</v>
      </c>
      <c r="NC17" s="120">
        <v>0</v>
      </c>
      <c r="ND17" s="145"/>
      <c r="NE17" s="119">
        <v>20085751</v>
      </c>
      <c r="NF17" s="119">
        <v>24576299</v>
      </c>
      <c r="NG17" s="119">
        <v>39495826</v>
      </c>
      <c r="NH17" s="119">
        <v>46009042</v>
      </c>
      <c r="NI17" s="119">
        <v>19921570</v>
      </c>
      <c r="NJ17" s="120">
        <v>150088488</v>
      </c>
      <c r="NK17" s="321">
        <v>150088488</v>
      </c>
      <c r="NL17" s="142">
        <v>0</v>
      </c>
      <c r="NM17" s="119">
        <v>0</v>
      </c>
      <c r="NN17" s="120">
        <v>0</v>
      </c>
      <c r="NO17" s="145"/>
      <c r="NP17" s="119">
        <v>0</v>
      </c>
      <c r="NQ17" s="119">
        <v>0</v>
      </c>
      <c r="NR17" s="119">
        <v>0</v>
      </c>
      <c r="NS17" s="119">
        <v>0</v>
      </c>
      <c r="NT17" s="119">
        <v>353696</v>
      </c>
      <c r="NU17" s="120">
        <v>353696</v>
      </c>
      <c r="NV17" s="121">
        <v>353696</v>
      </c>
      <c r="NW17" s="142">
        <v>0</v>
      </c>
      <c r="NX17" s="119">
        <v>0</v>
      </c>
      <c r="NY17" s="120">
        <v>0</v>
      </c>
      <c r="NZ17" s="145"/>
      <c r="OA17" s="119">
        <v>987716</v>
      </c>
      <c r="OB17" s="119">
        <v>1408925</v>
      </c>
      <c r="OC17" s="119">
        <v>1528315</v>
      </c>
      <c r="OD17" s="119">
        <v>2679474</v>
      </c>
      <c r="OE17" s="119">
        <v>6826148</v>
      </c>
      <c r="OF17" s="120">
        <v>13430578</v>
      </c>
      <c r="OG17" s="121">
        <v>13430578</v>
      </c>
      <c r="OH17" s="142">
        <v>11838289</v>
      </c>
      <c r="OI17" s="119">
        <v>16385696</v>
      </c>
      <c r="OJ17" s="141">
        <v>28223985</v>
      </c>
      <c r="OK17" s="118">
        <v>0</v>
      </c>
      <c r="OL17" s="119">
        <v>236491151</v>
      </c>
      <c r="OM17" s="119">
        <v>209891801</v>
      </c>
      <c r="ON17" s="119">
        <v>268152403</v>
      </c>
      <c r="OO17" s="119">
        <v>303314800</v>
      </c>
      <c r="OP17" s="119">
        <v>184373661</v>
      </c>
      <c r="OQ17" s="120">
        <v>1202223816</v>
      </c>
      <c r="OR17" s="143">
        <v>1230447801</v>
      </c>
    </row>
    <row r="18" spans="1:408" ht="18.75" customHeight="1" x14ac:dyDescent="0.2">
      <c r="A18" s="62" t="s">
        <v>12</v>
      </c>
      <c r="B18" s="110">
        <v>16479147</v>
      </c>
      <c r="C18" s="114">
        <v>28802031</v>
      </c>
      <c r="D18" s="113">
        <v>45281178</v>
      </c>
      <c r="E18" s="109">
        <v>0</v>
      </c>
      <c r="F18" s="114">
        <v>121033228</v>
      </c>
      <c r="G18" s="170">
        <v>139033421</v>
      </c>
      <c r="H18" s="170">
        <v>134757872</v>
      </c>
      <c r="I18" s="170">
        <v>151437294</v>
      </c>
      <c r="J18" s="170">
        <v>101624417</v>
      </c>
      <c r="K18" s="112">
        <v>647886232</v>
      </c>
      <c r="L18" s="116">
        <v>693167410</v>
      </c>
      <c r="M18" s="110">
        <v>3145816</v>
      </c>
      <c r="N18" s="114">
        <v>7074219</v>
      </c>
      <c r="O18" s="113">
        <v>10220035</v>
      </c>
      <c r="P18" s="110">
        <v>0</v>
      </c>
      <c r="Q18" s="114">
        <v>33695070</v>
      </c>
      <c r="R18" s="114">
        <v>42889711</v>
      </c>
      <c r="S18" s="114">
        <v>39779451</v>
      </c>
      <c r="T18" s="114">
        <v>55109508</v>
      </c>
      <c r="U18" s="114">
        <v>50400362</v>
      </c>
      <c r="V18" s="113">
        <v>221874102</v>
      </c>
      <c r="W18" s="116">
        <v>232094137</v>
      </c>
      <c r="X18" s="110">
        <v>0</v>
      </c>
      <c r="Y18" s="114">
        <v>0</v>
      </c>
      <c r="Z18" s="113">
        <v>0</v>
      </c>
      <c r="AA18" s="110">
        <v>0</v>
      </c>
      <c r="AB18" s="114">
        <v>19064161</v>
      </c>
      <c r="AC18" s="114">
        <v>25196555</v>
      </c>
      <c r="AD18" s="114">
        <v>25975335</v>
      </c>
      <c r="AE18" s="114">
        <v>36545877</v>
      </c>
      <c r="AF18" s="114">
        <v>32655929</v>
      </c>
      <c r="AG18" s="113">
        <v>139437857</v>
      </c>
      <c r="AH18" s="116">
        <v>139437857</v>
      </c>
      <c r="AI18" s="110">
        <v>0</v>
      </c>
      <c r="AJ18" s="114">
        <v>139391</v>
      </c>
      <c r="AK18" s="113">
        <v>139391</v>
      </c>
      <c r="AL18" s="110">
        <v>0</v>
      </c>
      <c r="AM18" s="114">
        <v>156235</v>
      </c>
      <c r="AN18" s="114">
        <v>1160241</v>
      </c>
      <c r="AO18" s="114">
        <v>917148</v>
      </c>
      <c r="AP18" s="114">
        <v>3693228</v>
      </c>
      <c r="AQ18" s="114">
        <v>5454813</v>
      </c>
      <c r="AR18" s="113">
        <v>11381665</v>
      </c>
      <c r="AS18" s="116">
        <v>11521056</v>
      </c>
      <c r="AT18" s="110">
        <v>2120138</v>
      </c>
      <c r="AU18" s="114">
        <v>5213450</v>
      </c>
      <c r="AV18" s="113">
        <v>7333588</v>
      </c>
      <c r="AW18" s="110">
        <v>0</v>
      </c>
      <c r="AX18" s="114">
        <v>9870532</v>
      </c>
      <c r="AY18" s="114">
        <v>10744681</v>
      </c>
      <c r="AZ18" s="114">
        <v>7733512</v>
      </c>
      <c r="BA18" s="114">
        <v>8743478</v>
      </c>
      <c r="BB18" s="114">
        <v>8115055</v>
      </c>
      <c r="BC18" s="113">
        <v>45207258</v>
      </c>
      <c r="BD18" s="116">
        <v>52540846</v>
      </c>
      <c r="BE18" s="110">
        <v>100055</v>
      </c>
      <c r="BF18" s="114">
        <v>564273</v>
      </c>
      <c r="BG18" s="112">
        <v>664328</v>
      </c>
      <c r="BH18" s="111">
        <v>0</v>
      </c>
      <c r="BI18" s="114">
        <v>541211</v>
      </c>
      <c r="BJ18" s="114">
        <v>1557098</v>
      </c>
      <c r="BK18" s="114">
        <v>795542</v>
      </c>
      <c r="BL18" s="114">
        <v>788607</v>
      </c>
      <c r="BM18" s="114">
        <v>503625</v>
      </c>
      <c r="BN18" s="113">
        <v>4186083</v>
      </c>
      <c r="BO18" s="116">
        <v>4850411</v>
      </c>
      <c r="BP18" s="110">
        <v>925623</v>
      </c>
      <c r="BQ18" s="114">
        <v>1157105</v>
      </c>
      <c r="BR18" s="113">
        <v>2082728</v>
      </c>
      <c r="BS18" s="110">
        <v>0</v>
      </c>
      <c r="BT18" s="114">
        <v>4062931</v>
      </c>
      <c r="BU18" s="114">
        <v>4231136</v>
      </c>
      <c r="BV18" s="114">
        <v>4357914</v>
      </c>
      <c r="BW18" s="114">
        <v>5338318</v>
      </c>
      <c r="BX18" s="114">
        <v>3670940</v>
      </c>
      <c r="BY18" s="113">
        <v>21661239</v>
      </c>
      <c r="BZ18" s="116">
        <v>23743967</v>
      </c>
      <c r="CA18" s="110">
        <v>2958763</v>
      </c>
      <c r="CB18" s="114">
        <v>5341711</v>
      </c>
      <c r="CC18" s="113">
        <v>8300474</v>
      </c>
      <c r="CD18" s="110">
        <v>0</v>
      </c>
      <c r="CE18" s="114">
        <v>39154111</v>
      </c>
      <c r="CF18" s="114">
        <v>40966293</v>
      </c>
      <c r="CG18" s="114">
        <v>37916595</v>
      </c>
      <c r="CH18" s="114">
        <v>29954031</v>
      </c>
      <c r="CI18" s="114">
        <v>11664949</v>
      </c>
      <c r="CJ18" s="113">
        <v>159655979</v>
      </c>
      <c r="CK18" s="116">
        <v>167956453</v>
      </c>
      <c r="CL18" s="110">
        <v>0</v>
      </c>
      <c r="CM18" s="114">
        <v>0</v>
      </c>
      <c r="CN18" s="113">
        <v>0</v>
      </c>
      <c r="CO18" s="111">
        <v>0</v>
      </c>
      <c r="CP18" s="114">
        <v>33368403</v>
      </c>
      <c r="CQ18" s="114">
        <v>30848826</v>
      </c>
      <c r="CR18" s="114">
        <v>29249845</v>
      </c>
      <c r="CS18" s="114">
        <v>22576948</v>
      </c>
      <c r="CT18" s="114">
        <v>8401994</v>
      </c>
      <c r="CU18" s="113">
        <v>124446016</v>
      </c>
      <c r="CV18" s="116">
        <v>124446016</v>
      </c>
      <c r="CW18" s="110">
        <v>2958763</v>
      </c>
      <c r="CX18" s="114">
        <v>5341711</v>
      </c>
      <c r="CY18" s="113">
        <v>8300474</v>
      </c>
      <c r="CZ18" s="110">
        <v>0</v>
      </c>
      <c r="DA18" s="114">
        <v>5785708</v>
      </c>
      <c r="DB18" s="114">
        <v>10117467</v>
      </c>
      <c r="DC18" s="114">
        <v>8666750</v>
      </c>
      <c r="DD18" s="114">
        <v>7377083</v>
      </c>
      <c r="DE18" s="114">
        <v>3262955</v>
      </c>
      <c r="DF18" s="113">
        <v>35209963</v>
      </c>
      <c r="DG18" s="116">
        <v>43510437</v>
      </c>
      <c r="DH18" s="110">
        <v>71631</v>
      </c>
      <c r="DI18" s="114">
        <v>382074</v>
      </c>
      <c r="DJ18" s="112">
        <v>453705</v>
      </c>
      <c r="DK18" s="111">
        <v>0</v>
      </c>
      <c r="DL18" s="114">
        <v>4168228</v>
      </c>
      <c r="DM18" s="114">
        <v>5929499</v>
      </c>
      <c r="DN18" s="114">
        <v>13384750</v>
      </c>
      <c r="DO18" s="114">
        <v>12256670</v>
      </c>
      <c r="DP18" s="114">
        <v>6597065</v>
      </c>
      <c r="DQ18" s="113">
        <v>42336212</v>
      </c>
      <c r="DR18" s="116">
        <v>42789917</v>
      </c>
      <c r="DS18" s="110">
        <v>71631</v>
      </c>
      <c r="DT18" s="114">
        <v>145325</v>
      </c>
      <c r="DU18" s="113">
        <v>216956</v>
      </c>
      <c r="DV18" s="110">
        <v>0</v>
      </c>
      <c r="DW18" s="114">
        <v>3997980</v>
      </c>
      <c r="DX18" s="114">
        <v>5547014</v>
      </c>
      <c r="DY18" s="114">
        <v>13056251</v>
      </c>
      <c r="DZ18" s="114">
        <v>12078837</v>
      </c>
      <c r="EA18" s="114">
        <v>6399679</v>
      </c>
      <c r="EB18" s="113">
        <v>41079761</v>
      </c>
      <c r="EC18" s="116">
        <v>41296717</v>
      </c>
      <c r="ED18" s="110">
        <v>0</v>
      </c>
      <c r="EE18" s="112">
        <v>236749</v>
      </c>
      <c r="EF18" s="113">
        <v>236749</v>
      </c>
      <c r="EG18" s="110">
        <v>0</v>
      </c>
      <c r="EH18" s="114">
        <v>170248</v>
      </c>
      <c r="EI18" s="114">
        <v>382485</v>
      </c>
      <c r="EJ18" s="114">
        <v>328499</v>
      </c>
      <c r="EK18" s="114">
        <v>177833</v>
      </c>
      <c r="EL18" s="114">
        <v>197386</v>
      </c>
      <c r="EM18" s="112">
        <v>1256451</v>
      </c>
      <c r="EN18" s="116">
        <v>1493200</v>
      </c>
      <c r="EO18" s="110">
        <v>0</v>
      </c>
      <c r="EP18" s="114">
        <v>0</v>
      </c>
      <c r="EQ18" s="112">
        <v>0</v>
      </c>
      <c r="ER18" s="111">
        <v>0</v>
      </c>
      <c r="ES18" s="114">
        <v>0</v>
      </c>
      <c r="ET18" s="114">
        <v>0</v>
      </c>
      <c r="EU18" s="114">
        <v>0</v>
      </c>
      <c r="EV18" s="114">
        <v>0</v>
      </c>
      <c r="EW18" s="114">
        <v>0</v>
      </c>
      <c r="EX18" s="113">
        <v>0</v>
      </c>
      <c r="EY18" s="116">
        <v>0</v>
      </c>
      <c r="EZ18" s="110">
        <v>0</v>
      </c>
      <c r="FA18" s="114">
        <v>0</v>
      </c>
      <c r="FB18" s="112">
        <v>0</v>
      </c>
      <c r="FC18" s="348"/>
      <c r="FD18" s="114">
        <v>0</v>
      </c>
      <c r="FE18" s="114">
        <v>0</v>
      </c>
      <c r="FF18" s="114">
        <v>0</v>
      </c>
      <c r="FG18" s="114">
        <v>0</v>
      </c>
      <c r="FH18" s="114">
        <v>0</v>
      </c>
      <c r="FI18" s="113">
        <v>0</v>
      </c>
      <c r="FJ18" s="116">
        <v>0</v>
      </c>
      <c r="FK18" s="110">
        <v>4261107</v>
      </c>
      <c r="FL18" s="114">
        <v>6374234</v>
      </c>
      <c r="FM18" s="113">
        <v>10635341</v>
      </c>
      <c r="FN18" s="110">
        <v>0</v>
      </c>
      <c r="FO18" s="114">
        <v>4715125</v>
      </c>
      <c r="FP18" s="114">
        <v>13171754</v>
      </c>
      <c r="FQ18" s="114">
        <v>11735912</v>
      </c>
      <c r="FR18" s="114">
        <v>12427835</v>
      </c>
      <c r="FS18" s="114">
        <v>8201838</v>
      </c>
      <c r="FT18" s="113">
        <v>50252464</v>
      </c>
      <c r="FU18" s="116">
        <v>60887805</v>
      </c>
      <c r="FV18" s="115">
        <v>2350482</v>
      </c>
      <c r="FW18" s="114">
        <v>4968739</v>
      </c>
      <c r="FX18" s="112">
        <v>7319221</v>
      </c>
      <c r="FY18" s="111">
        <v>0</v>
      </c>
      <c r="FZ18" s="114">
        <v>3335045</v>
      </c>
      <c r="GA18" s="114">
        <v>12178606</v>
      </c>
      <c r="GB18" s="114">
        <v>10634559</v>
      </c>
      <c r="GC18" s="114">
        <v>11518407</v>
      </c>
      <c r="GD18" s="114">
        <v>7603268</v>
      </c>
      <c r="GE18" s="113">
        <v>45269885</v>
      </c>
      <c r="GF18" s="319">
        <v>52589106</v>
      </c>
      <c r="GG18" s="115">
        <v>260471</v>
      </c>
      <c r="GH18" s="114">
        <v>400564</v>
      </c>
      <c r="GI18" s="112">
        <v>661035</v>
      </c>
      <c r="GJ18" s="111">
        <v>0</v>
      </c>
      <c r="GK18" s="114">
        <v>386549</v>
      </c>
      <c r="GL18" s="114">
        <v>227117</v>
      </c>
      <c r="GM18" s="114">
        <v>380472</v>
      </c>
      <c r="GN18" s="114">
        <v>213855</v>
      </c>
      <c r="GO18" s="114">
        <v>157540</v>
      </c>
      <c r="GP18" s="113">
        <v>1365533</v>
      </c>
      <c r="GQ18" s="116">
        <v>2026568</v>
      </c>
      <c r="GR18" s="110">
        <v>1650154</v>
      </c>
      <c r="GS18" s="114">
        <v>1004931</v>
      </c>
      <c r="GT18" s="113">
        <v>2655085</v>
      </c>
      <c r="GU18" s="110">
        <v>0</v>
      </c>
      <c r="GV18" s="114">
        <v>993531</v>
      </c>
      <c r="GW18" s="114">
        <v>766031</v>
      </c>
      <c r="GX18" s="114">
        <v>720881</v>
      </c>
      <c r="GY18" s="114">
        <v>695573</v>
      </c>
      <c r="GZ18" s="114">
        <v>441030</v>
      </c>
      <c r="HA18" s="112">
        <v>3617046</v>
      </c>
      <c r="HB18" s="116">
        <v>6272131</v>
      </c>
      <c r="HC18" s="110">
        <v>2844962</v>
      </c>
      <c r="HD18" s="114">
        <v>5103415</v>
      </c>
      <c r="HE18" s="112">
        <v>7948377</v>
      </c>
      <c r="HF18" s="111">
        <v>0</v>
      </c>
      <c r="HG18" s="114">
        <v>18837081</v>
      </c>
      <c r="HH18" s="114">
        <v>19127458</v>
      </c>
      <c r="HI18" s="114">
        <v>18044252</v>
      </c>
      <c r="HJ18" s="114">
        <v>30251549</v>
      </c>
      <c r="HK18" s="114">
        <v>18646708</v>
      </c>
      <c r="HL18" s="113">
        <v>104907048</v>
      </c>
      <c r="HM18" s="109">
        <v>112855425</v>
      </c>
      <c r="HN18" s="115">
        <v>3196868</v>
      </c>
      <c r="HO18" s="114">
        <v>4526378</v>
      </c>
      <c r="HP18" s="113">
        <v>7723246</v>
      </c>
      <c r="HQ18" s="110">
        <v>0</v>
      </c>
      <c r="HR18" s="114">
        <v>20463613</v>
      </c>
      <c r="HS18" s="114">
        <v>16948706</v>
      </c>
      <c r="HT18" s="114">
        <v>13896912</v>
      </c>
      <c r="HU18" s="114">
        <v>11437701</v>
      </c>
      <c r="HV18" s="114">
        <v>6113495</v>
      </c>
      <c r="HW18" s="112">
        <v>68860427</v>
      </c>
      <c r="HX18" s="116">
        <v>76583673</v>
      </c>
      <c r="HY18" s="150">
        <v>0</v>
      </c>
      <c r="HZ18" s="135">
        <v>0</v>
      </c>
      <c r="IA18" s="150">
        <v>0</v>
      </c>
      <c r="IB18" s="134">
        <v>0</v>
      </c>
      <c r="IC18" s="135">
        <v>37243670</v>
      </c>
      <c r="ID18" s="136">
        <v>34151868</v>
      </c>
      <c r="IE18" s="137">
        <v>49972376</v>
      </c>
      <c r="IF18" s="135">
        <v>41019066</v>
      </c>
      <c r="IG18" s="137">
        <v>28984118</v>
      </c>
      <c r="IH18" s="138">
        <v>191371098</v>
      </c>
      <c r="II18" s="150">
        <v>191371098</v>
      </c>
      <c r="IJ18" s="232">
        <v>0</v>
      </c>
      <c r="IK18" s="236">
        <v>0</v>
      </c>
      <c r="IL18" s="237">
        <v>0</v>
      </c>
      <c r="IM18" s="140"/>
      <c r="IN18" s="119">
        <v>752038</v>
      </c>
      <c r="IO18" s="119">
        <v>378597</v>
      </c>
      <c r="IP18" s="119">
        <v>1305217</v>
      </c>
      <c r="IQ18" s="119">
        <v>1262143</v>
      </c>
      <c r="IR18" s="119">
        <v>264545</v>
      </c>
      <c r="IS18" s="141">
        <v>3962540</v>
      </c>
      <c r="IT18" s="321">
        <v>3962540</v>
      </c>
      <c r="IU18" s="142">
        <v>0</v>
      </c>
      <c r="IV18" s="119">
        <v>0</v>
      </c>
      <c r="IW18" s="120">
        <v>0</v>
      </c>
      <c r="IX18" s="144"/>
      <c r="IY18" s="119">
        <v>0</v>
      </c>
      <c r="IZ18" s="119">
        <v>0</v>
      </c>
      <c r="JA18" s="119">
        <v>0</v>
      </c>
      <c r="JB18" s="119">
        <v>0</v>
      </c>
      <c r="JC18" s="119">
        <v>0</v>
      </c>
      <c r="JD18" s="120">
        <v>0</v>
      </c>
      <c r="JE18" s="121">
        <v>0</v>
      </c>
      <c r="JF18" s="142">
        <v>0</v>
      </c>
      <c r="JG18" s="119">
        <v>0</v>
      </c>
      <c r="JH18" s="141">
        <v>0</v>
      </c>
      <c r="JI18" s="118">
        <v>0</v>
      </c>
      <c r="JJ18" s="119">
        <v>20879538</v>
      </c>
      <c r="JK18" s="119">
        <v>14385340</v>
      </c>
      <c r="JL18" s="119">
        <v>13585295</v>
      </c>
      <c r="JM18" s="119">
        <v>6442022</v>
      </c>
      <c r="JN18" s="119">
        <v>5025472</v>
      </c>
      <c r="JO18" s="120">
        <v>60317667</v>
      </c>
      <c r="JP18" s="321">
        <v>60317667</v>
      </c>
      <c r="JQ18" s="142">
        <v>0</v>
      </c>
      <c r="JR18" s="119">
        <v>0</v>
      </c>
      <c r="JS18" s="141">
        <v>0</v>
      </c>
      <c r="JT18" s="118">
        <v>0</v>
      </c>
      <c r="JU18" s="119">
        <v>322017</v>
      </c>
      <c r="JV18" s="119">
        <v>228373</v>
      </c>
      <c r="JW18" s="119">
        <v>117319</v>
      </c>
      <c r="JX18" s="119">
        <v>0</v>
      </c>
      <c r="JY18" s="119">
        <v>199549</v>
      </c>
      <c r="JZ18" s="120">
        <v>867258</v>
      </c>
      <c r="KA18" s="321">
        <v>867258</v>
      </c>
      <c r="KB18" s="234">
        <v>0</v>
      </c>
      <c r="KC18" s="230">
        <v>0</v>
      </c>
      <c r="KD18" s="120">
        <v>0</v>
      </c>
      <c r="KE18" s="118">
        <v>0</v>
      </c>
      <c r="KF18" s="119">
        <v>3358118</v>
      </c>
      <c r="KG18" s="119">
        <v>5300355</v>
      </c>
      <c r="KH18" s="119">
        <v>12304633</v>
      </c>
      <c r="KI18" s="119">
        <v>11889267</v>
      </c>
      <c r="KJ18" s="119">
        <v>8298826</v>
      </c>
      <c r="KK18" s="120">
        <v>41151199</v>
      </c>
      <c r="KL18" s="143">
        <v>41151199</v>
      </c>
      <c r="KM18" s="232">
        <v>0</v>
      </c>
      <c r="KN18" s="236">
        <v>0</v>
      </c>
      <c r="KO18" s="237">
        <v>0</v>
      </c>
      <c r="KP18" s="140"/>
      <c r="KQ18" s="119">
        <v>9769270</v>
      </c>
      <c r="KR18" s="119">
        <v>10760508</v>
      </c>
      <c r="KS18" s="119">
        <v>13492196</v>
      </c>
      <c r="KT18" s="119">
        <v>8787593</v>
      </c>
      <c r="KU18" s="119">
        <v>8873443</v>
      </c>
      <c r="KV18" s="120">
        <v>51683010</v>
      </c>
      <c r="KW18" s="321">
        <v>51683010</v>
      </c>
      <c r="KX18" s="142">
        <v>0</v>
      </c>
      <c r="KY18" s="119">
        <v>0</v>
      </c>
      <c r="KZ18" s="120">
        <v>0</v>
      </c>
      <c r="LA18" s="145"/>
      <c r="LB18" s="119">
        <v>176766</v>
      </c>
      <c r="LC18" s="119">
        <v>1447950</v>
      </c>
      <c r="LD18" s="119">
        <v>438102</v>
      </c>
      <c r="LE18" s="119">
        <v>2298072</v>
      </c>
      <c r="LF18" s="119">
        <v>616017</v>
      </c>
      <c r="LG18" s="120">
        <v>4976907</v>
      </c>
      <c r="LH18" s="121">
        <v>4976907</v>
      </c>
      <c r="LI18" s="142">
        <v>0</v>
      </c>
      <c r="LJ18" s="119">
        <v>0</v>
      </c>
      <c r="LK18" s="120">
        <v>0</v>
      </c>
      <c r="LL18" s="145"/>
      <c r="LM18" s="119">
        <v>311303</v>
      </c>
      <c r="LN18" s="119">
        <v>0</v>
      </c>
      <c r="LO18" s="119">
        <v>3584543</v>
      </c>
      <c r="LP18" s="119">
        <v>2890422</v>
      </c>
      <c r="LQ18" s="119">
        <v>1169040</v>
      </c>
      <c r="LR18" s="120">
        <v>7955308</v>
      </c>
      <c r="LS18" s="321">
        <v>7955308</v>
      </c>
      <c r="LT18" s="142">
        <v>0</v>
      </c>
      <c r="LU18" s="119">
        <v>0</v>
      </c>
      <c r="LV18" s="120">
        <v>0</v>
      </c>
      <c r="LW18" s="145"/>
      <c r="LX18" s="119">
        <v>1674620</v>
      </c>
      <c r="LY18" s="119">
        <v>1650745</v>
      </c>
      <c r="LZ18" s="119">
        <v>5145071</v>
      </c>
      <c r="MA18" s="119">
        <v>7449547</v>
      </c>
      <c r="MB18" s="119">
        <v>4537226</v>
      </c>
      <c r="MC18" s="120">
        <v>20457209</v>
      </c>
      <c r="MD18" s="121">
        <v>20457209</v>
      </c>
      <c r="ME18" s="142">
        <v>0</v>
      </c>
      <c r="MF18" s="119">
        <v>0</v>
      </c>
      <c r="MG18" s="120">
        <v>0</v>
      </c>
      <c r="MH18" s="145"/>
      <c r="MI18" s="119">
        <v>10017416</v>
      </c>
      <c r="MJ18" s="119">
        <v>26511376</v>
      </c>
      <c r="MK18" s="119">
        <v>89369241</v>
      </c>
      <c r="ML18" s="119">
        <v>133715030</v>
      </c>
      <c r="MM18" s="119">
        <v>92918057</v>
      </c>
      <c r="MN18" s="120">
        <v>352531120</v>
      </c>
      <c r="MO18" s="143">
        <v>352531120</v>
      </c>
      <c r="MP18" s="142">
        <v>0</v>
      </c>
      <c r="MQ18" s="119">
        <v>0</v>
      </c>
      <c r="MR18" s="120">
        <v>0</v>
      </c>
      <c r="MS18" s="145"/>
      <c r="MT18" s="119">
        <v>268445</v>
      </c>
      <c r="MU18" s="119">
        <v>4453080</v>
      </c>
      <c r="MV18" s="119">
        <v>42536561</v>
      </c>
      <c r="MW18" s="119">
        <v>79960322</v>
      </c>
      <c r="MX18" s="119">
        <v>65567865</v>
      </c>
      <c r="MY18" s="120">
        <v>192786273</v>
      </c>
      <c r="MZ18" s="143">
        <v>192786273</v>
      </c>
      <c r="NA18" s="142">
        <v>0</v>
      </c>
      <c r="NB18" s="119">
        <v>0</v>
      </c>
      <c r="NC18" s="120">
        <v>0</v>
      </c>
      <c r="ND18" s="145"/>
      <c r="NE18" s="119">
        <v>9748971</v>
      </c>
      <c r="NF18" s="119">
        <v>21769361</v>
      </c>
      <c r="NG18" s="119">
        <v>46271123</v>
      </c>
      <c r="NH18" s="119">
        <v>49440226</v>
      </c>
      <c r="NI18" s="119">
        <v>21854429</v>
      </c>
      <c r="NJ18" s="120">
        <v>149084110</v>
      </c>
      <c r="NK18" s="321">
        <v>149084110</v>
      </c>
      <c r="NL18" s="142">
        <v>0</v>
      </c>
      <c r="NM18" s="119">
        <v>0</v>
      </c>
      <c r="NN18" s="120">
        <v>0</v>
      </c>
      <c r="NO18" s="145"/>
      <c r="NP18" s="119">
        <v>0</v>
      </c>
      <c r="NQ18" s="119">
        <v>0</v>
      </c>
      <c r="NR18" s="119">
        <v>0</v>
      </c>
      <c r="NS18" s="119">
        <v>3175156</v>
      </c>
      <c r="NT18" s="119">
        <v>3508523</v>
      </c>
      <c r="NU18" s="120">
        <v>6683679</v>
      </c>
      <c r="NV18" s="121">
        <v>6683679</v>
      </c>
      <c r="NW18" s="142">
        <v>0</v>
      </c>
      <c r="NX18" s="119">
        <v>0</v>
      </c>
      <c r="NY18" s="120">
        <v>0</v>
      </c>
      <c r="NZ18" s="145"/>
      <c r="OA18" s="119">
        <v>0</v>
      </c>
      <c r="OB18" s="119">
        <v>288935</v>
      </c>
      <c r="OC18" s="119">
        <v>561557</v>
      </c>
      <c r="OD18" s="119">
        <v>1139326</v>
      </c>
      <c r="OE18" s="119">
        <v>1987240</v>
      </c>
      <c r="OF18" s="120">
        <v>3977058</v>
      </c>
      <c r="OG18" s="121">
        <v>3977058</v>
      </c>
      <c r="OH18" s="142">
        <v>16479147</v>
      </c>
      <c r="OI18" s="119">
        <v>28802031</v>
      </c>
      <c r="OJ18" s="141">
        <v>45281178</v>
      </c>
      <c r="OK18" s="118">
        <v>0</v>
      </c>
      <c r="OL18" s="119">
        <v>168294314</v>
      </c>
      <c r="OM18" s="119">
        <v>199696665</v>
      </c>
      <c r="ON18" s="119">
        <v>274099489</v>
      </c>
      <c r="OO18" s="119">
        <v>326171390</v>
      </c>
      <c r="OP18" s="119">
        <v>223526592</v>
      </c>
      <c r="OQ18" s="120">
        <v>1191788450</v>
      </c>
      <c r="OR18" s="143">
        <v>1237069628</v>
      </c>
    </row>
    <row r="19" spans="1:408" ht="18.75" customHeight="1" x14ac:dyDescent="0.2">
      <c r="A19" s="62" t="s">
        <v>13</v>
      </c>
      <c r="B19" s="110">
        <v>3710309</v>
      </c>
      <c r="C19" s="114">
        <v>6345893</v>
      </c>
      <c r="D19" s="113">
        <v>10056202</v>
      </c>
      <c r="E19" s="110">
        <v>0</v>
      </c>
      <c r="F19" s="170">
        <v>47457781</v>
      </c>
      <c r="G19" s="114">
        <v>57423249</v>
      </c>
      <c r="H19" s="114">
        <v>55370622</v>
      </c>
      <c r="I19" s="114">
        <v>56536985</v>
      </c>
      <c r="J19" s="114">
        <v>49082382</v>
      </c>
      <c r="K19" s="112">
        <v>265871019</v>
      </c>
      <c r="L19" s="116">
        <v>275927221</v>
      </c>
      <c r="M19" s="110">
        <v>804774</v>
      </c>
      <c r="N19" s="114">
        <v>1083326</v>
      </c>
      <c r="O19" s="113">
        <v>1888100</v>
      </c>
      <c r="P19" s="110">
        <v>0</v>
      </c>
      <c r="Q19" s="114">
        <v>12755210</v>
      </c>
      <c r="R19" s="114">
        <v>18144910</v>
      </c>
      <c r="S19" s="114">
        <v>18056022</v>
      </c>
      <c r="T19" s="114">
        <v>19219488</v>
      </c>
      <c r="U19" s="114">
        <v>25965012</v>
      </c>
      <c r="V19" s="113">
        <v>94140642</v>
      </c>
      <c r="W19" s="116">
        <v>96028742</v>
      </c>
      <c r="X19" s="110">
        <v>0</v>
      </c>
      <c r="Y19" s="114">
        <v>0</v>
      </c>
      <c r="Z19" s="113">
        <v>0</v>
      </c>
      <c r="AA19" s="110">
        <v>0</v>
      </c>
      <c r="AB19" s="114">
        <v>5730969</v>
      </c>
      <c r="AC19" s="114">
        <v>9329119</v>
      </c>
      <c r="AD19" s="114">
        <v>10673558</v>
      </c>
      <c r="AE19" s="114">
        <v>11792290</v>
      </c>
      <c r="AF19" s="114">
        <v>17285887</v>
      </c>
      <c r="AG19" s="113">
        <v>54811823</v>
      </c>
      <c r="AH19" s="116">
        <v>54811823</v>
      </c>
      <c r="AI19" s="110">
        <v>27269</v>
      </c>
      <c r="AJ19" s="114">
        <v>0</v>
      </c>
      <c r="AK19" s="113">
        <v>27269</v>
      </c>
      <c r="AL19" s="110">
        <v>0</v>
      </c>
      <c r="AM19" s="114">
        <v>0</v>
      </c>
      <c r="AN19" s="114">
        <v>198563</v>
      </c>
      <c r="AO19" s="114">
        <v>366627</v>
      </c>
      <c r="AP19" s="114">
        <v>838200</v>
      </c>
      <c r="AQ19" s="114">
        <v>2220295</v>
      </c>
      <c r="AR19" s="113">
        <v>3623685</v>
      </c>
      <c r="AS19" s="116">
        <v>3650954</v>
      </c>
      <c r="AT19" s="110">
        <v>238529</v>
      </c>
      <c r="AU19" s="114">
        <v>455373</v>
      </c>
      <c r="AV19" s="113">
        <v>693902</v>
      </c>
      <c r="AW19" s="110">
        <v>0</v>
      </c>
      <c r="AX19" s="114">
        <v>3656501</v>
      </c>
      <c r="AY19" s="114">
        <v>5441143</v>
      </c>
      <c r="AZ19" s="114">
        <v>3983454</v>
      </c>
      <c r="BA19" s="114">
        <v>3844462</v>
      </c>
      <c r="BB19" s="114">
        <v>4093534</v>
      </c>
      <c r="BC19" s="113">
        <v>21019094</v>
      </c>
      <c r="BD19" s="116">
        <v>21712996</v>
      </c>
      <c r="BE19" s="110">
        <v>71719</v>
      </c>
      <c r="BF19" s="114">
        <v>157182</v>
      </c>
      <c r="BG19" s="112">
        <v>228901</v>
      </c>
      <c r="BH19" s="111">
        <v>0</v>
      </c>
      <c r="BI19" s="114">
        <v>582980</v>
      </c>
      <c r="BJ19" s="114">
        <v>802844</v>
      </c>
      <c r="BK19" s="114">
        <v>318860</v>
      </c>
      <c r="BL19" s="114">
        <v>207750</v>
      </c>
      <c r="BM19" s="114">
        <v>133003</v>
      </c>
      <c r="BN19" s="113">
        <v>2045437</v>
      </c>
      <c r="BO19" s="116">
        <v>2274338</v>
      </c>
      <c r="BP19" s="110">
        <v>467257</v>
      </c>
      <c r="BQ19" s="114">
        <v>470771</v>
      </c>
      <c r="BR19" s="113">
        <v>938028</v>
      </c>
      <c r="BS19" s="110">
        <v>0</v>
      </c>
      <c r="BT19" s="114">
        <v>2784760</v>
      </c>
      <c r="BU19" s="114">
        <v>2373241</v>
      </c>
      <c r="BV19" s="114">
        <v>2713523</v>
      </c>
      <c r="BW19" s="114">
        <v>2536786</v>
      </c>
      <c r="BX19" s="114">
        <v>2232293</v>
      </c>
      <c r="BY19" s="113">
        <v>12640603</v>
      </c>
      <c r="BZ19" s="116">
        <v>13578631</v>
      </c>
      <c r="CA19" s="110">
        <v>226488</v>
      </c>
      <c r="CB19" s="114">
        <v>1075187</v>
      </c>
      <c r="CC19" s="113">
        <v>1301675</v>
      </c>
      <c r="CD19" s="110">
        <v>0</v>
      </c>
      <c r="CE19" s="114">
        <v>9786810</v>
      </c>
      <c r="CF19" s="114">
        <v>13530036</v>
      </c>
      <c r="CG19" s="114">
        <v>9782999</v>
      </c>
      <c r="CH19" s="114">
        <v>8822125</v>
      </c>
      <c r="CI19" s="114">
        <v>3922128</v>
      </c>
      <c r="CJ19" s="113">
        <v>45844098</v>
      </c>
      <c r="CK19" s="116">
        <v>47145773</v>
      </c>
      <c r="CL19" s="110">
        <v>0</v>
      </c>
      <c r="CM19" s="114">
        <v>0</v>
      </c>
      <c r="CN19" s="113">
        <v>0</v>
      </c>
      <c r="CO19" s="111">
        <v>0</v>
      </c>
      <c r="CP19" s="114">
        <v>8701005</v>
      </c>
      <c r="CQ19" s="114">
        <v>11644035</v>
      </c>
      <c r="CR19" s="114">
        <v>8371377</v>
      </c>
      <c r="CS19" s="114">
        <v>6846294</v>
      </c>
      <c r="CT19" s="114">
        <v>2833037</v>
      </c>
      <c r="CU19" s="113">
        <v>38395748</v>
      </c>
      <c r="CV19" s="116">
        <v>38395748</v>
      </c>
      <c r="CW19" s="110">
        <v>226488</v>
      </c>
      <c r="CX19" s="114">
        <v>1075187</v>
      </c>
      <c r="CY19" s="113">
        <v>1301675</v>
      </c>
      <c r="CZ19" s="110">
        <v>0</v>
      </c>
      <c r="DA19" s="114">
        <v>1085805</v>
      </c>
      <c r="DB19" s="114">
        <v>1886001</v>
      </c>
      <c r="DC19" s="114">
        <v>1411622</v>
      </c>
      <c r="DD19" s="114">
        <v>1975831</v>
      </c>
      <c r="DE19" s="114">
        <v>1089091</v>
      </c>
      <c r="DF19" s="113">
        <v>7448350</v>
      </c>
      <c r="DG19" s="116">
        <v>8750025</v>
      </c>
      <c r="DH19" s="110">
        <v>0</v>
      </c>
      <c r="DI19" s="114">
        <v>0</v>
      </c>
      <c r="DJ19" s="112">
        <v>0</v>
      </c>
      <c r="DK19" s="111">
        <v>0</v>
      </c>
      <c r="DL19" s="114">
        <v>912449</v>
      </c>
      <c r="DM19" s="114">
        <v>2334227</v>
      </c>
      <c r="DN19" s="114">
        <v>5270738</v>
      </c>
      <c r="DO19" s="114">
        <v>6466146</v>
      </c>
      <c r="DP19" s="114">
        <v>3765933</v>
      </c>
      <c r="DQ19" s="113">
        <v>18749493</v>
      </c>
      <c r="DR19" s="116">
        <v>18749493</v>
      </c>
      <c r="DS19" s="110">
        <v>0</v>
      </c>
      <c r="DT19" s="114">
        <v>0</v>
      </c>
      <c r="DU19" s="113">
        <v>0</v>
      </c>
      <c r="DV19" s="110">
        <v>0</v>
      </c>
      <c r="DW19" s="114">
        <v>878654</v>
      </c>
      <c r="DX19" s="114">
        <v>2130041</v>
      </c>
      <c r="DY19" s="114">
        <v>4647445</v>
      </c>
      <c r="DZ19" s="114">
        <v>5964212</v>
      </c>
      <c r="EA19" s="114">
        <v>3720007</v>
      </c>
      <c r="EB19" s="113">
        <v>17340359</v>
      </c>
      <c r="EC19" s="116">
        <v>17340359</v>
      </c>
      <c r="ED19" s="110">
        <v>0</v>
      </c>
      <c r="EE19" s="112">
        <v>0</v>
      </c>
      <c r="EF19" s="113">
        <v>0</v>
      </c>
      <c r="EG19" s="110">
        <v>0</v>
      </c>
      <c r="EH19" s="114">
        <v>33795</v>
      </c>
      <c r="EI19" s="114">
        <v>204186</v>
      </c>
      <c r="EJ19" s="114">
        <v>623293</v>
      </c>
      <c r="EK19" s="114">
        <v>501934</v>
      </c>
      <c r="EL19" s="114">
        <v>45926</v>
      </c>
      <c r="EM19" s="112">
        <v>1409134</v>
      </c>
      <c r="EN19" s="116">
        <v>1409134</v>
      </c>
      <c r="EO19" s="110">
        <v>0</v>
      </c>
      <c r="EP19" s="114">
        <v>0</v>
      </c>
      <c r="EQ19" s="112">
        <v>0</v>
      </c>
      <c r="ER19" s="111">
        <v>0</v>
      </c>
      <c r="ES19" s="114">
        <v>0</v>
      </c>
      <c r="ET19" s="114">
        <v>0</v>
      </c>
      <c r="EU19" s="114">
        <v>0</v>
      </c>
      <c r="EV19" s="114">
        <v>0</v>
      </c>
      <c r="EW19" s="114">
        <v>0</v>
      </c>
      <c r="EX19" s="113">
        <v>0</v>
      </c>
      <c r="EY19" s="116">
        <v>0</v>
      </c>
      <c r="EZ19" s="110">
        <v>0</v>
      </c>
      <c r="FA19" s="114">
        <v>0</v>
      </c>
      <c r="FB19" s="112">
        <v>0</v>
      </c>
      <c r="FC19" s="348"/>
      <c r="FD19" s="114">
        <v>0</v>
      </c>
      <c r="FE19" s="114">
        <v>0</v>
      </c>
      <c r="FF19" s="114">
        <v>0</v>
      </c>
      <c r="FG19" s="114">
        <v>0</v>
      </c>
      <c r="FH19" s="114">
        <v>0</v>
      </c>
      <c r="FI19" s="113">
        <v>0</v>
      </c>
      <c r="FJ19" s="116">
        <v>0</v>
      </c>
      <c r="FK19" s="110">
        <v>792210</v>
      </c>
      <c r="FL19" s="114">
        <v>1391466</v>
      </c>
      <c r="FM19" s="113">
        <v>2183676</v>
      </c>
      <c r="FN19" s="110">
        <v>0</v>
      </c>
      <c r="FO19" s="114">
        <v>2179107</v>
      </c>
      <c r="FP19" s="114">
        <v>4914727</v>
      </c>
      <c r="FQ19" s="114">
        <v>3734945</v>
      </c>
      <c r="FR19" s="114">
        <v>3977297</v>
      </c>
      <c r="FS19" s="114">
        <v>2584539</v>
      </c>
      <c r="FT19" s="113">
        <v>17390615</v>
      </c>
      <c r="FU19" s="116">
        <v>19574291</v>
      </c>
      <c r="FV19" s="115">
        <v>303210</v>
      </c>
      <c r="FW19" s="114">
        <v>844410</v>
      </c>
      <c r="FX19" s="112">
        <v>1147620</v>
      </c>
      <c r="FY19" s="111">
        <v>0</v>
      </c>
      <c r="FZ19" s="114">
        <v>1634409</v>
      </c>
      <c r="GA19" s="114">
        <v>4721176</v>
      </c>
      <c r="GB19" s="114">
        <v>3286089</v>
      </c>
      <c r="GC19" s="114">
        <v>3628651</v>
      </c>
      <c r="GD19" s="114">
        <v>2584539</v>
      </c>
      <c r="GE19" s="113">
        <v>15854864</v>
      </c>
      <c r="GF19" s="319">
        <v>17002484</v>
      </c>
      <c r="GG19" s="115">
        <v>0</v>
      </c>
      <c r="GH19" s="114">
        <v>27830</v>
      </c>
      <c r="GI19" s="112">
        <v>27830</v>
      </c>
      <c r="GJ19" s="111">
        <v>0</v>
      </c>
      <c r="GK19" s="114">
        <v>120285</v>
      </c>
      <c r="GL19" s="114">
        <v>75141</v>
      </c>
      <c r="GM19" s="114">
        <v>58456</v>
      </c>
      <c r="GN19" s="114">
        <v>212206</v>
      </c>
      <c r="GO19" s="114">
        <v>0</v>
      </c>
      <c r="GP19" s="113">
        <v>466088</v>
      </c>
      <c r="GQ19" s="116">
        <v>493918</v>
      </c>
      <c r="GR19" s="110">
        <v>489000</v>
      </c>
      <c r="GS19" s="114">
        <v>519226</v>
      </c>
      <c r="GT19" s="113">
        <v>1008226</v>
      </c>
      <c r="GU19" s="110">
        <v>0</v>
      </c>
      <c r="GV19" s="114">
        <v>424413</v>
      </c>
      <c r="GW19" s="114">
        <v>118410</v>
      </c>
      <c r="GX19" s="114">
        <v>390400</v>
      </c>
      <c r="GY19" s="114">
        <v>136440</v>
      </c>
      <c r="GZ19" s="114">
        <v>0</v>
      </c>
      <c r="HA19" s="112">
        <v>1069663</v>
      </c>
      <c r="HB19" s="116">
        <v>2077889</v>
      </c>
      <c r="HC19" s="110">
        <v>1452548</v>
      </c>
      <c r="HD19" s="114">
        <v>1797040</v>
      </c>
      <c r="HE19" s="112">
        <v>3249588</v>
      </c>
      <c r="HF19" s="111">
        <v>0</v>
      </c>
      <c r="HG19" s="114">
        <v>14103116</v>
      </c>
      <c r="HH19" s="114">
        <v>10889683</v>
      </c>
      <c r="HI19" s="114">
        <v>13434869</v>
      </c>
      <c r="HJ19" s="114">
        <v>14042693</v>
      </c>
      <c r="HK19" s="114">
        <v>10167605</v>
      </c>
      <c r="HL19" s="113">
        <v>62637966</v>
      </c>
      <c r="HM19" s="109">
        <v>65887554</v>
      </c>
      <c r="HN19" s="115">
        <v>434289</v>
      </c>
      <c r="HO19" s="114">
        <v>998874</v>
      </c>
      <c r="HP19" s="113">
        <v>1433163</v>
      </c>
      <c r="HQ19" s="110">
        <v>0</v>
      </c>
      <c r="HR19" s="114">
        <v>7721089</v>
      </c>
      <c r="HS19" s="114">
        <v>7609666</v>
      </c>
      <c r="HT19" s="114">
        <v>5091049</v>
      </c>
      <c r="HU19" s="114">
        <v>4009236</v>
      </c>
      <c r="HV19" s="114">
        <v>2677165</v>
      </c>
      <c r="HW19" s="112">
        <v>27108205</v>
      </c>
      <c r="HX19" s="116">
        <v>28541368</v>
      </c>
      <c r="HY19" s="131">
        <v>32984</v>
      </c>
      <c r="HZ19" s="132">
        <v>200042</v>
      </c>
      <c r="IA19" s="133">
        <v>233026</v>
      </c>
      <c r="IB19" s="146">
        <v>0</v>
      </c>
      <c r="IC19" s="132">
        <v>10725662</v>
      </c>
      <c r="ID19" s="147">
        <v>14360333</v>
      </c>
      <c r="IE19" s="133">
        <v>14463124</v>
      </c>
      <c r="IF19" s="132">
        <v>10628196</v>
      </c>
      <c r="IG19" s="133">
        <v>6600921</v>
      </c>
      <c r="IH19" s="148">
        <v>56778236</v>
      </c>
      <c r="II19" s="139">
        <v>57011262</v>
      </c>
      <c r="IJ19" s="232">
        <v>0</v>
      </c>
      <c r="IK19" s="236">
        <v>0</v>
      </c>
      <c r="IL19" s="237">
        <v>0</v>
      </c>
      <c r="IM19" s="140"/>
      <c r="IN19" s="119">
        <v>80904</v>
      </c>
      <c r="IO19" s="119">
        <v>136457</v>
      </c>
      <c r="IP19" s="119">
        <v>205695</v>
      </c>
      <c r="IQ19" s="119">
        <v>0</v>
      </c>
      <c r="IR19" s="119">
        <v>0</v>
      </c>
      <c r="IS19" s="141">
        <v>423056</v>
      </c>
      <c r="IT19" s="321">
        <v>423056</v>
      </c>
      <c r="IU19" s="142">
        <v>0</v>
      </c>
      <c r="IV19" s="119">
        <v>0</v>
      </c>
      <c r="IW19" s="120">
        <v>0</v>
      </c>
      <c r="IX19" s="144"/>
      <c r="IY19" s="119">
        <v>0</v>
      </c>
      <c r="IZ19" s="119">
        <v>0</v>
      </c>
      <c r="JA19" s="119">
        <v>0</v>
      </c>
      <c r="JB19" s="119">
        <v>0</v>
      </c>
      <c r="JC19" s="119">
        <v>0</v>
      </c>
      <c r="JD19" s="120">
        <v>0</v>
      </c>
      <c r="JE19" s="121">
        <v>0</v>
      </c>
      <c r="JF19" s="142">
        <v>0</v>
      </c>
      <c r="JG19" s="119">
        <v>0</v>
      </c>
      <c r="JH19" s="141">
        <v>0</v>
      </c>
      <c r="JI19" s="118">
        <v>0</v>
      </c>
      <c r="JJ19" s="119">
        <v>6334700</v>
      </c>
      <c r="JK19" s="119">
        <v>7865794</v>
      </c>
      <c r="JL19" s="119">
        <v>4685879</v>
      </c>
      <c r="JM19" s="119">
        <v>3630480</v>
      </c>
      <c r="JN19" s="119">
        <v>1899437</v>
      </c>
      <c r="JO19" s="120">
        <v>24416290</v>
      </c>
      <c r="JP19" s="321">
        <v>24416290</v>
      </c>
      <c r="JQ19" s="142">
        <v>0</v>
      </c>
      <c r="JR19" s="119">
        <v>0</v>
      </c>
      <c r="JS19" s="141">
        <v>0</v>
      </c>
      <c r="JT19" s="118">
        <v>0</v>
      </c>
      <c r="JU19" s="119">
        <v>189853</v>
      </c>
      <c r="JV19" s="119">
        <v>169841</v>
      </c>
      <c r="JW19" s="119">
        <v>867136</v>
      </c>
      <c r="JX19" s="119">
        <v>795998</v>
      </c>
      <c r="JY19" s="119">
        <v>870976</v>
      </c>
      <c r="JZ19" s="120">
        <v>2893804</v>
      </c>
      <c r="KA19" s="321">
        <v>2893804</v>
      </c>
      <c r="KB19" s="234">
        <v>32984</v>
      </c>
      <c r="KC19" s="230">
        <v>200042</v>
      </c>
      <c r="KD19" s="120">
        <v>233026</v>
      </c>
      <c r="KE19" s="118">
        <v>0</v>
      </c>
      <c r="KF19" s="119">
        <v>1336944</v>
      </c>
      <c r="KG19" s="119">
        <v>2158163</v>
      </c>
      <c r="KH19" s="119">
        <v>696454</v>
      </c>
      <c r="KI19" s="119">
        <v>538059</v>
      </c>
      <c r="KJ19" s="119">
        <v>319997</v>
      </c>
      <c r="KK19" s="120">
        <v>5049617</v>
      </c>
      <c r="KL19" s="143">
        <v>5282643</v>
      </c>
      <c r="KM19" s="232">
        <v>0</v>
      </c>
      <c r="KN19" s="236">
        <v>0</v>
      </c>
      <c r="KO19" s="237">
        <v>0</v>
      </c>
      <c r="KP19" s="140"/>
      <c r="KQ19" s="119">
        <v>2783261</v>
      </c>
      <c r="KR19" s="119">
        <v>4030078</v>
      </c>
      <c r="KS19" s="119">
        <v>7246724</v>
      </c>
      <c r="KT19" s="119">
        <v>3867114</v>
      </c>
      <c r="KU19" s="119">
        <v>2487279</v>
      </c>
      <c r="KV19" s="120">
        <v>20414456</v>
      </c>
      <c r="KW19" s="321">
        <v>20414456</v>
      </c>
      <c r="KX19" s="142">
        <v>0</v>
      </c>
      <c r="KY19" s="119">
        <v>0</v>
      </c>
      <c r="KZ19" s="120">
        <v>0</v>
      </c>
      <c r="LA19" s="145"/>
      <c r="LB19" s="119">
        <v>0</v>
      </c>
      <c r="LC19" s="119">
        <v>0</v>
      </c>
      <c r="LD19" s="119">
        <v>761236</v>
      </c>
      <c r="LE19" s="119">
        <v>1796545</v>
      </c>
      <c r="LF19" s="119">
        <v>1023232</v>
      </c>
      <c r="LG19" s="120">
        <v>3581013</v>
      </c>
      <c r="LH19" s="121">
        <v>3581013</v>
      </c>
      <c r="LI19" s="142">
        <v>0</v>
      </c>
      <c r="LJ19" s="119">
        <v>0</v>
      </c>
      <c r="LK19" s="120">
        <v>0</v>
      </c>
      <c r="LL19" s="145"/>
      <c r="LM19" s="119">
        <v>0</v>
      </c>
      <c r="LN19" s="119">
        <v>0</v>
      </c>
      <c r="LO19" s="119">
        <v>0</v>
      </c>
      <c r="LP19" s="119">
        <v>0</v>
      </c>
      <c r="LQ19" s="119">
        <v>0</v>
      </c>
      <c r="LR19" s="120">
        <v>0</v>
      </c>
      <c r="LS19" s="321">
        <v>0</v>
      </c>
      <c r="LT19" s="142">
        <v>0</v>
      </c>
      <c r="LU19" s="119">
        <v>0</v>
      </c>
      <c r="LV19" s="120">
        <v>0</v>
      </c>
      <c r="LW19" s="145"/>
      <c r="LX19" s="119">
        <v>0</v>
      </c>
      <c r="LY19" s="119">
        <v>0</v>
      </c>
      <c r="LZ19" s="119">
        <v>0</v>
      </c>
      <c r="MA19" s="119">
        <v>0</v>
      </c>
      <c r="MB19" s="119">
        <v>0</v>
      </c>
      <c r="MC19" s="120">
        <v>0</v>
      </c>
      <c r="MD19" s="121">
        <v>0</v>
      </c>
      <c r="ME19" s="142">
        <v>0</v>
      </c>
      <c r="MF19" s="119">
        <v>0</v>
      </c>
      <c r="MG19" s="120">
        <v>0</v>
      </c>
      <c r="MH19" s="145"/>
      <c r="MI19" s="119">
        <v>4000607</v>
      </c>
      <c r="MJ19" s="119">
        <v>7076264</v>
      </c>
      <c r="MK19" s="119">
        <v>28380941</v>
      </c>
      <c r="ML19" s="119">
        <v>45508973</v>
      </c>
      <c r="MM19" s="119">
        <v>39570634</v>
      </c>
      <c r="MN19" s="120">
        <v>124537419</v>
      </c>
      <c r="MO19" s="143">
        <v>124537419</v>
      </c>
      <c r="MP19" s="142">
        <v>0</v>
      </c>
      <c r="MQ19" s="119">
        <v>0</v>
      </c>
      <c r="MR19" s="120">
        <v>0</v>
      </c>
      <c r="MS19" s="145"/>
      <c r="MT19" s="119">
        <v>560079</v>
      </c>
      <c r="MU19" s="119">
        <v>226297</v>
      </c>
      <c r="MV19" s="119">
        <v>17574012</v>
      </c>
      <c r="MW19" s="119">
        <v>37055961</v>
      </c>
      <c r="MX19" s="119">
        <v>32544480</v>
      </c>
      <c r="MY19" s="120">
        <v>87960829</v>
      </c>
      <c r="MZ19" s="143">
        <v>87960829</v>
      </c>
      <c r="NA19" s="142">
        <v>0</v>
      </c>
      <c r="NB19" s="119">
        <v>0</v>
      </c>
      <c r="NC19" s="120">
        <v>0</v>
      </c>
      <c r="ND19" s="145"/>
      <c r="NE19" s="119">
        <v>3440528</v>
      </c>
      <c r="NF19" s="119">
        <v>6849967</v>
      </c>
      <c r="NG19" s="119">
        <v>10806929</v>
      </c>
      <c r="NH19" s="119">
        <v>8453012</v>
      </c>
      <c r="NI19" s="119">
        <v>7026154</v>
      </c>
      <c r="NJ19" s="120">
        <v>36576590</v>
      </c>
      <c r="NK19" s="321">
        <v>36576590</v>
      </c>
      <c r="NL19" s="142">
        <v>0</v>
      </c>
      <c r="NM19" s="119">
        <v>0</v>
      </c>
      <c r="NN19" s="120">
        <v>0</v>
      </c>
      <c r="NO19" s="145"/>
      <c r="NP19" s="119">
        <v>0</v>
      </c>
      <c r="NQ19" s="119">
        <v>0</v>
      </c>
      <c r="NR19" s="119">
        <v>0</v>
      </c>
      <c r="NS19" s="119">
        <v>0</v>
      </c>
      <c r="NT19" s="119">
        <v>0</v>
      </c>
      <c r="NU19" s="120">
        <v>0</v>
      </c>
      <c r="NV19" s="121">
        <v>0</v>
      </c>
      <c r="NW19" s="142">
        <v>0</v>
      </c>
      <c r="NX19" s="119">
        <v>0</v>
      </c>
      <c r="NY19" s="120">
        <v>0</v>
      </c>
      <c r="NZ19" s="145"/>
      <c r="OA19" s="119">
        <v>0</v>
      </c>
      <c r="OB19" s="119">
        <v>0</v>
      </c>
      <c r="OC19" s="119">
        <v>0</v>
      </c>
      <c r="OD19" s="119">
        <v>0</v>
      </c>
      <c r="OE19" s="119">
        <v>0</v>
      </c>
      <c r="OF19" s="120">
        <v>0</v>
      </c>
      <c r="OG19" s="121">
        <v>0</v>
      </c>
      <c r="OH19" s="142">
        <v>3743293</v>
      </c>
      <c r="OI19" s="119">
        <v>6545935</v>
      </c>
      <c r="OJ19" s="141">
        <v>10289228</v>
      </c>
      <c r="OK19" s="118">
        <v>0</v>
      </c>
      <c r="OL19" s="119">
        <v>62184050</v>
      </c>
      <c r="OM19" s="119">
        <v>78859846</v>
      </c>
      <c r="ON19" s="119">
        <v>98214687</v>
      </c>
      <c r="OO19" s="119">
        <v>112674154</v>
      </c>
      <c r="OP19" s="119">
        <v>95253937</v>
      </c>
      <c r="OQ19" s="120">
        <v>447186674</v>
      </c>
      <c r="OR19" s="143">
        <v>457475902</v>
      </c>
    </row>
    <row r="20" spans="1:408" ht="18.75" customHeight="1" x14ac:dyDescent="0.2">
      <c r="A20" s="62" t="s">
        <v>15</v>
      </c>
      <c r="B20" s="110">
        <v>2001942</v>
      </c>
      <c r="C20" s="114">
        <v>4188247</v>
      </c>
      <c r="D20" s="113">
        <v>6190189</v>
      </c>
      <c r="E20" s="109">
        <v>0</v>
      </c>
      <c r="F20" s="114">
        <v>29306387</v>
      </c>
      <c r="G20" s="114">
        <v>46754294</v>
      </c>
      <c r="H20" s="114">
        <v>36085341</v>
      </c>
      <c r="I20" s="114">
        <v>34334514</v>
      </c>
      <c r="J20" s="114">
        <v>23668760</v>
      </c>
      <c r="K20" s="109">
        <v>170149296</v>
      </c>
      <c r="L20" s="116">
        <v>176339485</v>
      </c>
      <c r="M20" s="110">
        <v>176280</v>
      </c>
      <c r="N20" s="114">
        <v>529654</v>
      </c>
      <c r="O20" s="113">
        <v>705934</v>
      </c>
      <c r="P20" s="110">
        <v>0</v>
      </c>
      <c r="Q20" s="114">
        <v>6495072</v>
      </c>
      <c r="R20" s="114">
        <v>11704141</v>
      </c>
      <c r="S20" s="114">
        <v>8925255</v>
      </c>
      <c r="T20" s="114">
        <v>8315396</v>
      </c>
      <c r="U20" s="114">
        <v>11675663</v>
      </c>
      <c r="V20" s="113">
        <v>47115527</v>
      </c>
      <c r="W20" s="116">
        <v>47821461</v>
      </c>
      <c r="X20" s="110">
        <v>0</v>
      </c>
      <c r="Y20" s="114">
        <v>0</v>
      </c>
      <c r="Z20" s="113">
        <v>0</v>
      </c>
      <c r="AA20" s="110">
        <v>0</v>
      </c>
      <c r="AB20" s="114">
        <v>3198821</v>
      </c>
      <c r="AC20" s="114">
        <v>5730054</v>
      </c>
      <c r="AD20" s="114">
        <v>5269908</v>
      </c>
      <c r="AE20" s="114">
        <v>4631462</v>
      </c>
      <c r="AF20" s="114">
        <v>6050318</v>
      </c>
      <c r="AG20" s="113">
        <v>24880563</v>
      </c>
      <c r="AH20" s="116">
        <v>24880563</v>
      </c>
      <c r="AI20" s="110">
        <v>0</v>
      </c>
      <c r="AJ20" s="114">
        <v>0</v>
      </c>
      <c r="AK20" s="113">
        <v>0</v>
      </c>
      <c r="AL20" s="110">
        <v>0</v>
      </c>
      <c r="AM20" s="114">
        <v>0</v>
      </c>
      <c r="AN20" s="114">
        <v>385352</v>
      </c>
      <c r="AO20" s="114">
        <v>405640</v>
      </c>
      <c r="AP20" s="114">
        <v>624227</v>
      </c>
      <c r="AQ20" s="114">
        <v>2037135</v>
      </c>
      <c r="AR20" s="113">
        <v>3452354</v>
      </c>
      <c r="AS20" s="116">
        <v>3452354</v>
      </c>
      <c r="AT20" s="110">
        <v>45677</v>
      </c>
      <c r="AU20" s="114">
        <v>329028</v>
      </c>
      <c r="AV20" s="113">
        <v>374705</v>
      </c>
      <c r="AW20" s="110">
        <v>0</v>
      </c>
      <c r="AX20" s="114">
        <v>1249858</v>
      </c>
      <c r="AY20" s="114">
        <v>3518166</v>
      </c>
      <c r="AZ20" s="114">
        <v>1481256</v>
      </c>
      <c r="BA20" s="114">
        <v>1224906</v>
      </c>
      <c r="BB20" s="114">
        <v>2563441</v>
      </c>
      <c r="BC20" s="113">
        <v>10037627</v>
      </c>
      <c r="BD20" s="116">
        <v>10412332</v>
      </c>
      <c r="BE20" s="110">
        <v>0</v>
      </c>
      <c r="BF20" s="114">
        <v>23395</v>
      </c>
      <c r="BG20" s="112">
        <v>23395</v>
      </c>
      <c r="BH20" s="111">
        <v>0</v>
      </c>
      <c r="BI20" s="114">
        <v>136334</v>
      </c>
      <c r="BJ20" s="114">
        <v>269823</v>
      </c>
      <c r="BK20" s="114">
        <v>152555</v>
      </c>
      <c r="BL20" s="114">
        <v>153220</v>
      </c>
      <c r="BM20" s="114">
        <v>66926</v>
      </c>
      <c r="BN20" s="113">
        <v>778858</v>
      </c>
      <c r="BO20" s="116">
        <v>802253</v>
      </c>
      <c r="BP20" s="110">
        <v>130603</v>
      </c>
      <c r="BQ20" s="114">
        <v>177231</v>
      </c>
      <c r="BR20" s="113">
        <v>307834</v>
      </c>
      <c r="BS20" s="110">
        <v>0</v>
      </c>
      <c r="BT20" s="114">
        <v>1910059</v>
      </c>
      <c r="BU20" s="114">
        <v>1800746</v>
      </c>
      <c r="BV20" s="114">
        <v>1615896</v>
      </c>
      <c r="BW20" s="114">
        <v>1681581</v>
      </c>
      <c r="BX20" s="114">
        <v>957843</v>
      </c>
      <c r="BY20" s="113">
        <v>7966125</v>
      </c>
      <c r="BZ20" s="116">
        <v>8273959</v>
      </c>
      <c r="CA20" s="110">
        <v>23865</v>
      </c>
      <c r="CB20" s="114">
        <v>208944</v>
      </c>
      <c r="CC20" s="113">
        <v>232809</v>
      </c>
      <c r="CD20" s="110">
        <v>0</v>
      </c>
      <c r="CE20" s="114">
        <v>6352538</v>
      </c>
      <c r="CF20" s="114">
        <v>12601553</v>
      </c>
      <c r="CG20" s="114">
        <v>6317444</v>
      </c>
      <c r="CH20" s="114">
        <v>3063253</v>
      </c>
      <c r="CI20" s="114">
        <v>1852932</v>
      </c>
      <c r="CJ20" s="113">
        <v>30187720</v>
      </c>
      <c r="CK20" s="116">
        <v>30420529</v>
      </c>
      <c r="CL20" s="110">
        <v>0</v>
      </c>
      <c r="CM20" s="114">
        <v>0</v>
      </c>
      <c r="CN20" s="113">
        <v>0</v>
      </c>
      <c r="CO20" s="111">
        <v>0</v>
      </c>
      <c r="CP20" s="114">
        <v>4410965</v>
      </c>
      <c r="CQ20" s="114">
        <v>9730001</v>
      </c>
      <c r="CR20" s="114">
        <v>5049313</v>
      </c>
      <c r="CS20" s="114">
        <v>2083828</v>
      </c>
      <c r="CT20" s="114">
        <v>1604647</v>
      </c>
      <c r="CU20" s="113">
        <v>22878754</v>
      </c>
      <c r="CV20" s="116">
        <v>22878754</v>
      </c>
      <c r="CW20" s="110">
        <v>23865</v>
      </c>
      <c r="CX20" s="114">
        <v>208944</v>
      </c>
      <c r="CY20" s="113">
        <v>232809</v>
      </c>
      <c r="CZ20" s="110">
        <v>0</v>
      </c>
      <c r="DA20" s="114">
        <v>1941573</v>
      </c>
      <c r="DB20" s="114">
        <v>2871552</v>
      </c>
      <c r="DC20" s="114">
        <v>1268131</v>
      </c>
      <c r="DD20" s="114">
        <v>979425</v>
      </c>
      <c r="DE20" s="114">
        <v>248285</v>
      </c>
      <c r="DF20" s="113">
        <v>7308966</v>
      </c>
      <c r="DG20" s="116">
        <v>7541775</v>
      </c>
      <c r="DH20" s="110">
        <v>0</v>
      </c>
      <c r="DI20" s="114">
        <v>0</v>
      </c>
      <c r="DJ20" s="112">
        <v>0</v>
      </c>
      <c r="DK20" s="111">
        <v>0</v>
      </c>
      <c r="DL20" s="114">
        <v>737935</v>
      </c>
      <c r="DM20" s="114">
        <v>2676434</v>
      </c>
      <c r="DN20" s="114">
        <v>7163726</v>
      </c>
      <c r="DO20" s="114">
        <v>9266783</v>
      </c>
      <c r="DP20" s="114">
        <v>2193782</v>
      </c>
      <c r="DQ20" s="113">
        <v>22038660</v>
      </c>
      <c r="DR20" s="116">
        <v>22038660</v>
      </c>
      <c r="DS20" s="110">
        <v>0</v>
      </c>
      <c r="DT20" s="114">
        <v>0</v>
      </c>
      <c r="DU20" s="113">
        <v>0</v>
      </c>
      <c r="DV20" s="110">
        <v>0</v>
      </c>
      <c r="DW20" s="114">
        <v>610056</v>
      </c>
      <c r="DX20" s="114">
        <v>2534203</v>
      </c>
      <c r="DY20" s="114">
        <v>6667264</v>
      </c>
      <c r="DZ20" s="114">
        <v>9161478</v>
      </c>
      <c r="EA20" s="114">
        <v>2193782</v>
      </c>
      <c r="EB20" s="113">
        <v>21166783</v>
      </c>
      <c r="EC20" s="116">
        <v>21166783</v>
      </c>
      <c r="ED20" s="110">
        <v>0</v>
      </c>
      <c r="EE20" s="112">
        <v>0</v>
      </c>
      <c r="EF20" s="113">
        <v>0</v>
      </c>
      <c r="EG20" s="110">
        <v>0</v>
      </c>
      <c r="EH20" s="114">
        <v>127879</v>
      </c>
      <c r="EI20" s="114">
        <v>142231</v>
      </c>
      <c r="EJ20" s="114">
        <v>496462</v>
      </c>
      <c r="EK20" s="114">
        <v>105305</v>
      </c>
      <c r="EL20" s="114">
        <v>0</v>
      </c>
      <c r="EM20" s="112">
        <v>871877</v>
      </c>
      <c r="EN20" s="116">
        <v>871877</v>
      </c>
      <c r="EO20" s="110">
        <v>0</v>
      </c>
      <c r="EP20" s="114">
        <v>0</v>
      </c>
      <c r="EQ20" s="112">
        <v>0</v>
      </c>
      <c r="ER20" s="111">
        <v>0</v>
      </c>
      <c r="ES20" s="114">
        <v>0</v>
      </c>
      <c r="ET20" s="114">
        <v>0</v>
      </c>
      <c r="EU20" s="114">
        <v>0</v>
      </c>
      <c r="EV20" s="114">
        <v>0</v>
      </c>
      <c r="EW20" s="114">
        <v>0</v>
      </c>
      <c r="EX20" s="113">
        <v>0</v>
      </c>
      <c r="EY20" s="116">
        <v>0</v>
      </c>
      <c r="EZ20" s="110">
        <v>0</v>
      </c>
      <c r="FA20" s="114">
        <v>0</v>
      </c>
      <c r="FB20" s="112">
        <v>0</v>
      </c>
      <c r="FC20" s="348"/>
      <c r="FD20" s="114">
        <v>0</v>
      </c>
      <c r="FE20" s="114">
        <v>0</v>
      </c>
      <c r="FF20" s="114">
        <v>0</v>
      </c>
      <c r="FG20" s="114">
        <v>0</v>
      </c>
      <c r="FH20" s="114">
        <v>0</v>
      </c>
      <c r="FI20" s="113">
        <v>0</v>
      </c>
      <c r="FJ20" s="116">
        <v>0</v>
      </c>
      <c r="FK20" s="110">
        <v>562849</v>
      </c>
      <c r="FL20" s="114">
        <v>1117925</v>
      </c>
      <c r="FM20" s="113">
        <v>1680774</v>
      </c>
      <c r="FN20" s="110">
        <v>0</v>
      </c>
      <c r="FO20" s="114">
        <v>1597580</v>
      </c>
      <c r="FP20" s="114">
        <v>4991857</v>
      </c>
      <c r="FQ20" s="114">
        <v>2418746</v>
      </c>
      <c r="FR20" s="114">
        <v>2230714</v>
      </c>
      <c r="FS20" s="114">
        <v>1864725</v>
      </c>
      <c r="FT20" s="113">
        <v>13103622</v>
      </c>
      <c r="FU20" s="116">
        <v>14784396</v>
      </c>
      <c r="FV20" s="115">
        <v>291724</v>
      </c>
      <c r="FW20" s="114">
        <v>742765</v>
      </c>
      <c r="FX20" s="112">
        <v>1034489</v>
      </c>
      <c r="FY20" s="111">
        <v>0</v>
      </c>
      <c r="FZ20" s="114">
        <v>1099630</v>
      </c>
      <c r="GA20" s="114">
        <v>4376186</v>
      </c>
      <c r="GB20" s="114">
        <v>2395679</v>
      </c>
      <c r="GC20" s="114">
        <v>2108548</v>
      </c>
      <c r="GD20" s="114">
        <v>1664089</v>
      </c>
      <c r="GE20" s="113">
        <v>11644132</v>
      </c>
      <c r="GF20" s="319">
        <v>12678621</v>
      </c>
      <c r="GG20" s="115">
        <v>25740</v>
      </c>
      <c r="GH20" s="114">
        <v>78160</v>
      </c>
      <c r="GI20" s="112">
        <v>103900</v>
      </c>
      <c r="GJ20" s="111">
        <v>0</v>
      </c>
      <c r="GK20" s="114">
        <v>36000</v>
      </c>
      <c r="GL20" s="114">
        <v>108539</v>
      </c>
      <c r="GM20" s="114">
        <v>23067</v>
      </c>
      <c r="GN20" s="114">
        <v>122166</v>
      </c>
      <c r="GO20" s="114">
        <v>27796</v>
      </c>
      <c r="GP20" s="113">
        <v>317568</v>
      </c>
      <c r="GQ20" s="116">
        <v>421468</v>
      </c>
      <c r="GR20" s="110">
        <v>245385</v>
      </c>
      <c r="GS20" s="114">
        <v>297000</v>
      </c>
      <c r="GT20" s="113">
        <v>542385</v>
      </c>
      <c r="GU20" s="110">
        <v>0</v>
      </c>
      <c r="GV20" s="114">
        <v>461950</v>
      </c>
      <c r="GW20" s="114">
        <v>507132</v>
      </c>
      <c r="GX20" s="114">
        <v>0</v>
      </c>
      <c r="GY20" s="114">
        <v>0</v>
      </c>
      <c r="GZ20" s="114">
        <v>172840</v>
      </c>
      <c r="HA20" s="112">
        <v>1141922</v>
      </c>
      <c r="HB20" s="116">
        <v>1684307</v>
      </c>
      <c r="HC20" s="110">
        <v>966605</v>
      </c>
      <c r="HD20" s="114">
        <v>1575021</v>
      </c>
      <c r="HE20" s="112">
        <v>2541626</v>
      </c>
      <c r="HF20" s="111">
        <v>0</v>
      </c>
      <c r="HG20" s="114">
        <v>8775563</v>
      </c>
      <c r="HH20" s="114">
        <v>7499387</v>
      </c>
      <c r="HI20" s="114">
        <v>7342915</v>
      </c>
      <c r="HJ20" s="114">
        <v>8914026</v>
      </c>
      <c r="HK20" s="114">
        <v>4492615</v>
      </c>
      <c r="HL20" s="113">
        <v>37024506</v>
      </c>
      <c r="HM20" s="109">
        <v>39566132</v>
      </c>
      <c r="HN20" s="115">
        <v>272343</v>
      </c>
      <c r="HO20" s="114">
        <v>756703</v>
      </c>
      <c r="HP20" s="113">
        <v>1029046</v>
      </c>
      <c r="HQ20" s="110">
        <v>0</v>
      </c>
      <c r="HR20" s="114">
        <v>5347699</v>
      </c>
      <c r="HS20" s="114">
        <v>7280922</v>
      </c>
      <c r="HT20" s="114">
        <v>3917255</v>
      </c>
      <c r="HU20" s="114">
        <v>2544342</v>
      </c>
      <c r="HV20" s="114">
        <v>1589043</v>
      </c>
      <c r="HW20" s="112">
        <v>20679261</v>
      </c>
      <c r="HX20" s="116">
        <v>21708307</v>
      </c>
      <c r="HY20" s="150">
        <v>228339</v>
      </c>
      <c r="HZ20" s="135">
        <v>1621469</v>
      </c>
      <c r="IA20" s="150">
        <v>1849808</v>
      </c>
      <c r="IB20" s="134">
        <v>0</v>
      </c>
      <c r="IC20" s="135">
        <v>19593465</v>
      </c>
      <c r="ID20" s="136">
        <v>21031318</v>
      </c>
      <c r="IE20" s="137">
        <v>24207165</v>
      </c>
      <c r="IF20" s="135">
        <v>19025151</v>
      </c>
      <c r="IG20" s="137">
        <v>8271794</v>
      </c>
      <c r="IH20" s="138">
        <v>92128893</v>
      </c>
      <c r="II20" s="150">
        <v>93978701</v>
      </c>
      <c r="IJ20" s="232">
        <v>0</v>
      </c>
      <c r="IK20" s="236">
        <v>0</v>
      </c>
      <c r="IL20" s="237">
        <v>0</v>
      </c>
      <c r="IM20" s="140"/>
      <c r="IN20" s="119">
        <v>192089</v>
      </c>
      <c r="IO20" s="119">
        <v>612098</v>
      </c>
      <c r="IP20" s="119">
        <v>566522</v>
      </c>
      <c r="IQ20" s="119">
        <v>520288</v>
      </c>
      <c r="IR20" s="119">
        <v>1498516</v>
      </c>
      <c r="IS20" s="141">
        <v>3389513</v>
      </c>
      <c r="IT20" s="321">
        <v>3389513</v>
      </c>
      <c r="IU20" s="142">
        <v>0</v>
      </c>
      <c r="IV20" s="119">
        <v>0</v>
      </c>
      <c r="IW20" s="120">
        <v>0</v>
      </c>
      <c r="IX20" s="144"/>
      <c r="IY20" s="119">
        <v>0</v>
      </c>
      <c r="IZ20" s="119">
        <v>0</v>
      </c>
      <c r="JA20" s="119">
        <v>0</v>
      </c>
      <c r="JB20" s="119">
        <v>0</v>
      </c>
      <c r="JC20" s="119">
        <v>0</v>
      </c>
      <c r="JD20" s="120">
        <v>0</v>
      </c>
      <c r="JE20" s="121">
        <v>0</v>
      </c>
      <c r="JF20" s="142">
        <v>0</v>
      </c>
      <c r="JG20" s="119">
        <v>0</v>
      </c>
      <c r="JH20" s="141">
        <v>0</v>
      </c>
      <c r="JI20" s="118">
        <v>0</v>
      </c>
      <c r="JJ20" s="119">
        <v>5928783</v>
      </c>
      <c r="JK20" s="119">
        <v>10069744</v>
      </c>
      <c r="JL20" s="119">
        <v>5591386</v>
      </c>
      <c r="JM20" s="119">
        <v>3352145</v>
      </c>
      <c r="JN20" s="119">
        <v>998478</v>
      </c>
      <c r="JO20" s="120">
        <v>25940536</v>
      </c>
      <c r="JP20" s="321">
        <v>25940536</v>
      </c>
      <c r="JQ20" s="142">
        <v>0</v>
      </c>
      <c r="JR20" s="119">
        <v>0</v>
      </c>
      <c r="JS20" s="141">
        <v>0</v>
      </c>
      <c r="JT20" s="118">
        <v>0</v>
      </c>
      <c r="JU20" s="119">
        <v>210315</v>
      </c>
      <c r="JV20" s="119">
        <v>445572</v>
      </c>
      <c r="JW20" s="119">
        <v>653729</v>
      </c>
      <c r="JX20" s="119">
        <v>385794</v>
      </c>
      <c r="JY20" s="119">
        <v>33813</v>
      </c>
      <c r="JZ20" s="120">
        <v>1729223</v>
      </c>
      <c r="KA20" s="321">
        <v>1729223</v>
      </c>
      <c r="KB20" s="234">
        <v>228339</v>
      </c>
      <c r="KC20" s="230">
        <v>899280</v>
      </c>
      <c r="KD20" s="120">
        <v>1127619</v>
      </c>
      <c r="KE20" s="118">
        <v>0</v>
      </c>
      <c r="KF20" s="119">
        <v>2437690</v>
      </c>
      <c r="KG20" s="119">
        <v>3068340</v>
      </c>
      <c r="KH20" s="119">
        <v>3597262</v>
      </c>
      <c r="KI20" s="119">
        <v>4057358</v>
      </c>
      <c r="KJ20" s="119">
        <v>1233142</v>
      </c>
      <c r="KK20" s="120">
        <v>14393792</v>
      </c>
      <c r="KL20" s="143">
        <v>15521411</v>
      </c>
      <c r="KM20" s="232">
        <v>0</v>
      </c>
      <c r="KN20" s="236">
        <v>722189</v>
      </c>
      <c r="KO20" s="237">
        <v>722189</v>
      </c>
      <c r="KP20" s="140"/>
      <c r="KQ20" s="119">
        <v>10824588</v>
      </c>
      <c r="KR20" s="119">
        <v>6835564</v>
      </c>
      <c r="KS20" s="119">
        <v>10320107</v>
      </c>
      <c r="KT20" s="119">
        <v>7967983</v>
      </c>
      <c r="KU20" s="119">
        <v>3108793</v>
      </c>
      <c r="KV20" s="120">
        <v>39057035</v>
      </c>
      <c r="KW20" s="321">
        <v>39779224</v>
      </c>
      <c r="KX20" s="142">
        <v>0</v>
      </c>
      <c r="KY20" s="119">
        <v>0</v>
      </c>
      <c r="KZ20" s="120">
        <v>0</v>
      </c>
      <c r="LA20" s="145"/>
      <c r="LB20" s="119">
        <v>0</v>
      </c>
      <c r="LC20" s="119">
        <v>0</v>
      </c>
      <c r="LD20" s="119">
        <v>0</v>
      </c>
      <c r="LE20" s="119">
        <v>0</v>
      </c>
      <c r="LF20" s="119">
        <v>0</v>
      </c>
      <c r="LG20" s="120">
        <v>0</v>
      </c>
      <c r="LH20" s="121">
        <v>0</v>
      </c>
      <c r="LI20" s="142">
        <v>0</v>
      </c>
      <c r="LJ20" s="119">
        <v>0</v>
      </c>
      <c r="LK20" s="120">
        <v>0</v>
      </c>
      <c r="LL20" s="145"/>
      <c r="LM20" s="119">
        <v>0</v>
      </c>
      <c r="LN20" s="119">
        <v>0</v>
      </c>
      <c r="LO20" s="119">
        <v>3478159</v>
      </c>
      <c r="LP20" s="119">
        <v>2741583</v>
      </c>
      <c r="LQ20" s="119">
        <v>1399052</v>
      </c>
      <c r="LR20" s="120">
        <v>7618794</v>
      </c>
      <c r="LS20" s="321">
        <v>7618794</v>
      </c>
      <c r="LT20" s="142">
        <v>0</v>
      </c>
      <c r="LU20" s="119">
        <v>0</v>
      </c>
      <c r="LV20" s="120">
        <v>0</v>
      </c>
      <c r="LW20" s="145"/>
      <c r="LX20" s="119">
        <v>0</v>
      </c>
      <c r="LY20" s="119">
        <v>0</v>
      </c>
      <c r="LZ20" s="119">
        <v>0</v>
      </c>
      <c r="MA20" s="119">
        <v>0</v>
      </c>
      <c r="MB20" s="119">
        <v>0</v>
      </c>
      <c r="MC20" s="120">
        <v>0</v>
      </c>
      <c r="MD20" s="121">
        <v>0</v>
      </c>
      <c r="ME20" s="142">
        <v>0</v>
      </c>
      <c r="MF20" s="119">
        <v>0</v>
      </c>
      <c r="MG20" s="120">
        <v>0</v>
      </c>
      <c r="MH20" s="145"/>
      <c r="MI20" s="119">
        <v>7226561</v>
      </c>
      <c r="MJ20" s="119">
        <v>10728695</v>
      </c>
      <c r="MK20" s="119">
        <v>32398702</v>
      </c>
      <c r="ML20" s="119">
        <v>49332352</v>
      </c>
      <c r="MM20" s="119">
        <v>30577505</v>
      </c>
      <c r="MN20" s="120">
        <v>130263815</v>
      </c>
      <c r="MO20" s="143">
        <v>130263815</v>
      </c>
      <c r="MP20" s="142">
        <v>0</v>
      </c>
      <c r="MQ20" s="119">
        <v>0</v>
      </c>
      <c r="MR20" s="120">
        <v>0</v>
      </c>
      <c r="MS20" s="145"/>
      <c r="MT20" s="119">
        <v>0</v>
      </c>
      <c r="MU20" s="119">
        <v>205684</v>
      </c>
      <c r="MV20" s="119">
        <v>20793885</v>
      </c>
      <c r="MW20" s="119">
        <v>35105333</v>
      </c>
      <c r="MX20" s="119">
        <v>21654016</v>
      </c>
      <c r="MY20" s="120">
        <v>77758918</v>
      </c>
      <c r="MZ20" s="143">
        <v>77758918</v>
      </c>
      <c r="NA20" s="142">
        <v>0</v>
      </c>
      <c r="NB20" s="119">
        <v>0</v>
      </c>
      <c r="NC20" s="120">
        <v>0</v>
      </c>
      <c r="ND20" s="145"/>
      <c r="NE20" s="119">
        <v>7226561</v>
      </c>
      <c r="NF20" s="119">
        <v>10523011</v>
      </c>
      <c r="NG20" s="119">
        <v>11604817</v>
      </c>
      <c r="NH20" s="119">
        <v>14227019</v>
      </c>
      <c r="NI20" s="119">
        <v>8574244</v>
      </c>
      <c r="NJ20" s="120">
        <v>52155652</v>
      </c>
      <c r="NK20" s="321">
        <v>52155652</v>
      </c>
      <c r="NL20" s="142">
        <v>0</v>
      </c>
      <c r="NM20" s="119">
        <v>0</v>
      </c>
      <c r="NN20" s="120">
        <v>0</v>
      </c>
      <c r="NO20" s="145"/>
      <c r="NP20" s="119">
        <v>0</v>
      </c>
      <c r="NQ20" s="119">
        <v>0</v>
      </c>
      <c r="NR20" s="119">
        <v>0</v>
      </c>
      <c r="NS20" s="119">
        <v>0</v>
      </c>
      <c r="NT20" s="119">
        <v>349245</v>
      </c>
      <c r="NU20" s="120">
        <v>349245</v>
      </c>
      <c r="NV20" s="121">
        <v>349245</v>
      </c>
      <c r="NW20" s="142">
        <v>0</v>
      </c>
      <c r="NX20" s="119">
        <v>0</v>
      </c>
      <c r="NY20" s="120">
        <v>0</v>
      </c>
      <c r="NZ20" s="145"/>
      <c r="OA20" s="119">
        <v>0</v>
      </c>
      <c r="OB20" s="119">
        <v>0</v>
      </c>
      <c r="OC20" s="119">
        <v>0</v>
      </c>
      <c r="OD20" s="119">
        <v>0</v>
      </c>
      <c r="OE20" s="119">
        <v>0</v>
      </c>
      <c r="OF20" s="120">
        <v>0</v>
      </c>
      <c r="OG20" s="121">
        <v>0</v>
      </c>
      <c r="OH20" s="142">
        <v>2230281</v>
      </c>
      <c r="OI20" s="119">
        <v>5809716</v>
      </c>
      <c r="OJ20" s="141">
        <v>8039997</v>
      </c>
      <c r="OK20" s="118">
        <v>0</v>
      </c>
      <c r="OL20" s="119">
        <v>56126413</v>
      </c>
      <c r="OM20" s="119">
        <v>78514307</v>
      </c>
      <c r="ON20" s="119">
        <v>92691208</v>
      </c>
      <c r="OO20" s="119">
        <v>102692017</v>
      </c>
      <c r="OP20" s="119">
        <v>62518059</v>
      </c>
      <c r="OQ20" s="120">
        <v>392542004</v>
      </c>
      <c r="OR20" s="143">
        <v>400582001</v>
      </c>
    </row>
    <row r="21" spans="1:408" ht="18.75" customHeight="1" x14ac:dyDescent="0.2">
      <c r="A21" s="62" t="s">
        <v>16</v>
      </c>
      <c r="B21" s="110">
        <v>6199658</v>
      </c>
      <c r="C21" s="114">
        <v>11351933</v>
      </c>
      <c r="D21" s="113">
        <v>17551591</v>
      </c>
      <c r="E21" s="109">
        <v>0</v>
      </c>
      <c r="F21" s="114">
        <v>77723676</v>
      </c>
      <c r="G21" s="114">
        <v>125028241</v>
      </c>
      <c r="H21" s="114">
        <v>110074457</v>
      </c>
      <c r="I21" s="114">
        <v>95731260</v>
      </c>
      <c r="J21" s="114">
        <v>73348859</v>
      </c>
      <c r="K21" s="109">
        <v>481906493</v>
      </c>
      <c r="L21" s="116">
        <v>499458084</v>
      </c>
      <c r="M21" s="110">
        <v>866639</v>
      </c>
      <c r="N21" s="114">
        <v>2067507</v>
      </c>
      <c r="O21" s="113">
        <v>2934146</v>
      </c>
      <c r="P21" s="110">
        <v>0</v>
      </c>
      <c r="Q21" s="114">
        <v>15490062</v>
      </c>
      <c r="R21" s="114">
        <v>27881174</v>
      </c>
      <c r="S21" s="114">
        <v>27080087</v>
      </c>
      <c r="T21" s="114">
        <v>27136591</v>
      </c>
      <c r="U21" s="114">
        <v>26074266</v>
      </c>
      <c r="V21" s="113">
        <v>123662180</v>
      </c>
      <c r="W21" s="116">
        <v>126596326</v>
      </c>
      <c r="X21" s="110">
        <v>0</v>
      </c>
      <c r="Y21" s="114">
        <v>0</v>
      </c>
      <c r="Z21" s="113">
        <v>0</v>
      </c>
      <c r="AA21" s="110">
        <v>0</v>
      </c>
      <c r="AB21" s="114">
        <v>6931735</v>
      </c>
      <c r="AC21" s="114">
        <v>11239032</v>
      </c>
      <c r="AD21" s="114">
        <v>13985417</v>
      </c>
      <c r="AE21" s="114">
        <v>14434449</v>
      </c>
      <c r="AF21" s="114">
        <v>12251310</v>
      </c>
      <c r="AG21" s="113">
        <v>58841943</v>
      </c>
      <c r="AH21" s="116">
        <v>58841943</v>
      </c>
      <c r="AI21" s="110">
        <v>0</v>
      </c>
      <c r="AJ21" s="114">
        <v>0</v>
      </c>
      <c r="AK21" s="113">
        <v>0</v>
      </c>
      <c r="AL21" s="110">
        <v>0</v>
      </c>
      <c r="AM21" s="114">
        <v>101430</v>
      </c>
      <c r="AN21" s="114">
        <v>645400</v>
      </c>
      <c r="AO21" s="114">
        <v>836951</v>
      </c>
      <c r="AP21" s="114">
        <v>1270847</v>
      </c>
      <c r="AQ21" s="114">
        <v>3305262</v>
      </c>
      <c r="AR21" s="113">
        <v>6159890</v>
      </c>
      <c r="AS21" s="116">
        <v>6159890</v>
      </c>
      <c r="AT21" s="110">
        <v>455573</v>
      </c>
      <c r="AU21" s="114">
        <v>1564264</v>
      </c>
      <c r="AV21" s="113">
        <v>2019837</v>
      </c>
      <c r="AW21" s="110">
        <v>0</v>
      </c>
      <c r="AX21" s="114">
        <v>5423401</v>
      </c>
      <c r="AY21" s="114">
        <v>11983351</v>
      </c>
      <c r="AZ21" s="114">
        <v>7939177</v>
      </c>
      <c r="BA21" s="114">
        <v>7539595</v>
      </c>
      <c r="BB21" s="114">
        <v>7160384</v>
      </c>
      <c r="BC21" s="113">
        <v>40045908</v>
      </c>
      <c r="BD21" s="116">
        <v>42065745</v>
      </c>
      <c r="BE21" s="110">
        <v>0</v>
      </c>
      <c r="BF21" s="114">
        <v>196331</v>
      </c>
      <c r="BG21" s="112">
        <v>196331</v>
      </c>
      <c r="BH21" s="111">
        <v>0</v>
      </c>
      <c r="BI21" s="114">
        <v>346392</v>
      </c>
      <c r="BJ21" s="114">
        <v>734347</v>
      </c>
      <c r="BK21" s="114">
        <v>1065382</v>
      </c>
      <c r="BL21" s="114">
        <v>222527</v>
      </c>
      <c r="BM21" s="114">
        <v>382433</v>
      </c>
      <c r="BN21" s="113">
        <v>2751081</v>
      </c>
      <c r="BO21" s="116">
        <v>2947412</v>
      </c>
      <c r="BP21" s="110">
        <v>411066</v>
      </c>
      <c r="BQ21" s="114">
        <v>306912</v>
      </c>
      <c r="BR21" s="113">
        <v>717978</v>
      </c>
      <c r="BS21" s="110">
        <v>0</v>
      </c>
      <c r="BT21" s="114">
        <v>2687104</v>
      </c>
      <c r="BU21" s="114">
        <v>3279044</v>
      </c>
      <c r="BV21" s="114">
        <v>3253160</v>
      </c>
      <c r="BW21" s="114">
        <v>3669173</v>
      </c>
      <c r="BX21" s="114">
        <v>2974877</v>
      </c>
      <c r="BY21" s="113">
        <v>15863358</v>
      </c>
      <c r="BZ21" s="116">
        <v>16581336</v>
      </c>
      <c r="CA21" s="110">
        <v>1161101</v>
      </c>
      <c r="CB21" s="114">
        <v>3685269</v>
      </c>
      <c r="CC21" s="113">
        <v>4846370</v>
      </c>
      <c r="CD21" s="110">
        <v>0</v>
      </c>
      <c r="CE21" s="114">
        <v>28886782</v>
      </c>
      <c r="CF21" s="114">
        <v>48540728</v>
      </c>
      <c r="CG21" s="114">
        <v>38461329</v>
      </c>
      <c r="CH21" s="114">
        <v>24372837</v>
      </c>
      <c r="CI21" s="114">
        <v>14344541</v>
      </c>
      <c r="CJ21" s="113">
        <v>154606217</v>
      </c>
      <c r="CK21" s="116">
        <v>159452587</v>
      </c>
      <c r="CL21" s="110">
        <v>0</v>
      </c>
      <c r="CM21" s="114">
        <v>0</v>
      </c>
      <c r="CN21" s="113">
        <v>0</v>
      </c>
      <c r="CO21" s="111">
        <v>0</v>
      </c>
      <c r="CP21" s="114">
        <v>18492457</v>
      </c>
      <c r="CQ21" s="114">
        <v>29808775</v>
      </c>
      <c r="CR21" s="114">
        <v>28445381</v>
      </c>
      <c r="CS21" s="114">
        <v>18288466</v>
      </c>
      <c r="CT21" s="114">
        <v>11311664</v>
      </c>
      <c r="CU21" s="113">
        <v>106346743</v>
      </c>
      <c r="CV21" s="116">
        <v>106346743</v>
      </c>
      <c r="CW21" s="110">
        <v>1161101</v>
      </c>
      <c r="CX21" s="114">
        <v>3685269</v>
      </c>
      <c r="CY21" s="113">
        <v>4846370</v>
      </c>
      <c r="CZ21" s="110">
        <v>0</v>
      </c>
      <c r="DA21" s="114">
        <v>10394325</v>
      </c>
      <c r="DB21" s="114">
        <v>18731953</v>
      </c>
      <c r="DC21" s="114">
        <v>10015948</v>
      </c>
      <c r="DD21" s="114">
        <v>6084371</v>
      </c>
      <c r="DE21" s="114">
        <v>3032877</v>
      </c>
      <c r="DF21" s="113">
        <v>48259474</v>
      </c>
      <c r="DG21" s="116">
        <v>53105844</v>
      </c>
      <c r="DH21" s="110">
        <v>46642</v>
      </c>
      <c r="DI21" s="114">
        <v>39344</v>
      </c>
      <c r="DJ21" s="112">
        <v>85986</v>
      </c>
      <c r="DK21" s="111">
        <v>0</v>
      </c>
      <c r="DL21" s="114">
        <v>2000886</v>
      </c>
      <c r="DM21" s="114">
        <v>3853180</v>
      </c>
      <c r="DN21" s="114">
        <v>9960965</v>
      </c>
      <c r="DO21" s="114">
        <v>5431038</v>
      </c>
      <c r="DP21" s="114">
        <v>2811489</v>
      </c>
      <c r="DQ21" s="113">
        <v>24057558</v>
      </c>
      <c r="DR21" s="116">
        <v>24143544</v>
      </c>
      <c r="DS21" s="110">
        <v>46642</v>
      </c>
      <c r="DT21" s="114">
        <v>39344</v>
      </c>
      <c r="DU21" s="113">
        <v>85986</v>
      </c>
      <c r="DV21" s="110">
        <v>0</v>
      </c>
      <c r="DW21" s="114">
        <v>1885047</v>
      </c>
      <c r="DX21" s="114">
        <v>3714058</v>
      </c>
      <c r="DY21" s="114">
        <v>9149683</v>
      </c>
      <c r="DZ21" s="114">
        <v>4701534</v>
      </c>
      <c r="EA21" s="114">
        <v>2549822</v>
      </c>
      <c r="EB21" s="113">
        <v>22000144</v>
      </c>
      <c r="EC21" s="116">
        <v>22086130</v>
      </c>
      <c r="ED21" s="110">
        <v>0</v>
      </c>
      <c r="EE21" s="112">
        <v>0</v>
      </c>
      <c r="EF21" s="113">
        <v>0</v>
      </c>
      <c r="EG21" s="110">
        <v>0</v>
      </c>
      <c r="EH21" s="114">
        <v>115839</v>
      </c>
      <c r="EI21" s="114">
        <v>139122</v>
      </c>
      <c r="EJ21" s="114">
        <v>811282</v>
      </c>
      <c r="EK21" s="114">
        <v>729504</v>
      </c>
      <c r="EL21" s="114">
        <v>261667</v>
      </c>
      <c r="EM21" s="112">
        <v>2057414</v>
      </c>
      <c r="EN21" s="116">
        <v>2057414</v>
      </c>
      <c r="EO21" s="110">
        <v>0</v>
      </c>
      <c r="EP21" s="114">
        <v>0</v>
      </c>
      <c r="EQ21" s="112">
        <v>0</v>
      </c>
      <c r="ER21" s="111">
        <v>0</v>
      </c>
      <c r="ES21" s="114">
        <v>0</v>
      </c>
      <c r="ET21" s="114">
        <v>0</v>
      </c>
      <c r="EU21" s="114">
        <v>0</v>
      </c>
      <c r="EV21" s="114">
        <v>0</v>
      </c>
      <c r="EW21" s="114">
        <v>0</v>
      </c>
      <c r="EX21" s="113">
        <v>0</v>
      </c>
      <c r="EY21" s="116">
        <v>0</v>
      </c>
      <c r="EZ21" s="110">
        <v>0</v>
      </c>
      <c r="FA21" s="114">
        <v>0</v>
      </c>
      <c r="FB21" s="112">
        <v>0</v>
      </c>
      <c r="FC21" s="348"/>
      <c r="FD21" s="114">
        <v>0</v>
      </c>
      <c r="FE21" s="114">
        <v>0</v>
      </c>
      <c r="FF21" s="114">
        <v>0</v>
      </c>
      <c r="FG21" s="114">
        <v>0</v>
      </c>
      <c r="FH21" s="114">
        <v>0</v>
      </c>
      <c r="FI21" s="113">
        <v>0</v>
      </c>
      <c r="FJ21" s="116">
        <v>0</v>
      </c>
      <c r="FK21" s="110">
        <v>1596107</v>
      </c>
      <c r="FL21" s="114">
        <v>2340254</v>
      </c>
      <c r="FM21" s="113">
        <v>3936361</v>
      </c>
      <c r="FN21" s="110">
        <v>0</v>
      </c>
      <c r="FO21" s="114">
        <v>3725157</v>
      </c>
      <c r="FP21" s="114">
        <v>11485921</v>
      </c>
      <c r="FQ21" s="114">
        <v>8134085</v>
      </c>
      <c r="FR21" s="114">
        <v>7612380</v>
      </c>
      <c r="FS21" s="114">
        <v>5630197</v>
      </c>
      <c r="FT21" s="113">
        <v>36587740</v>
      </c>
      <c r="FU21" s="116">
        <v>40524101</v>
      </c>
      <c r="FV21" s="115">
        <v>875903</v>
      </c>
      <c r="FW21" s="114">
        <v>2050481</v>
      </c>
      <c r="FX21" s="112">
        <v>2926384</v>
      </c>
      <c r="FY21" s="111">
        <v>0</v>
      </c>
      <c r="FZ21" s="114">
        <v>3016618</v>
      </c>
      <c r="GA21" s="114">
        <v>10789690</v>
      </c>
      <c r="GB21" s="114">
        <v>7743539</v>
      </c>
      <c r="GC21" s="114">
        <v>6945264</v>
      </c>
      <c r="GD21" s="114">
        <v>5494950</v>
      </c>
      <c r="GE21" s="113">
        <v>33990061</v>
      </c>
      <c r="GF21" s="319">
        <v>36916445</v>
      </c>
      <c r="GG21" s="115">
        <v>83704</v>
      </c>
      <c r="GH21" s="114">
        <v>83061</v>
      </c>
      <c r="GI21" s="112">
        <v>166765</v>
      </c>
      <c r="GJ21" s="111">
        <v>0</v>
      </c>
      <c r="GK21" s="114">
        <v>191164</v>
      </c>
      <c r="GL21" s="114">
        <v>243331</v>
      </c>
      <c r="GM21" s="114">
        <v>120546</v>
      </c>
      <c r="GN21" s="114">
        <v>282744</v>
      </c>
      <c r="GO21" s="114">
        <v>20047</v>
      </c>
      <c r="GP21" s="113">
        <v>857832</v>
      </c>
      <c r="GQ21" s="116">
        <v>1024597</v>
      </c>
      <c r="GR21" s="110">
        <v>636500</v>
      </c>
      <c r="GS21" s="114">
        <v>206712</v>
      </c>
      <c r="GT21" s="113">
        <v>843212</v>
      </c>
      <c r="GU21" s="110">
        <v>0</v>
      </c>
      <c r="GV21" s="114">
        <v>517375</v>
      </c>
      <c r="GW21" s="114">
        <v>452900</v>
      </c>
      <c r="GX21" s="114">
        <v>270000</v>
      </c>
      <c r="GY21" s="114">
        <v>384372</v>
      </c>
      <c r="GZ21" s="114">
        <v>115200</v>
      </c>
      <c r="HA21" s="112">
        <v>1739847</v>
      </c>
      <c r="HB21" s="116">
        <v>2583059</v>
      </c>
      <c r="HC21" s="110">
        <v>1551194</v>
      </c>
      <c r="HD21" s="114">
        <v>1395949</v>
      </c>
      <c r="HE21" s="112">
        <v>2947143</v>
      </c>
      <c r="HF21" s="111">
        <v>0</v>
      </c>
      <c r="HG21" s="114">
        <v>15669948</v>
      </c>
      <c r="HH21" s="114">
        <v>18323114</v>
      </c>
      <c r="HI21" s="114">
        <v>16362016</v>
      </c>
      <c r="HJ21" s="114">
        <v>24663422</v>
      </c>
      <c r="HK21" s="114">
        <v>20522523</v>
      </c>
      <c r="HL21" s="113">
        <v>95541023</v>
      </c>
      <c r="HM21" s="109">
        <v>98488166</v>
      </c>
      <c r="HN21" s="115">
        <v>977975</v>
      </c>
      <c r="HO21" s="114">
        <v>1823610</v>
      </c>
      <c r="HP21" s="113">
        <v>2801585</v>
      </c>
      <c r="HQ21" s="110">
        <v>0</v>
      </c>
      <c r="HR21" s="114">
        <v>11950841</v>
      </c>
      <c r="HS21" s="114">
        <v>14944124</v>
      </c>
      <c r="HT21" s="114">
        <v>10075975</v>
      </c>
      <c r="HU21" s="114">
        <v>6514992</v>
      </c>
      <c r="HV21" s="114">
        <v>3965843</v>
      </c>
      <c r="HW21" s="112">
        <v>47451775</v>
      </c>
      <c r="HX21" s="116">
        <v>50253360</v>
      </c>
      <c r="HY21" s="131">
        <v>87197</v>
      </c>
      <c r="HZ21" s="132">
        <v>85011</v>
      </c>
      <c r="IA21" s="133">
        <v>172208</v>
      </c>
      <c r="IB21" s="146">
        <v>0</v>
      </c>
      <c r="IC21" s="132">
        <v>15248402</v>
      </c>
      <c r="ID21" s="147">
        <v>29172605</v>
      </c>
      <c r="IE21" s="133">
        <v>34687333</v>
      </c>
      <c r="IF21" s="132">
        <v>23607033</v>
      </c>
      <c r="IG21" s="133">
        <v>20047193</v>
      </c>
      <c r="IH21" s="148">
        <v>122762566</v>
      </c>
      <c r="II21" s="139">
        <v>122934774</v>
      </c>
      <c r="IJ21" s="232">
        <v>0</v>
      </c>
      <c r="IK21" s="236">
        <v>0</v>
      </c>
      <c r="IL21" s="237">
        <v>0</v>
      </c>
      <c r="IM21" s="140"/>
      <c r="IN21" s="119">
        <v>666486</v>
      </c>
      <c r="IO21" s="119">
        <v>1664347</v>
      </c>
      <c r="IP21" s="119">
        <v>1438954</v>
      </c>
      <c r="IQ21" s="119">
        <v>2645763</v>
      </c>
      <c r="IR21" s="119">
        <v>2114829</v>
      </c>
      <c r="IS21" s="141">
        <v>8530379</v>
      </c>
      <c r="IT21" s="321">
        <v>8530379</v>
      </c>
      <c r="IU21" s="142">
        <v>0</v>
      </c>
      <c r="IV21" s="119">
        <v>0</v>
      </c>
      <c r="IW21" s="120">
        <v>0</v>
      </c>
      <c r="IX21" s="144"/>
      <c r="IY21" s="119">
        <v>0</v>
      </c>
      <c r="IZ21" s="119">
        <v>33576</v>
      </c>
      <c r="JA21" s="119">
        <v>51538</v>
      </c>
      <c r="JB21" s="119">
        <v>85318</v>
      </c>
      <c r="JC21" s="119">
        <v>0</v>
      </c>
      <c r="JD21" s="120">
        <v>170432</v>
      </c>
      <c r="JE21" s="121">
        <v>170432</v>
      </c>
      <c r="JF21" s="142">
        <v>0</v>
      </c>
      <c r="JG21" s="119">
        <v>0</v>
      </c>
      <c r="JH21" s="141">
        <v>0</v>
      </c>
      <c r="JI21" s="118">
        <v>0</v>
      </c>
      <c r="JJ21" s="119">
        <v>8557103</v>
      </c>
      <c r="JK21" s="119">
        <v>10477797</v>
      </c>
      <c r="JL21" s="119">
        <v>8663169</v>
      </c>
      <c r="JM21" s="119">
        <v>4781249</v>
      </c>
      <c r="JN21" s="119">
        <v>2242596</v>
      </c>
      <c r="JO21" s="120">
        <v>34721914</v>
      </c>
      <c r="JP21" s="321">
        <v>34721914</v>
      </c>
      <c r="JQ21" s="142">
        <v>0</v>
      </c>
      <c r="JR21" s="119">
        <v>0</v>
      </c>
      <c r="JS21" s="141">
        <v>0</v>
      </c>
      <c r="JT21" s="118">
        <v>0</v>
      </c>
      <c r="JU21" s="119">
        <v>346860</v>
      </c>
      <c r="JV21" s="119">
        <v>1156800</v>
      </c>
      <c r="JW21" s="119">
        <v>1057140</v>
      </c>
      <c r="JX21" s="119">
        <v>793766</v>
      </c>
      <c r="JY21" s="119">
        <v>1241832</v>
      </c>
      <c r="JZ21" s="120">
        <v>4596398</v>
      </c>
      <c r="KA21" s="321">
        <v>4596398</v>
      </c>
      <c r="KB21" s="234">
        <v>87197</v>
      </c>
      <c r="KC21" s="230">
        <v>85011</v>
      </c>
      <c r="KD21" s="120">
        <v>172208</v>
      </c>
      <c r="KE21" s="118">
        <v>0</v>
      </c>
      <c r="KF21" s="119">
        <v>1149452</v>
      </c>
      <c r="KG21" s="119">
        <v>2906488</v>
      </c>
      <c r="KH21" s="119">
        <v>3867357</v>
      </c>
      <c r="KI21" s="119">
        <v>4342107</v>
      </c>
      <c r="KJ21" s="119">
        <v>3145733</v>
      </c>
      <c r="KK21" s="120">
        <v>15411137</v>
      </c>
      <c r="KL21" s="143">
        <v>15583345</v>
      </c>
      <c r="KM21" s="232">
        <v>0</v>
      </c>
      <c r="KN21" s="236">
        <v>0</v>
      </c>
      <c r="KO21" s="237">
        <v>0</v>
      </c>
      <c r="KP21" s="140"/>
      <c r="KQ21" s="119">
        <v>4122009</v>
      </c>
      <c r="KR21" s="119">
        <v>11582459</v>
      </c>
      <c r="KS21" s="119">
        <v>16386806</v>
      </c>
      <c r="KT21" s="119">
        <v>8729996</v>
      </c>
      <c r="KU21" s="119">
        <v>7648344</v>
      </c>
      <c r="KV21" s="120">
        <v>48469614</v>
      </c>
      <c r="KW21" s="321">
        <v>48469614</v>
      </c>
      <c r="KX21" s="142">
        <v>0</v>
      </c>
      <c r="KY21" s="119">
        <v>0</v>
      </c>
      <c r="KZ21" s="120">
        <v>0</v>
      </c>
      <c r="LA21" s="145"/>
      <c r="LB21" s="119">
        <v>0</v>
      </c>
      <c r="LC21" s="119">
        <v>0</v>
      </c>
      <c r="LD21" s="119">
        <v>0</v>
      </c>
      <c r="LE21" s="119">
        <v>0</v>
      </c>
      <c r="LF21" s="119">
        <v>0</v>
      </c>
      <c r="LG21" s="120">
        <v>0</v>
      </c>
      <c r="LH21" s="121">
        <v>0</v>
      </c>
      <c r="LI21" s="142">
        <v>0</v>
      </c>
      <c r="LJ21" s="119">
        <v>0</v>
      </c>
      <c r="LK21" s="120">
        <v>0</v>
      </c>
      <c r="LL21" s="145"/>
      <c r="LM21" s="119">
        <v>217718</v>
      </c>
      <c r="LN21" s="119">
        <v>476882</v>
      </c>
      <c r="LO21" s="119">
        <v>1937481</v>
      </c>
      <c r="LP21" s="119">
        <v>1938871</v>
      </c>
      <c r="LQ21" s="119">
        <v>2645248</v>
      </c>
      <c r="LR21" s="120">
        <v>7216200</v>
      </c>
      <c r="LS21" s="321">
        <v>7216200</v>
      </c>
      <c r="LT21" s="142">
        <v>0</v>
      </c>
      <c r="LU21" s="119">
        <v>0</v>
      </c>
      <c r="LV21" s="120">
        <v>0</v>
      </c>
      <c r="LW21" s="145"/>
      <c r="LX21" s="119">
        <v>188774</v>
      </c>
      <c r="LY21" s="119">
        <v>874256</v>
      </c>
      <c r="LZ21" s="119">
        <v>1284888</v>
      </c>
      <c r="MA21" s="119">
        <v>289963</v>
      </c>
      <c r="MB21" s="119">
        <v>1008611</v>
      </c>
      <c r="MC21" s="120">
        <v>3646492</v>
      </c>
      <c r="MD21" s="121">
        <v>3646492</v>
      </c>
      <c r="ME21" s="142">
        <v>0</v>
      </c>
      <c r="MF21" s="119">
        <v>0</v>
      </c>
      <c r="MG21" s="120">
        <v>0</v>
      </c>
      <c r="MH21" s="145"/>
      <c r="MI21" s="119">
        <v>18538686</v>
      </c>
      <c r="MJ21" s="119">
        <v>30207185</v>
      </c>
      <c r="MK21" s="119">
        <v>86638239</v>
      </c>
      <c r="ML21" s="119">
        <v>123532214</v>
      </c>
      <c r="MM21" s="119">
        <v>81348061</v>
      </c>
      <c r="MN21" s="120">
        <v>340264385</v>
      </c>
      <c r="MO21" s="143">
        <v>340264385</v>
      </c>
      <c r="MP21" s="142">
        <v>0</v>
      </c>
      <c r="MQ21" s="119">
        <v>0</v>
      </c>
      <c r="MR21" s="120">
        <v>0</v>
      </c>
      <c r="MS21" s="145"/>
      <c r="MT21" s="119">
        <v>1488156</v>
      </c>
      <c r="MU21" s="119">
        <v>5275542</v>
      </c>
      <c r="MV21" s="119">
        <v>47227670</v>
      </c>
      <c r="MW21" s="119">
        <v>74680499</v>
      </c>
      <c r="MX21" s="119">
        <v>59214902</v>
      </c>
      <c r="MY21" s="120">
        <v>187886769</v>
      </c>
      <c r="MZ21" s="143">
        <v>187886769</v>
      </c>
      <c r="NA21" s="142">
        <v>0</v>
      </c>
      <c r="NB21" s="119">
        <v>0</v>
      </c>
      <c r="NC21" s="120">
        <v>0</v>
      </c>
      <c r="ND21" s="145"/>
      <c r="NE21" s="119">
        <v>17050530</v>
      </c>
      <c r="NF21" s="119">
        <v>24931643</v>
      </c>
      <c r="NG21" s="119">
        <v>37012507</v>
      </c>
      <c r="NH21" s="119">
        <v>43179172</v>
      </c>
      <c r="NI21" s="119">
        <v>16873657</v>
      </c>
      <c r="NJ21" s="120">
        <v>139047509</v>
      </c>
      <c r="NK21" s="321">
        <v>139047509</v>
      </c>
      <c r="NL21" s="142">
        <v>0</v>
      </c>
      <c r="NM21" s="119">
        <v>0</v>
      </c>
      <c r="NN21" s="120">
        <v>0</v>
      </c>
      <c r="NO21" s="145"/>
      <c r="NP21" s="119">
        <v>0</v>
      </c>
      <c r="NQ21" s="119">
        <v>0</v>
      </c>
      <c r="NR21" s="119">
        <v>0</v>
      </c>
      <c r="NS21" s="119">
        <v>0</v>
      </c>
      <c r="NT21" s="119">
        <v>686166</v>
      </c>
      <c r="NU21" s="120">
        <v>686166</v>
      </c>
      <c r="NV21" s="121">
        <v>686166</v>
      </c>
      <c r="NW21" s="142">
        <v>0</v>
      </c>
      <c r="NX21" s="119">
        <v>0</v>
      </c>
      <c r="NY21" s="120">
        <v>0</v>
      </c>
      <c r="NZ21" s="145"/>
      <c r="OA21" s="119">
        <v>0</v>
      </c>
      <c r="OB21" s="119">
        <v>0</v>
      </c>
      <c r="OC21" s="119">
        <v>2398062</v>
      </c>
      <c r="OD21" s="119">
        <v>5672543</v>
      </c>
      <c r="OE21" s="119">
        <v>4573336</v>
      </c>
      <c r="OF21" s="120">
        <v>12643941</v>
      </c>
      <c r="OG21" s="121">
        <v>12643941</v>
      </c>
      <c r="OH21" s="142">
        <v>6286855</v>
      </c>
      <c r="OI21" s="119">
        <v>11436944</v>
      </c>
      <c r="OJ21" s="141">
        <v>17723799</v>
      </c>
      <c r="OK21" s="118">
        <v>0</v>
      </c>
      <c r="OL21" s="119">
        <v>111510764</v>
      </c>
      <c r="OM21" s="119">
        <v>184408031</v>
      </c>
      <c r="ON21" s="119">
        <v>231400029</v>
      </c>
      <c r="OO21" s="119">
        <v>242870507</v>
      </c>
      <c r="OP21" s="119">
        <v>174744113</v>
      </c>
      <c r="OQ21" s="120">
        <v>944933444</v>
      </c>
      <c r="OR21" s="143">
        <v>962657243</v>
      </c>
    </row>
    <row r="22" spans="1:408" ht="18.75" customHeight="1" x14ac:dyDescent="0.2">
      <c r="A22" s="62" t="s">
        <v>17</v>
      </c>
      <c r="B22" s="110">
        <v>5768563</v>
      </c>
      <c r="C22" s="114">
        <v>17261783</v>
      </c>
      <c r="D22" s="113">
        <v>23030346</v>
      </c>
      <c r="E22" s="109">
        <v>0</v>
      </c>
      <c r="F22" s="114">
        <v>79185552</v>
      </c>
      <c r="G22" s="114">
        <v>155870284</v>
      </c>
      <c r="H22" s="114">
        <v>124957023</v>
      </c>
      <c r="I22" s="114">
        <v>116497110</v>
      </c>
      <c r="J22" s="114">
        <v>96165762</v>
      </c>
      <c r="K22" s="109">
        <v>572675731</v>
      </c>
      <c r="L22" s="116">
        <v>595706077</v>
      </c>
      <c r="M22" s="110">
        <v>1125540</v>
      </c>
      <c r="N22" s="114">
        <v>3462310</v>
      </c>
      <c r="O22" s="113">
        <v>4587850</v>
      </c>
      <c r="P22" s="110">
        <v>0</v>
      </c>
      <c r="Q22" s="114">
        <v>17606284</v>
      </c>
      <c r="R22" s="114">
        <v>42311105</v>
      </c>
      <c r="S22" s="114">
        <v>37189982</v>
      </c>
      <c r="T22" s="114">
        <v>43229958</v>
      </c>
      <c r="U22" s="114">
        <v>51401172</v>
      </c>
      <c r="V22" s="113">
        <v>191738501</v>
      </c>
      <c r="W22" s="116">
        <v>196326351</v>
      </c>
      <c r="X22" s="110">
        <v>0</v>
      </c>
      <c r="Y22" s="114">
        <v>0</v>
      </c>
      <c r="Z22" s="113">
        <v>0</v>
      </c>
      <c r="AA22" s="110">
        <v>0</v>
      </c>
      <c r="AB22" s="114">
        <v>8157106</v>
      </c>
      <c r="AC22" s="114">
        <v>20957006</v>
      </c>
      <c r="AD22" s="114">
        <v>21386109</v>
      </c>
      <c r="AE22" s="114">
        <v>25953239</v>
      </c>
      <c r="AF22" s="114">
        <v>33288376</v>
      </c>
      <c r="AG22" s="113">
        <v>109741836</v>
      </c>
      <c r="AH22" s="116">
        <v>109741836</v>
      </c>
      <c r="AI22" s="110">
        <v>0</v>
      </c>
      <c r="AJ22" s="114">
        <v>80262</v>
      </c>
      <c r="AK22" s="113">
        <v>80262</v>
      </c>
      <c r="AL22" s="110">
        <v>0</v>
      </c>
      <c r="AM22" s="114">
        <v>0</v>
      </c>
      <c r="AN22" s="114">
        <v>562670</v>
      </c>
      <c r="AO22" s="114">
        <v>1355857</v>
      </c>
      <c r="AP22" s="114">
        <v>2153949</v>
      </c>
      <c r="AQ22" s="114">
        <v>5339716</v>
      </c>
      <c r="AR22" s="113">
        <v>9412192</v>
      </c>
      <c r="AS22" s="116">
        <v>9492454</v>
      </c>
      <c r="AT22" s="110">
        <v>569979</v>
      </c>
      <c r="AU22" s="114">
        <v>2570940</v>
      </c>
      <c r="AV22" s="113">
        <v>3140919</v>
      </c>
      <c r="AW22" s="110">
        <v>0</v>
      </c>
      <c r="AX22" s="114">
        <v>5466400</v>
      </c>
      <c r="AY22" s="114">
        <v>13535770</v>
      </c>
      <c r="AZ22" s="114">
        <v>8146820</v>
      </c>
      <c r="BA22" s="114">
        <v>9089906</v>
      </c>
      <c r="BB22" s="114">
        <v>7961543</v>
      </c>
      <c r="BC22" s="113">
        <v>44200439</v>
      </c>
      <c r="BD22" s="116">
        <v>47341358</v>
      </c>
      <c r="BE22" s="110">
        <v>61328</v>
      </c>
      <c r="BF22" s="114">
        <v>195806</v>
      </c>
      <c r="BG22" s="112">
        <v>257134</v>
      </c>
      <c r="BH22" s="111">
        <v>0</v>
      </c>
      <c r="BI22" s="114">
        <v>341842</v>
      </c>
      <c r="BJ22" s="114">
        <v>1415748</v>
      </c>
      <c r="BK22" s="114">
        <v>1088134</v>
      </c>
      <c r="BL22" s="114">
        <v>671491</v>
      </c>
      <c r="BM22" s="114">
        <v>451094</v>
      </c>
      <c r="BN22" s="113">
        <v>3968309</v>
      </c>
      <c r="BO22" s="116">
        <v>4225443</v>
      </c>
      <c r="BP22" s="110">
        <v>494233</v>
      </c>
      <c r="BQ22" s="114">
        <v>615302</v>
      </c>
      <c r="BR22" s="113">
        <v>1109535</v>
      </c>
      <c r="BS22" s="110">
        <v>0</v>
      </c>
      <c r="BT22" s="114">
        <v>3640936</v>
      </c>
      <c r="BU22" s="114">
        <v>5839911</v>
      </c>
      <c r="BV22" s="114">
        <v>5213062</v>
      </c>
      <c r="BW22" s="114">
        <v>5361373</v>
      </c>
      <c r="BX22" s="114">
        <v>4360443</v>
      </c>
      <c r="BY22" s="113">
        <v>24415725</v>
      </c>
      <c r="BZ22" s="116">
        <v>25525260</v>
      </c>
      <c r="CA22" s="110">
        <v>566948</v>
      </c>
      <c r="CB22" s="114">
        <v>3970478</v>
      </c>
      <c r="CC22" s="113">
        <v>4537426</v>
      </c>
      <c r="CD22" s="110">
        <v>0</v>
      </c>
      <c r="CE22" s="114">
        <v>25532763</v>
      </c>
      <c r="CF22" s="114">
        <v>55596270</v>
      </c>
      <c r="CG22" s="114">
        <v>36235935</v>
      </c>
      <c r="CH22" s="114">
        <v>25332967</v>
      </c>
      <c r="CI22" s="114">
        <v>11781754</v>
      </c>
      <c r="CJ22" s="113">
        <v>154479689</v>
      </c>
      <c r="CK22" s="116">
        <v>159017115</v>
      </c>
      <c r="CL22" s="110">
        <v>0</v>
      </c>
      <c r="CM22" s="114">
        <v>0</v>
      </c>
      <c r="CN22" s="113">
        <v>0</v>
      </c>
      <c r="CO22" s="111">
        <v>0</v>
      </c>
      <c r="CP22" s="114">
        <v>21763210</v>
      </c>
      <c r="CQ22" s="114">
        <v>43856264</v>
      </c>
      <c r="CR22" s="114">
        <v>29502064</v>
      </c>
      <c r="CS22" s="114">
        <v>21208959</v>
      </c>
      <c r="CT22" s="114">
        <v>10058356</v>
      </c>
      <c r="CU22" s="113">
        <v>126388853</v>
      </c>
      <c r="CV22" s="116">
        <v>126388853</v>
      </c>
      <c r="CW22" s="110">
        <v>566948</v>
      </c>
      <c r="CX22" s="114">
        <v>3970478</v>
      </c>
      <c r="CY22" s="113">
        <v>4537426</v>
      </c>
      <c r="CZ22" s="110">
        <v>0</v>
      </c>
      <c r="DA22" s="114">
        <v>3769553</v>
      </c>
      <c r="DB22" s="114">
        <v>11740006</v>
      </c>
      <c r="DC22" s="114">
        <v>6733871</v>
      </c>
      <c r="DD22" s="114">
        <v>4124008</v>
      </c>
      <c r="DE22" s="114">
        <v>1723398</v>
      </c>
      <c r="DF22" s="113">
        <v>28090836</v>
      </c>
      <c r="DG22" s="116">
        <v>32628262</v>
      </c>
      <c r="DH22" s="110">
        <v>59568</v>
      </c>
      <c r="DI22" s="114">
        <v>113405</v>
      </c>
      <c r="DJ22" s="112">
        <v>172973</v>
      </c>
      <c r="DK22" s="111">
        <v>0</v>
      </c>
      <c r="DL22" s="114">
        <v>2889587</v>
      </c>
      <c r="DM22" s="114">
        <v>6152634</v>
      </c>
      <c r="DN22" s="114">
        <v>10265617</v>
      </c>
      <c r="DO22" s="114">
        <v>9420013</v>
      </c>
      <c r="DP22" s="114">
        <v>5877183</v>
      </c>
      <c r="DQ22" s="113">
        <v>34605034</v>
      </c>
      <c r="DR22" s="116">
        <v>34778007</v>
      </c>
      <c r="DS22" s="110">
        <v>59568</v>
      </c>
      <c r="DT22" s="114">
        <v>113405</v>
      </c>
      <c r="DU22" s="113">
        <v>172973</v>
      </c>
      <c r="DV22" s="110">
        <v>0</v>
      </c>
      <c r="DW22" s="114">
        <v>2550569</v>
      </c>
      <c r="DX22" s="114">
        <v>5393919</v>
      </c>
      <c r="DY22" s="114">
        <v>9664312</v>
      </c>
      <c r="DZ22" s="114">
        <v>8899570</v>
      </c>
      <c r="EA22" s="114">
        <v>5038202</v>
      </c>
      <c r="EB22" s="113">
        <v>31546572</v>
      </c>
      <c r="EC22" s="116">
        <v>31719545</v>
      </c>
      <c r="ED22" s="110">
        <v>0</v>
      </c>
      <c r="EE22" s="112">
        <v>0</v>
      </c>
      <c r="EF22" s="113">
        <v>0</v>
      </c>
      <c r="EG22" s="110">
        <v>0</v>
      </c>
      <c r="EH22" s="114">
        <v>339018</v>
      </c>
      <c r="EI22" s="114">
        <v>758715</v>
      </c>
      <c r="EJ22" s="114">
        <v>601305</v>
      </c>
      <c r="EK22" s="114">
        <v>520443</v>
      </c>
      <c r="EL22" s="114">
        <v>838981</v>
      </c>
      <c r="EM22" s="112">
        <v>3058462</v>
      </c>
      <c r="EN22" s="116">
        <v>3058462</v>
      </c>
      <c r="EO22" s="110">
        <v>0</v>
      </c>
      <c r="EP22" s="114">
        <v>0</v>
      </c>
      <c r="EQ22" s="112">
        <v>0</v>
      </c>
      <c r="ER22" s="111">
        <v>0</v>
      </c>
      <c r="ES22" s="114">
        <v>0</v>
      </c>
      <c r="ET22" s="114">
        <v>0</v>
      </c>
      <c r="EU22" s="114">
        <v>0</v>
      </c>
      <c r="EV22" s="114">
        <v>0</v>
      </c>
      <c r="EW22" s="114">
        <v>0</v>
      </c>
      <c r="EX22" s="113">
        <v>0</v>
      </c>
      <c r="EY22" s="116">
        <v>0</v>
      </c>
      <c r="EZ22" s="110">
        <v>0</v>
      </c>
      <c r="FA22" s="114">
        <v>0</v>
      </c>
      <c r="FB22" s="112">
        <v>0</v>
      </c>
      <c r="FC22" s="348"/>
      <c r="FD22" s="114">
        <v>0</v>
      </c>
      <c r="FE22" s="114">
        <v>0</v>
      </c>
      <c r="FF22" s="114">
        <v>0</v>
      </c>
      <c r="FG22" s="114">
        <v>0</v>
      </c>
      <c r="FH22" s="114">
        <v>0</v>
      </c>
      <c r="FI22" s="113">
        <v>0</v>
      </c>
      <c r="FJ22" s="116">
        <v>0</v>
      </c>
      <c r="FK22" s="110">
        <v>1333152</v>
      </c>
      <c r="FL22" s="114">
        <v>3768892</v>
      </c>
      <c r="FM22" s="113">
        <v>5102044</v>
      </c>
      <c r="FN22" s="110">
        <v>0</v>
      </c>
      <c r="FO22" s="114">
        <v>3481591</v>
      </c>
      <c r="FP22" s="114">
        <v>15678344</v>
      </c>
      <c r="FQ22" s="114">
        <v>10388445</v>
      </c>
      <c r="FR22" s="114">
        <v>10022998</v>
      </c>
      <c r="FS22" s="114">
        <v>8328573</v>
      </c>
      <c r="FT22" s="113">
        <v>47899951</v>
      </c>
      <c r="FU22" s="116">
        <v>53001995</v>
      </c>
      <c r="FV22" s="115">
        <v>995431</v>
      </c>
      <c r="FW22" s="114">
        <v>3213600</v>
      </c>
      <c r="FX22" s="112">
        <v>4209031</v>
      </c>
      <c r="FY22" s="111">
        <v>0</v>
      </c>
      <c r="FZ22" s="114">
        <v>2944425</v>
      </c>
      <c r="GA22" s="114">
        <v>14507771</v>
      </c>
      <c r="GB22" s="114">
        <v>9237180</v>
      </c>
      <c r="GC22" s="114">
        <v>9546376</v>
      </c>
      <c r="GD22" s="114">
        <v>8135843</v>
      </c>
      <c r="GE22" s="113">
        <v>44371595</v>
      </c>
      <c r="GF22" s="319">
        <v>48580626</v>
      </c>
      <c r="GG22" s="115">
        <v>92106</v>
      </c>
      <c r="GH22" s="114">
        <v>78602</v>
      </c>
      <c r="GI22" s="112">
        <v>170708</v>
      </c>
      <c r="GJ22" s="111">
        <v>0</v>
      </c>
      <c r="GK22" s="114">
        <v>248246</v>
      </c>
      <c r="GL22" s="114">
        <v>502473</v>
      </c>
      <c r="GM22" s="114">
        <v>302276</v>
      </c>
      <c r="GN22" s="114">
        <v>91872</v>
      </c>
      <c r="GO22" s="114">
        <v>192730</v>
      </c>
      <c r="GP22" s="113">
        <v>1337597</v>
      </c>
      <c r="GQ22" s="116">
        <v>1508305</v>
      </c>
      <c r="GR22" s="110">
        <v>245615</v>
      </c>
      <c r="GS22" s="114">
        <v>476690</v>
      </c>
      <c r="GT22" s="113">
        <v>722305</v>
      </c>
      <c r="GU22" s="110">
        <v>0</v>
      </c>
      <c r="GV22" s="114">
        <v>288920</v>
      </c>
      <c r="GW22" s="114">
        <v>668100</v>
      </c>
      <c r="GX22" s="114">
        <v>848989</v>
      </c>
      <c r="GY22" s="114">
        <v>384750</v>
      </c>
      <c r="GZ22" s="114">
        <v>0</v>
      </c>
      <c r="HA22" s="112">
        <v>2190759</v>
      </c>
      <c r="HB22" s="116">
        <v>2913064</v>
      </c>
      <c r="HC22" s="110">
        <v>1588674</v>
      </c>
      <c r="HD22" s="114">
        <v>3294934</v>
      </c>
      <c r="HE22" s="112">
        <v>4883608</v>
      </c>
      <c r="HF22" s="111">
        <v>0</v>
      </c>
      <c r="HG22" s="114">
        <v>17044837</v>
      </c>
      <c r="HH22" s="114">
        <v>16051485</v>
      </c>
      <c r="HI22" s="114">
        <v>18049300</v>
      </c>
      <c r="HJ22" s="114">
        <v>19616758</v>
      </c>
      <c r="HK22" s="114">
        <v>12979271</v>
      </c>
      <c r="HL22" s="113">
        <v>83741651</v>
      </c>
      <c r="HM22" s="109">
        <v>88625259</v>
      </c>
      <c r="HN22" s="115">
        <v>1094681</v>
      </c>
      <c r="HO22" s="114">
        <v>2651764</v>
      </c>
      <c r="HP22" s="113">
        <v>3746445</v>
      </c>
      <c r="HQ22" s="110">
        <v>0</v>
      </c>
      <c r="HR22" s="114">
        <v>12630490</v>
      </c>
      <c r="HS22" s="114">
        <v>20080446</v>
      </c>
      <c r="HT22" s="114">
        <v>12827744</v>
      </c>
      <c r="HU22" s="114">
        <v>8874416</v>
      </c>
      <c r="HV22" s="114">
        <v>5797809</v>
      </c>
      <c r="HW22" s="112">
        <v>60210905</v>
      </c>
      <c r="HX22" s="116">
        <v>63957350</v>
      </c>
      <c r="HY22" s="150">
        <v>46544</v>
      </c>
      <c r="HZ22" s="135">
        <v>186879</v>
      </c>
      <c r="IA22" s="150">
        <v>233423</v>
      </c>
      <c r="IB22" s="134">
        <v>0</v>
      </c>
      <c r="IC22" s="135">
        <v>29970658</v>
      </c>
      <c r="ID22" s="136">
        <v>44828986</v>
      </c>
      <c r="IE22" s="137">
        <v>47313017</v>
      </c>
      <c r="IF22" s="135">
        <v>41384683</v>
      </c>
      <c r="IG22" s="137">
        <v>36135960</v>
      </c>
      <c r="IH22" s="138">
        <v>199633304</v>
      </c>
      <c r="II22" s="150">
        <v>199866727</v>
      </c>
      <c r="IJ22" s="232">
        <v>0</v>
      </c>
      <c r="IK22" s="236">
        <v>0</v>
      </c>
      <c r="IL22" s="237">
        <v>0</v>
      </c>
      <c r="IM22" s="140"/>
      <c r="IN22" s="119">
        <v>142324</v>
      </c>
      <c r="IO22" s="119">
        <v>386759</v>
      </c>
      <c r="IP22" s="119">
        <v>177066</v>
      </c>
      <c r="IQ22" s="119">
        <v>880006</v>
      </c>
      <c r="IR22" s="119">
        <v>0</v>
      </c>
      <c r="IS22" s="141">
        <v>1586155</v>
      </c>
      <c r="IT22" s="321">
        <v>1586155</v>
      </c>
      <c r="IU22" s="142">
        <v>0</v>
      </c>
      <c r="IV22" s="119">
        <v>0</v>
      </c>
      <c r="IW22" s="120">
        <v>0</v>
      </c>
      <c r="IX22" s="144"/>
      <c r="IY22" s="119">
        <v>0</v>
      </c>
      <c r="IZ22" s="119">
        <v>0</v>
      </c>
      <c r="JA22" s="119">
        <v>0</v>
      </c>
      <c r="JB22" s="119">
        <v>0</v>
      </c>
      <c r="JC22" s="119">
        <v>0</v>
      </c>
      <c r="JD22" s="120">
        <v>0</v>
      </c>
      <c r="JE22" s="121">
        <v>0</v>
      </c>
      <c r="JF22" s="142">
        <v>0</v>
      </c>
      <c r="JG22" s="119">
        <v>0</v>
      </c>
      <c r="JH22" s="141">
        <v>0</v>
      </c>
      <c r="JI22" s="118">
        <v>0</v>
      </c>
      <c r="JJ22" s="119">
        <v>12870683</v>
      </c>
      <c r="JK22" s="119">
        <v>18059979</v>
      </c>
      <c r="JL22" s="119">
        <v>12901520</v>
      </c>
      <c r="JM22" s="119">
        <v>12209181</v>
      </c>
      <c r="JN22" s="119">
        <v>8979404</v>
      </c>
      <c r="JO22" s="120">
        <v>65020767</v>
      </c>
      <c r="JP22" s="321">
        <v>65020767</v>
      </c>
      <c r="JQ22" s="142">
        <v>0</v>
      </c>
      <c r="JR22" s="119">
        <v>91880</v>
      </c>
      <c r="JS22" s="141">
        <v>91880</v>
      </c>
      <c r="JT22" s="118">
        <v>0</v>
      </c>
      <c r="JU22" s="119">
        <v>1524650</v>
      </c>
      <c r="JV22" s="119">
        <v>2456075</v>
      </c>
      <c r="JW22" s="119">
        <v>2697398</v>
      </c>
      <c r="JX22" s="119">
        <v>1818839</v>
      </c>
      <c r="JY22" s="119">
        <v>1157400</v>
      </c>
      <c r="JZ22" s="120">
        <v>9654362</v>
      </c>
      <c r="KA22" s="321">
        <v>9746242</v>
      </c>
      <c r="KB22" s="234">
        <v>46544</v>
      </c>
      <c r="KC22" s="230">
        <v>94999</v>
      </c>
      <c r="KD22" s="120">
        <v>141543</v>
      </c>
      <c r="KE22" s="118">
        <v>0</v>
      </c>
      <c r="KF22" s="119">
        <v>1835720</v>
      </c>
      <c r="KG22" s="119">
        <v>5708377</v>
      </c>
      <c r="KH22" s="119">
        <v>7903639</v>
      </c>
      <c r="KI22" s="119">
        <v>7642930</v>
      </c>
      <c r="KJ22" s="119">
        <v>4875111</v>
      </c>
      <c r="KK22" s="120">
        <v>27965777</v>
      </c>
      <c r="KL22" s="143">
        <v>28107320</v>
      </c>
      <c r="KM22" s="232">
        <v>0</v>
      </c>
      <c r="KN22" s="236">
        <v>0</v>
      </c>
      <c r="KO22" s="237">
        <v>0</v>
      </c>
      <c r="KP22" s="140"/>
      <c r="KQ22" s="119">
        <v>12672553</v>
      </c>
      <c r="KR22" s="119">
        <v>17702397</v>
      </c>
      <c r="KS22" s="119">
        <v>14937619</v>
      </c>
      <c r="KT22" s="119">
        <v>9084422</v>
      </c>
      <c r="KU22" s="119">
        <v>5272092</v>
      </c>
      <c r="KV22" s="120">
        <v>59669083</v>
      </c>
      <c r="KW22" s="321">
        <v>59669083</v>
      </c>
      <c r="KX22" s="142">
        <v>0</v>
      </c>
      <c r="KY22" s="119">
        <v>0</v>
      </c>
      <c r="KZ22" s="120">
        <v>0</v>
      </c>
      <c r="LA22" s="145"/>
      <c r="LB22" s="119">
        <v>0</v>
      </c>
      <c r="LC22" s="119">
        <v>0</v>
      </c>
      <c r="LD22" s="119">
        <v>0</v>
      </c>
      <c r="LE22" s="119">
        <v>0</v>
      </c>
      <c r="LF22" s="119">
        <v>0</v>
      </c>
      <c r="LG22" s="120">
        <v>0</v>
      </c>
      <c r="LH22" s="121">
        <v>0</v>
      </c>
      <c r="LI22" s="142">
        <v>0</v>
      </c>
      <c r="LJ22" s="119">
        <v>0</v>
      </c>
      <c r="LK22" s="120">
        <v>0</v>
      </c>
      <c r="LL22" s="145"/>
      <c r="LM22" s="119">
        <v>206908</v>
      </c>
      <c r="LN22" s="119">
        <v>515399</v>
      </c>
      <c r="LO22" s="119">
        <v>8363795</v>
      </c>
      <c r="LP22" s="119">
        <v>8431048</v>
      </c>
      <c r="LQ22" s="119">
        <v>12332239</v>
      </c>
      <c r="LR22" s="120">
        <v>29849389</v>
      </c>
      <c r="LS22" s="321">
        <v>29849389</v>
      </c>
      <c r="LT22" s="142">
        <v>0</v>
      </c>
      <c r="LU22" s="119">
        <v>0</v>
      </c>
      <c r="LV22" s="120">
        <v>0</v>
      </c>
      <c r="LW22" s="145"/>
      <c r="LX22" s="119">
        <v>717820</v>
      </c>
      <c r="LY22" s="119">
        <v>0</v>
      </c>
      <c r="LZ22" s="119">
        <v>331980</v>
      </c>
      <c r="MA22" s="119">
        <v>1318257</v>
      </c>
      <c r="MB22" s="119">
        <v>3519714</v>
      </c>
      <c r="MC22" s="120">
        <v>5887771</v>
      </c>
      <c r="MD22" s="121">
        <v>5887771</v>
      </c>
      <c r="ME22" s="142">
        <v>0</v>
      </c>
      <c r="MF22" s="119">
        <v>0</v>
      </c>
      <c r="MG22" s="120">
        <v>0</v>
      </c>
      <c r="MH22" s="145"/>
      <c r="MI22" s="119">
        <v>11481567</v>
      </c>
      <c r="MJ22" s="119">
        <v>30736351</v>
      </c>
      <c r="MK22" s="119">
        <v>90252906</v>
      </c>
      <c r="ML22" s="119">
        <v>114160896</v>
      </c>
      <c r="MM22" s="119">
        <v>86911383</v>
      </c>
      <c r="MN22" s="120">
        <v>333543103</v>
      </c>
      <c r="MO22" s="143">
        <v>333543103</v>
      </c>
      <c r="MP22" s="142">
        <v>0</v>
      </c>
      <c r="MQ22" s="119">
        <v>0</v>
      </c>
      <c r="MR22" s="120">
        <v>0</v>
      </c>
      <c r="MS22" s="145"/>
      <c r="MT22" s="119">
        <v>982401</v>
      </c>
      <c r="MU22" s="119">
        <v>3905406</v>
      </c>
      <c r="MV22" s="119">
        <v>49772546</v>
      </c>
      <c r="MW22" s="119">
        <v>75438165</v>
      </c>
      <c r="MX22" s="119">
        <v>58282109</v>
      </c>
      <c r="MY22" s="120">
        <v>188380627</v>
      </c>
      <c r="MZ22" s="143">
        <v>188380627</v>
      </c>
      <c r="NA22" s="142">
        <v>0</v>
      </c>
      <c r="NB22" s="119">
        <v>0</v>
      </c>
      <c r="NC22" s="120">
        <v>0</v>
      </c>
      <c r="ND22" s="145"/>
      <c r="NE22" s="119">
        <v>10499166</v>
      </c>
      <c r="NF22" s="119">
        <v>26830945</v>
      </c>
      <c r="NG22" s="119">
        <v>39580288</v>
      </c>
      <c r="NH22" s="119">
        <v>37026401</v>
      </c>
      <c r="NI22" s="119">
        <v>22064862</v>
      </c>
      <c r="NJ22" s="120">
        <v>136001662</v>
      </c>
      <c r="NK22" s="321">
        <v>136001662</v>
      </c>
      <c r="NL22" s="142">
        <v>0</v>
      </c>
      <c r="NM22" s="119">
        <v>0</v>
      </c>
      <c r="NN22" s="120">
        <v>0</v>
      </c>
      <c r="NO22" s="145"/>
      <c r="NP22" s="119">
        <v>0</v>
      </c>
      <c r="NQ22" s="119">
        <v>0</v>
      </c>
      <c r="NR22" s="119">
        <v>333011</v>
      </c>
      <c r="NS22" s="119">
        <v>268126</v>
      </c>
      <c r="NT22" s="119">
        <v>1016277</v>
      </c>
      <c r="NU22" s="120">
        <v>1617414</v>
      </c>
      <c r="NV22" s="121">
        <v>1617414</v>
      </c>
      <c r="NW22" s="142">
        <v>0</v>
      </c>
      <c r="NX22" s="119">
        <v>0</v>
      </c>
      <c r="NY22" s="120">
        <v>0</v>
      </c>
      <c r="NZ22" s="145"/>
      <c r="OA22" s="119">
        <v>0</v>
      </c>
      <c r="OB22" s="119">
        <v>0</v>
      </c>
      <c r="OC22" s="119">
        <v>567061</v>
      </c>
      <c r="OD22" s="119">
        <v>1428204</v>
      </c>
      <c r="OE22" s="119">
        <v>5548135</v>
      </c>
      <c r="OF22" s="120">
        <v>7543400</v>
      </c>
      <c r="OG22" s="121">
        <v>7543400</v>
      </c>
      <c r="OH22" s="142">
        <v>5815107</v>
      </c>
      <c r="OI22" s="119">
        <v>17448662</v>
      </c>
      <c r="OJ22" s="141">
        <v>23263769</v>
      </c>
      <c r="OK22" s="118">
        <v>0</v>
      </c>
      <c r="OL22" s="119">
        <v>120637777</v>
      </c>
      <c r="OM22" s="119">
        <v>231435621</v>
      </c>
      <c r="ON22" s="119">
        <v>262522946</v>
      </c>
      <c r="OO22" s="119">
        <v>272042689</v>
      </c>
      <c r="OP22" s="119">
        <v>219213105</v>
      </c>
      <c r="OQ22" s="120">
        <v>1105852138</v>
      </c>
      <c r="OR22" s="143">
        <v>1129115907</v>
      </c>
    </row>
    <row r="23" spans="1:408" ht="18.75" customHeight="1" x14ac:dyDescent="0.2">
      <c r="A23" s="62" t="s">
        <v>18</v>
      </c>
      <c r="B23" s="110">
        <v>7888123</v>
      </c>
      <c r="C23" s="114">
        <v>15241805</v>
      </c>
      <c r="D23" s="113">
        <v>23129928</v>
      </c>
      <c r="E23" s="109">
        <v>0</v>
      </c>
      <c r="F23" s="114">
        <v>136388380</v>
      </c>
      <c r="G23" s="114">
        <v>159505572</v>
      </c>
      <c r="H23" s="114">
        <v>151508708</v>
      </c>
      <c r="I23" s="114">
        <v>136118010</v>
      </c>
      <c r="J23" s="114">
        <v>92895207</v>
      </c>
      <c r="K23" s="109">
        <v>676415877</v>
      </c>
      <c r="L23" s="116">
        <v>699545805</v>
      </c>
      <c r="M23" s="110">
        <v>2121047</v>
      </c>
      <c r="N23" s="114">
        <v>3694694</v>
      </c>
      <c r="O23" s="113">
        <v>5815741</v>
      </c>
      <c r="P23" s="110">
        <v>0</v>
      </c>
      <c r="Q23" s="114">
        <v>36687801</v>
      </c>
      <c r="R23" s="114">
        <v>44781388</v>
      </c>
      <c r="S23" s="114">
        <v>46042996</v>
      </c>
      <c r="T23" s="114">
        <v>53574717</v>
      </c>
      <c r="U23" s="114">
        <v>45526527</v>
      </c>
      <c r="V23" s="113">
        <v>226613429</v>
      </c>
      <c r="W23" s="116">
        <v>232429170</v>
      </c>
      <c r="X23" s="110">
        <v>0</v>
      </c>
      <c r="Y23" s="114">
        <v>0</v>
      </c>
      <c r="Z23" s="113">
        <v>0</v>
      </c>
      <c r="AA23" s="110">
        <v>0</v>
      </c>
      <c r="AB23" s="114">
        <v>17413469</v>
      </c>
      <c r="AC23" s="114">
        <v>22928084</v>
      </c>
      <c r="AD23" s="114">
        <v>25965287</v>
      </c>
      <c r="AE23" s="114">
        <v>35883418</v>
      </c>
      <c r="AF23" s="114">
        <v>26688152</v>
      </c>
      <c r="AG23" s="113">
        <v>128878410</v>
      </c>
      <c r="AH23" s="116">
        <v>128878410</v>
      </c>
      <c r="AI23" s="110">
        <v>0</v>
      </c>
      <c r="AJ23" s="114">
        <v>0</v>
      </c>
      <c r="AK23" s="113">
        <v>0</v>
      </c>
      <c r="AL23" s="110">
        <v>0</v>
      </c>
      <c r="AM23" s="114">
        <v>290718</v>
      </c>
      <c r="AN23" s="114">
        <v>810023</v>
      </c>
      <c r="AO23" s="114">
        <v>1363379</v>
      </c>
      <c r="AP23" s="114">
        <v>2339564</v>
      </c>
      <c r="AQ23" s="114">
        <v>5439131</v>
      </c>
      <c r="AR23" s="113">
        <v>10242815</v>
      </c>
      <c r="AS23" s="116">
        <v>10242815</v>
      </c>
      <c r="AT23" s="110">
        <v>1124096</v>
      </c>
      <c r="AU23" s="114">
        <v>2858602</v>
      </c>
      <c r="AV23" s="113">
        <v>3982698</v>
      </c>
      <c r="AW23" s="110">
        <v>0</v>
      </c>
      <c r="AX23" s="114">
        <v>11385845</v>
      </c>
      <c r="AY23" s="114">
        <v>12602857</v>
      </c>
      <c r="AZ23" s="114">
        <v>10165727</v>
      </c>
      <c r="BA23" s="114">
        <v>7800004</v>
      </c>
      <c r="BB23" s="114">
        <v>7707664</v>
      </c>
      <c r="BC23" s="113">
        <v>49662097</v>
      </c>
      <c r="BD23" s="116">
        <v>53644795</v>
      </c>
      <c r="BE23" s="110">
        <v>217161</v>
      </c>
      <c r="BF23" s="114">
        <v>193040</v>
      </c>
      <c r="BG23" s="112">
        <v>410201</v>
      </c>
      <c r="BH23" s="111">
        <v>0</v>
      </c>
      <c r="BI23" s="114">
        <v>1737104</v>
      </c>
      <c r="BJ23" s="114">
        <v>1741028</v>
      </c>
      <c r="BK23" s="114">
        <v>1620429</v>
      </c>
      <c r="BL23" s="114">
        <v>1448386</v>
      </c>
      <c r="BM23" s="114">
        <v>602008</v>
      </c>
      <c r="BN23" s="113">
        <v>7148955</v>
      </c>
      <c r="BO23" s="116">
        <v>7559156</v>
      </c>
      <c r="BP23" s="110">
        <v>779790</v>
      </c>
      <c r="BQ23" s="114">
        <v>643052</v>
      </c>
      <c r="BR23" s="113">
        <v>1422842</v>
      </c>
      <c r="BS23" s="110">
        <v>0</v>
      </c>
      <c r="BT23" s="114">
        <v>5860665</v>
      </c>
      <c r="BU23" s="114">
        <v>6699396</v>
      </c>
      <c r="BV23" s="114">
        <v>6928174</v>
      </c>
      <c r="BW23" s="114">
        <v>6103345</v>
      </c>
      <c r="BX23" s="114">
        <v>5089572</v>
      </c>
      <c r="BY23" s="113">
        <v>30681152</v>
      </c>
      <c r="BZ23" s="116">
        <v>32103994</v>
      </c>
      <c r="CA23" s="110">
        <v>1160990</v>
      </c>
      <c r="CB23" s="114">
        <v>3781447</v>
      </c>
      <c r="CC23" s="113">
        <v>4942437</v>
      </c>
      <c r="CD23" s="110">
        <v>0</v>
      </c>
      <c r="CE23" s="114">
        <v>45352681</v>
      </c>
      <c r="CF23" s="114">
        <v>55265381</v>
      </c>
      <c r="CG23" s="114">
        <v>44094327</v>
      </c>
      <c r="CH23" s="114">
        <v>27935187</v>
      </c>
      <c r="CI23" s="114">
        <v>11338966</v>
      </c>
      <c r="CJ23" s="113">
        <v>183986542</v>
      </c>
      <c r="CK23" s="116">
        <v>188928979</v>
      </c>
      <c r="CL23" s="110">
        <v>0</v>
      </c>
      <c r="CM23" s="114">
        <v>0</v>
      </c>
      <c r="CN23" s="113">
        <v>0</v>
      </c>
      <c r="CO23" s="111">
        <v>0</v>
      </c>
      <c r="CP23" s="114">
        <v>36171409</v>
      </c>
      <c r="CQ23" s="114">
        <v>42745842</v>
      </c>
      <c r="CR23" s="114">
        <v>34513659</v>
      </c>
      <c r="CS23" s="114">
        <v>21858020</v>
      </c>
      <c r="CT23" s="114">
        <v>9761505</v>
      </c>
      <c r="CU23" s="113">
        <v>145050435</v>
      </c>
      <c r="CV23" s="116">
        <v>145050435</v>
      </c>
      <c r="CW23" s="110">
        <v>1160990</v>
      </c>
      <c r="CX23" s="114">
        <v>3781447</v>
      </c>
      <c r="CY23" s="113">
        <v>4942437</v>
      </c>
      <c r="CZ23" s="110">
        <v>0</v>
      </c>
      <c r="DA23" s="114">
        <v>9181272</v>
      </c>
      <c r="DB23" s="114">
        <v>12519539</v>
      </c>
      <c r="DC23" s="114">
        <v>9580668</v>
      </c>
      <c r="DD23" s="114">
        <v>6077167</v>
      </c>
      <c r="DE23" s="114">
        <v>1577461</v>
      </c>
      <c r="DF23" s="113">
        <v>38936107</v>
      </c>
      <c r="DG23" s="116">
        <v>43878544</v>
      </c>
      <c r="DH23" s="110">
        <v>0</v>
      </c>
      <c r="DI23" s="114">
        <v>48784</v>
      </c>
      <c r="DJ23" s="112">
        <v>48784</v>
      </c>
      <c r="DK23" s="111">
        <v>0</v>
      </c>
      <c r="DL23" s="114">
        <v>3573369</v>
      </c>
      <c r="DM23" s="114">
        <v>7573720</v>
      </c>
      <c r="DN23" s="114">
        <v>16999277</v>
      </c>
      <c r="DO23" s="114">
        <v>14989476</v>
      </c>
      <c r="DP23" s="114">
        <v>7575015</v>
      </c>
      <c r="DQ23" s="113">
        <v>50710857</v>
      </c>
      <c r="DR23" s="116">
        <v>50759641</v>
      </c>
      <c r="DS23" s="110">
        <v>0</v>
      </c>
      <c r="DT23" s="114">
        <v>48784</v>
      </c>
      <c r="DU23" s="113">
        <v>48784</v>
      </c>
      <c r="DV23" s="110">
        <v>0</v>
      </c>
      <c r="DW23" s="114">
        <v>3544402</v>
      </c>
      <c r="DX23" s="114">
        <v>7480508</v>
      </c>
      <c r="DY23" s="114">
        <v>16715671</v>
      </c>
      <c r="DZ23" s="114">
        <v>14645894</v>
      </c>
      <c r="EA23" s="114">
        <v>7287856</v>
      </c>
      <c r="EB23" s="113">
        <v>49674331</v>
      </c>
      <c r="EC23" s="116">
        <v>49723115</v>
      </c>
      <c r="ED23" s="110">
        <v>0</v>
      </c>
      <c r="EE23" s="112">
        <v>0</v>
      </c>
      <c r="EF23" s="113">
        <v>0</v>
      </c>
      <c r="EG23" s="110">
        <v>0</v>
      </c>
      <c r="EH23" s="114">
        <v>28967</v>
      </c>
      <c r="EI23" s="114">
        <v>93212</v>
      </c>
      <c r="EJ23" s="114">
        <v>283606</v>
      </c>
      <c r="EK23" s="114">
        <v>343582</v>
      </c>
      <c r="EL23" s="114">
        <v>287159</v>
      </c>
      <c r="EM23" s="112">
        <v>1036526</v>
      </c>
      <c r="EN23" s="116">
        <v>1036526</v>
      </c>
      <c r="EO23" s="110">
        <v>0</v>
      </c>
      <c r="EP23" s="114">
        <v>0</v>
      </c>
      <c r="EQ23" s="112">
        <v>0</v>
      </c>
      <c r="ER23" s="111">
        <v>0</v>
      </c>
      <c r="ES23" s="114">
        <v>0</v>
      </c>
      <c r="ET23" s="114">
        <v>0</v>
      </c>
      <c r="EU23" s="114">
        <v>0</v>
      </c>
      <c r="EV23" s="114">
        <v>0</v>
      </c>
      <c r="EW23" s="114">
        <v>0</v>
      </c>
      <c r="EX23" s="113">
        <v>0</v>
      </c>
      <c r="EY23" s="116">
        <v>0</v>
      </c>
      <c r="EZ23" s="110">
        <v>0</v>
      </c>
      <c r="FA23" s="114">
        <v>0</v>
      </c>
      <c r="FB23" s="112">
        <v>0</v>
      </c>
      <c r="FC23" s="348"/>
      <c r="FD23" s="114">
        <v>0</v>
      </c>
      <c r="FE23" s="114">
        <v>0</v>
      </c>
      <c r="FF23" s="114">
        <v>0</v>
      </c>
      <c r="FG23" s="114">
        <v>0</v>
      </c>
      <c r="FH23" s="114">
        <v>0</v>
      </c>
      <c r="FI23" s="113">
        <v>0</v>
      </c>
      <c r="FJ23" s="116">
        <v>0</v>
      </c>
      <c r="FK23" s="110">
        <v>1622716</v>
      </c>
      <c r="FL23" s="114">
        <v>3419918</v>
      </c>
      <c r="FM23" s="113">
        <v>5042634</v>
      </c>
      <c r="FN23" s="110">
        <v>0</v>
      </c>
      <c r="FO23" s="114">
        <v>6738847</v>
      </c>
      <c r="FP23" s="114">
        <v>13864350</v>
      </c>
      <c r="FQ23" s="114">
        <v>10647770</v>
      </c>
      <c r="FR23" s="114">
        <v>10181416</v>
      </c>
      <c r="FS23" s="114">
        <v>7241064</v>
      </c>
      <c r="FT23" s="113">
        <v>48673447</v>
      </c>
      <c r="FU23" s="116">
        <v>53716081</v>
      </c>
      <c r="FV23" s="115">
        <v>1053714</v>
      </c>
      <c r="FW23" s="114">
        <v>2579814</v>
      </c>
      <c r="FX23" s="112">
        <v>3633528</v>
      </c>
      <c r="FY23" s="111">
        <v>0</v>
      </c>
      <c r="FZ23" s="114">
        <v>5870601</v>
      </c>
      <c r="GA23" s="114">
        <v>13054464</v>
      </c>
      <c r="GB23" s="114">
        <v>10133412</v>
      </c>
      <c r="GC23" s="114">
        <v>9829589</v>
      </c>
      <c r="GD23" s="114">
        <v>6953847</v>
      </c>
      <c r="GE23" s="113">
        <v>45841913</v>
      </c>
      <c r="GF23" s="319">
        <v>49475441</v>
      </c>
      <c r="GG23" s="115">
        <v>63202</v>
      </c>
      <c r="GH23" s="114">
        <v>128204</v>
      </c>
      <c r="GI23" s="112">
        <v>191406</v>
      </c>
      <c r="GJ23" s="111">
        <v>0</v>
      </c>
      <c r="GK23" s="114">
        <v>90754</v>
      </c>
      <c r="GL23" s="114">
        <v>206686</v>
      </c>
      <c r="GM23" s="114">
        <v>227408</v>
      </c>
      <c r="GN23" s="114">
        <v>258439</v>
      </c>
      <c r="GO23" s="114">
        <v>107217</v>
      </c>
      <c r="GP23" s="113">
        <v>890504</v>
      </c>
      <c r="GQ23" s="116">
        <v>1081910</v>
      </c>
      <c r="GR23" s="110">
        <v>505800</v>
      </c>
      <c r="GS23" s="114">
        <v>711900</v>
      </c>
      <c r="GT23" s="113">
        <v>1217700</v>
      </c>
      <c r="GU23" s="110">
        <v>0</v>
      </c>
      <c r="GV23" s="114">
        <v>777492</v>
      </c>
      <c r="GW23" s="114">
        <v>603200</v>
      </c>
      <c r="GX23" s="114">
        <v>286950</v>
      </c>
      <c r="GY23" s="114">
        <v>93388</v>
      </c>
      <c r="GZ23" s="114">
        <v>180000</v>
      </c>
      <c r="HA23" s="112">
        <v>1941030</v>
      </c>
      <c r="HB23" s="116">
        <v>3158730</v>
      </c>
      <c r="HC23" s="110">
        <v>1568058</v>
      </c>
      <c r="HD23" s="114">
        <v>1499201</v>
      </c>
      <c r="HE23" s="112">
        <v>3067259</v>
      </c>
      <c r="HF23" s="111">
        <v>0</v>
      </c>
      <c r="HG23" s="114">
        <v>21644708</v>
      </c>
      <c r="HH23" s="114">
        <v>17757165</v>
      </c>
      <c r="HI23" s="114">
        <v>18891505</v>
      </c>
      <c r="HJ23" s="114">
        <v>19244842</v>
      </c>
      <c r="HK23" s="114">
        <v>15911614</v>
      </c>
      <c r="HL23" s="113">
        <v>93449834</v>
      </c>
      <c r="HM23" s="109">
        <v>96517093</v>
      </c>
      <c r="HN23" s="115">
        <v>1415312</v>
      </c>
      <c r="HO23" s="114">
        <v>2797761</v>
      </c>
      <c r="HP23" s="113">
        <v>4213073</v>
      </c>
      <c r="HQ23" s="110">
        <v>0</v>
      </c>
      <c r="HR23" s="114">
        <v>22390974</v>
      </c>
      <c r="HS23" s="114">
        <v>20263568</v>
      </c>
      <c r="HT23" s="114">
        <v>14832833</v>
      </c>
      <c r="HU23" s="114">
        <v>10192372</v>
      </c>
      <c r="HV23" s="114">
        <v>5302021</v>
      </c>
      <c r="HW23" s="112">
        <v>72981768</v>
      </c>
      <c r="HX23" s="116">
        <v>77194841</v>
      </c>
      <c r="HY23" s="131">
        <v>377306</v>
      </c>
      <c r="HZ23" s="132">
        <v>1251784</v>
      </c>
      <c r="IA23" s="133">
        <v>1629090</v>
      </c>
      <c r="IB23" s="146">
        <v>0</v>
      </c>
      <c r="IC23" s="132">
        <v>32657489</v>
      </c>
      <c r="ID23" s="147">
        <v>49053743</v>
      </c>
      <c r="IE23" s="133">
        <v>53405156</v>
      </c>
      <c r="IF23" s="132">
        <v>35157225</v>
      </c>
      <c r="IG23" s="133">
        <v>23590694</v>
      </c>
      <c r="IH23" s="148">
        <v>193864307</v>
      </c>
      <c r="II23" s="139">
        <v>195493397</v>
      </c>
      <c r="IJ23" s="232">
        <v>0</v>
      </c>
      <c r="IK23" s="236">
        <v>0</v>
      </c>
      <c r="IL23" s="237">
        <v>0</v>
      </c>
      <c r="IM23" s="140"/>
      <c r="IN23" s="119">
        <v>162263</v>
      </c>
      <c r="IO23" s="119">
        <v>115443</v>
      </c>
      <c r="IP23" s="119">
        <v>789992</v>
      </c>
      <c r="IQ23" s="119">
        <v>0</v>
      </c>
      <c r="IR23" s="119">
        <v>505182</v>
      </c>
      <c r="IS23" s="141">
        <v>1572880</v>
      </c>
      <c r="IT23" s="321">
        <v>1572880</v>
      </c>
      <c r="IU23" s="142">
        <v>0</v>
      </c>
      <c r="IV23" s="119">
        <v>0</v>
      </c>
      <c r="IW23" s="120">
        <v>0</v>
      </c>
      <c r="IX23" s="144"/>
      <c r="IY23" s="119">
        <v>0</v>
      </c>
      <c r="IZ23" s="119">
        <v>0</v>
      </c>
      <c r="JA23" s="119">
        <v>0</v>
      </c>
      <c r="JB23" s="119">
        <v>0</v>
      </c>
      <c r="JC23" s="119">
        <v>0</v>
      </c>
      <c r="JD23" s="120">
        <v>0</v>
      </c>
      <c r="JE23" s="121">
        <v>0</v>
      </c>
      <c r="JF23" s="142">
        <v>0</v>
      </c>
      <c r="JG23" s="119">
        <v>0</v>
      </c>
      <c r="JH23" s="141">
        <v>0</v>
      </c>
      <c r="JI23" s="118">
        <v>0</v>
      </c>
      <c r="JJ23" s="119">
        <v>12188307</v>
      </c>
      <c r="JK23" s="119">
        <v>13502355</v>
      </c>
      <c r="JL23" s="119">
        <v>9449091</v>
      </c>
      <c r="JM23" s="119">
        <v>4254532</v>
      </c>
      <c r="JN23" s="119">
        <v>2323079</v>
      </c>
      <c r="JO23" s="120">
        <v>41717364</v>
      </c>
      <c r="JP23" s="321">
        <v>41717364</v>
      </c>
      <c r="JQ23" s="142">
        <v>0</v>
      </c>
      <c r="JR23" s="119">
        <v>0</v>
      </c>
      <c r="JS23" s="141">
        <v>0</v>
      </c>
      <c r="JT23" s="118">
        <v>0</v>
      </c>
      <c r="JU23" s="119">
        <v>1191796</v>
      </c>
      <c r="JV23" s="119">
        <v>649405</v>
      </c>
      <c r="JW23" s="119">
        <v>1656925</v>
      </c>
      <c r="JX23" s="119">
        <v>1769368</v>
      </c>
      <c r="JY23" s="119">
        <v>1641069</v>
      </c>
      <c r="JZ23" s="120">
        <v>6908563</v>
      </c>
      <c r="KA23" s="321">
        <v>6908563</v>
      </c>
      <c r="KB23" s="234">
        <v>377306</v>
      </c>
      <c r="KC23" s="230">
        <v>524395</v>
      </c>
      <c r="KD23" s="120">
        <v>901701</v>
      </c>
      <c r="KE23" s="118">
        <v>0</v>
      </c>
      <c r="KF23" s="119">
        <v>5576335</v>
      </c>
      <c r="KG23" s="119">
        <v>9779878</v>
      </c>
      <c r="KH23" s="119">
        <v>9050437</v>
      </c>
      <c r="KI23" s="119">
        <v>5695310</v>
      </c>
      <c r="KJ23" s="119">
        <v>4398711</v>
      </c>
      <c r="KK23" s="120">
        <v>34500671</v>
      </c>
      <c r="KL23" s="143">
        <v>35402372</v>
      </c>
      <c r="KM23" s="232">
        <v>0</v>
      </c>
      <c r="KN23" s="236">
        <v>727389</v>
      </c>
      <c r="KO23" s="237">
        <v>727389</v>
      </c>
      <c r="KP23" s="140"/>
      <c r="KQ23" s="119">
        <v>12124182</v>
      </c>
      <c r="KR23" s="119">
        <v>23102776</v>
      </c>
      <c r="KS23" s="119">
        <v>26401568</v>
      </c>
      <c r="KT23" s="119">
        <v>11341111</v>
      </c>
      <c r="KU23" s="119">
        <v>7421313</v>
      </c>
      <c r="KV23" s="120">
        <v>80390950</v>
      </c>
      <c r="KW23" s="321">
        <v>81118339</v>
      </c>
      <c r="KX23" s="142">
        <v>0</v>
      </c>
      <c r="KY23" s="119">
        <v>0</v>
      </c>
      <c r="KZ23" s="120">
        <v>0</v>
      </c>
      <c r="LA23" s="145"/>
      <c r="LB23" s="119">
        <v>0</v>
      </c>
      <c r="LC23" s="119">
        <v>0</v>
      </c>
      <c r="LD23" s="119">
        <v>0</v>
      </c>
      <c r="LE23" s="119">
        <v>0</v>
      </c>
      <c r="LF23" s="119">
        <v>0</v>
      </c>
      <c r="LG23" s="120">
        <v>0</v>
      </c>
      <c r="LH23" s="121">
        <v>0</v>
      </c>
      <c r="LI23" s="142">
        <v>0</v>
      </c>
      <c r="LJ23" s="119">
        <v>0</v>
      </c>
      <c r="LK23" s="120">
        <v>0</v>
      </c>
      <c r="LL23" s="145"/>
      <c r="LM23" s="119">
        <v>0</v>
      </c>
      <c r="LN23" s="119">
        <v>523442</v>
      </c>
      <c r="LO23" s="119">
        <v>1992095</v>
      </c>
      <c r="LP23" s="119">
        <v>5461444</v>
      </c>
      <c r="LQ23" s="119">
        <v>656242</v>
      </c>
      <c r="LR23" s="120">
        <v>8633223</v>
      </c>
      <c r="LS23" s="321">
        <v>8633223</v>
      </c>
      <c r="LT23" s="142">
        <v>0</v>
      </c>
      <c r="LU23" s="119">
        <v>0</v>
      </c>
      <c r="LV23" s="120">
        <v>0</v>
      </c>
      <c r="LW23" s="145"/>
      <c r="LX23" s="119">
        <v>1414606</v>
      </c>
      <c r="LY23" s="119">
        <v>1380444</v>
      </c>
      <c r="LZ23" s="119">
        <v>4065048</v>
      </c>
      <c r="MA23" s="119">
        <v>6635460</v>
      </c>
      <c r="MB23" s="119">
        <v>6645098</v>
      </c>
      <c r="MC23" s="120">
        <v>20140656</v>
      </c>
      <c r="MD23" s="121">
        <v>20140656</v>
      </c>
      <c r="ME23" s="142">
        <v>0</v>
      </c>
      <c r="MF23" s="119">
        <v>0</v>
      </c>
      <c r="MG23" s="120">
        <v>0</v>
      </c>
      <c r="MH23" s="145"/>
      <c r="MI23" s="119">
        <v>9966129</v>
      </c>
      <c r="MJ23" s="119">
        <v>22506759</v>
      </c>
      <c r="MK23" s="119">
        <v>73196272</v>
      </c>
      <c r="ML23" s="119">
        <v>145380883</v>
      </c>
      <c r="MM23" s="119">
        <v>112093907</v>
      </c>
      <c r="MN23" s="120">
        <v>363143950</v>
      </c>
      <c r="MO23" s="143">
        <v>363143950</v>
      </c>
      <c r="MP23" s="142">
        <v>0</v>
      </c>
      <c r="MQ23" s="119">
        <v>0</v>
      </c>
      <c r="MR23" s="120">
        <v>0</v>
      </c>
      <c r="MS23" s="145"/>
      <c r="MT23" s="119">
        <v>1162702</v>
      </c>
      <c r="MU23" s="119">
        <v>3375061</v>
      </c>
      <c r="MV23" s="119">
        <v>45256841</v>
      </c>
      <c r="MW23" s="119">
        <v>102024304</v>
      </c>
      <c r="MX23" s="119">
        <v>77597918</v>
      </c>
      <c r="MY23" s="120">
        <v>229416826</v>
      </c>
      <c r="MZ23" s="143">
        <v>229416826</v>
      </c>
      <c r="NA23" s="142">
        <v>0</v>
      </c>
      <c r="NB23" s="119">
        <v>0</v>
      </c>
      <c r="NC23" s="120">
        <v>0</v>
      </c>
      <c r="ND23" s="145"/>
      <c r="NE23" s="119">
        <v>8803427</v>
      </c>
      <c r="NF23" s="119">
        <v>19131698</v>
      </c>
      <c r="NG23" s="119">
        <v>27355571</v>
      </c>
      <c r="NH23" s="119">
        <v>38803308</v>
      </c>
      <c r="NI23" s="119">
        <v>24117115</v>
      </c>
      <c r="NJ23" s="120">
        <v>118211119</v>
      </c>
      <c r="NK23" s="321">
        <v>118211119</v>
      </c>
      <c r="NL23" s="142">
        <v>0</v>
      </c>
      <c r="NM23" s="119">
        <v>0</v>
      </c>
      <c r="NN23" s="120">
        <v>0</v>
      </c>
      <c r="NO23" s="145"/>
      <c r="NP23" s="119">
        <v>0</v>
      </c>
      <c r="NQ23" s="119">
        <v>0</v>
      </c>
      <c r="NR23" s="119">
        <v>0</v>
      </c>
      <c r="NS23" s="119">
        <v>687212</v>
      </c>
      <c r="NT23" s="119">
        <v>2980023</v>
      </c>
      <c r="NU23" s="120">
        <v>3667235</v>
      </c>
      <c r="NV23" s="121">
        <v>3667235</v>
      </c>
      <c r="NW23" s="142">
        <v>0</v>
      </c>
      <c r="NX23" s="119">
        <v>0</v>
      </c>
      <c r="NY23" s="120">
        <v>0</v>
      </c>
      <c r="NZ23" s="145"/>
      <c r="OA23" s="119">
        <v>0</v>
      </c>
      <c r="OB23" s="119">
        <v>0</v>
      </c>
      <c r="OC23" s="119">
        <v>583860</v>
      </c>
      <c r="OD23" s="119">
        <v>3866059</v>
      </c>
      <c r="OE23" s="119">
        <v>7398851</v>
      </c>
      <c r="OF23" s="120">
        <v>11848770</v>
      </c>
      <c r="OG23" s="121">
        <v>11848770</v>
      </c>
      <c r="OH23" s="142">
        <v>8265429</v>
      </c>
      <c r="OI23" s="119">
        <v>16493589</v>
      </c>
      <c r="OJ23" s="141">
        <v>24759018</v>
      </c>
      <c r="OK23" s="118">
        <v>0</v>
      </c>
      <c r="OL23" s="119">
        <v>179011998</v>
      </c>
      <c r="OM23" s="119">
        <v>231066074</v>
      </c>
      <c r="ON23" s="119">
        <v>278110136</v>
      </c>
      <c r="OO23" s="119">
        <v>316656118</v>
      </c>
      <c r="OP23" s="119">
        <v>228579808</v>
      </c>
      <c r="OQ23" s="120">
        <v>1233424134</v>
      </c>
      <c r="OR23" s="143">
        <v>1258183152</v>
      </c>
    </row>
    <row r="24" spans="1:408" ht="18.75" customHeight="1" x14ac:dyDescent="0.2">
      <c r="A24" s="62" t="s">
        <v>19</v>
      </c>
      <c r="B24" s="110">
        <v>4186111</v>
      </c>
      <c r="C24" s="114">
        <v>7906260</v>
      </c>
      <c r="D24" s="113">
        <v>12092371</v>
      </c>
      <c r="E24" s="109">
        <v>0</v>
      </c>
      <c r="F24" s="114">
        <v>62878303</v>
      </c>
      <c r="G24" s="114">
        <v>70080905</v>
      </c>
      <c r="H24" s="114">
        <v>54094590</v>
      </c>
      <c r="I24" s="114">
        <v>48317466</v>
      </c>
      <c r="J24" s="114">
        <v>35067691</v>
      </c>
      <c r="K24" s="109">
        <v>270438955</v>
      </c>
      <c r="L24" s="116">
        <v>282531326</v>
      </c>
      <c r="M24" s="110">
        <v>1116995</v>
      </c>
      <c r="N24" s="114">
        <v>1873298</v>
      </c>
      <c r="O24" s="113">
        <v>2990293</v>
      </c>
      <c r="P24" s="110">
        <v>0</v>
      </c>
      <c r="Q24" s="114">
        <v>15555484</v>
      </c>
      <c r="R24" s="114">
        <v>16452699</v>
      </c>
      <c r="S24" s="114">
        <v>15112884</v>
      </c>
      <c r="T24" s="114">
        <v>16644552</v>
      </c>
      <c r="U24" s="114">
        <v>14478753</v>
      </c>
      <c r="V24" s="113">
        <v>78244372</v>
      </c>
      <c r="W24" s="116">
        <v>81234665</v>
      </c>
      <c r="X24" s="110">
        <v>0</v>
      </c>
      <c r="Y24" s="114">
        <v>0</v>
      </c>
      <c r="Z24" s="113">
        <v>0</v>
      </c>
      <c r="AA24" s="110">
        <v>0</v>
      </c>
      <c r="AB24" s="114">
        <v>6870398</v>
      </c>
      <c r="AC24" s="114">
        <v>7348543</v>
      </c>
      <c r="AD24" s="114">
        <v>7952488</v>
      </c>
      <c r="AE24" s="114">
        <v>9164332</v>
      </c>
      <c r="AF24" s="114">
        <v>7074656</v>
      </c>
      <c r="AG24" s="113">
        <v>38410417</v>
      </c>
      <c r="AH24" s="116">
        <v>38410417</v>
      </c>
      <c r="AI24" s="110">
        <v>0</v>
      </c>
      <c r="AJ24" s="114">
        <v>0</v>
      </c>
      <c r="AK24" s="113">
        <v>0</v>
      </c>
      <c r="AL24" s="110">
        <v>0</v>
      </c>
      <c r="AM24" s="114">
        <v>226995</v>
      </c>
      <c r="AN24" s="114">
        <v>184916</v>
      </c>
      <c r="AO24" s="114">
        <v>685803</v>
      </c>
      <c r="AP24" s="114">
        <v>1257405</v>
      </c>
      <c r="AQ24" s="114">
        <v>1954938</v>
      </c>
      <c r="AR24" s="113">
        <v>4310057</v>
      </c>
      <c r="AS24" s="116">
        <v>4310057</v>
      </c>
      <c r="AT24" s="110">
        <v>625260</v>
      </c>
      <c r="AU24" s="114">
        <v>1426469</v>
      </c>
      <c r="AV24" s="113">
        <v>2051729</v>
      </c>
      <c r="AW24" s="110">
        <v>0</v>
      </c>
      <c r="AX24" s="114">
        <v>5443776</v>
      </c>
      <c r="AY24" s="114">
        <v>5707813</v>
      </c>
      <c r="AZ24" s="114">
        <v>3921835</v>
      </c>
      <c r="BA24" s="114">
        <v>3490769</v>
      </c>
      <c r="BB24" s="114">
        <v>3596337</v>
      </c>
      <c r="BC24" s="113">
        <v>22160530</v>
      </c>
      <c r="BD24" s="116">
        <v>24212259</v>
      </c>
      <c r="BE24" s="110">
        <v>46790</v>
      </c>
      <c r="BF24" s="114">
        <v>162681</v>
      </c>
      <c r="BG24" s="112">
        <v>209471</v>
      </c>
      <c r="BH24" s="111">
        <v>0</v>
      </c>
      <c r="BI24" s="114">
        <v>739320</v>
      </c>
      <c r="BJ24" s="114">
        <v>448122</v>
      </c>
      <c r="BK24" s="114">
        <v>219416</v>
      </c>
      <c r="BL24" s="114">
        <v>377227</v>
      </c>
      <c r="BM24" s="114">
        <v>132526</v>
      </c>
      <c r="BN24" s="113">
        <v>1916611</v>
      </c>
      <c r="BO24" s="116">
        <v>2126082</v>
      </c>
      <c r="BP24" s="110">
        <v>444945</v>
      </c>
      <c r="BQ24" s="114">
        <v>284148</v>
      </c>
      <c r="BR24" s="113">
        <v>729093</v>
      </c>
      <c r="BS24" s="110">
        <v>0</v>
      </c>
      <c r="BT24" s="114">
        <v>2274995</v>
      </c>
      <c r="BU24" s="114">
        <v>2763305</v>
      </c>
      <c r="BV24" s="114">
        <v>2333342</v>
      </c>
      <c r="BW24" s="114">
        <v>2354819</v>
      </c>
      <c r="BX24" s="114">
        <v>1720296</v>
      </c>
      <c r="BY24" s="113">
        <v>11446757</v>
      </c>
      <c r="BZ24" s="116">
        <v>12175850</v>
      </c>
      <c r="CA24" s="110">
        <v>532571</v>
      </c>
      <c r="CB24" s="114">
        <v>2071557</v>
      </c>
      <c r="CC24" s="113">
        <v>2604128</v>
      </c>
      <c r="CD24" s="110">
        <v>0</v>
      </c>
      <c r="CE24" s="114">
        <v>19998925</v>
      </c>
      <c r="CF24" s="114">
        <v>25682429</v>
      </c>
      <c r="CG24" s="114">
        <v>15746232</v>
      </c>
      <c r="CH24" s="114">
        <v>8201734</v>
      </c>
      <c r="CI24" s="114">
        <v>6491929</v>
      </c>
      <c r="CJ24" s="113">
        <v>76121249</v>
      </c>
      <c r="CK24" s="116">
        <v>78725377</v>
      </c>
      <c r="CL24" s="110">
        <v>0</v>
      </c>
      <c r="CM24" s="114">
        <v>0</v>
      </c>
      <c r="CN24" s="113">
        <v>0</v>
      </c>
      <c r="CO24" s="111">
        <v>0</v>
      </c>
      <c r="CP24" s="114">
        <v>14576099</v>
      </c>
      <c r="CQ24" s="114">
        <v>19416390</v>
      </c>
      <c r="CR24" s="114">
        <v>11519323</v>
      </c>
      <c r="CS24" s="114">
        <v>5260908</v>
      </c>
      <c r="CT24" s="114">
        <v>5000245</v>
      </c>
      <c r="CU24" s="113">
        <v>55772965</v>
      </c>
      <c r="CV24" s="116">
        <v>55772965</v>
      </c>
      <c r="CW24" s="110">
        <v>532571</v>
      </c>
      <c r="CX24" s="114">
        <v>2071557</v>
      </c>
      <c r="CY24" s="113">
        <v>2604128</v>
      </c>
      <c r="CZ24" s="110">
        <v>0</v>
      </c>
      <c r="DA24" s="114">
        <v>5422826</v>
      </c>
      <c r="DB24" s="114">
        <v>6266039</v>
      </c>
      <c r="DC24" s="114">
        <v>4226909</v>
      </c>
      <c r="DD24" s="114">
        <v>2940826</v>
      </c>
      <c r="DE24" s="114">
        <v>1491684</v>
      </c>
      <c r="DF24" s="113">
        <v>20348284</v>
      </c>
      <c r="DG24" s="116">
        <v>22952412</v>
      </c>
      <c r="DH24" s="110">
        <v>0</v>
      </c>
      <c r="DI24" s="114">
        <v>0</v>
      </c>
      <c r="DJ24" s="112">
        <v>0</v>
      </c>
      <c r="DK24" s="111">
        <v>0</v>
      </c>
      <c r="DL24" s="114">
        <v>1263674</v>
      </c>
      <c r="DM24" s="114">
        <v>3375428</v>
      </c>
      <c r="DN24" s="114">
        <v>5317251</v>
      </c>
      <c r="DO24" s="114">
        <v>4854992</v>
      </c>
      <c r="DP24" s="114">
        <v>2212188</v>
      </c>
      <c r="DQ24" s="113">
        <v>17023533</v>
      </c>
      <c r="DR24" s="116">
        <v>17023533</v>
      </c>
      <c r="DS24" s="110">
        <v>0</v>
      </c>
      <c r="DT24" s="114">
        <v>0</v>
      </c>
      <c r="DU24" s="113">
        <v>0</v>
      </c>
      <c r="DV24" s="110">
        <v>0</v>
      </c>
      <c r="DW24" s="114">
        <v>1003037</v>
      </c>
      <c r="DX24" s="114">
        <v>2649078</v>
      </c>
      <c r="DY24" s="114">
        <v>4879238</v>
      </c>
      <c r="DZ24" s="114">
        <v>3981469</v>
      </c>
      <c r="EA24" s="114">
        <v>1733564</v>
      </c>
      <c r="EB24" s="113">
        <v>14246386</v>
      </c>
      <c r="EC24" s="116">
        <v>14246386</v>
      </c>
      <c r="ED24" s="110">
        <v>0</v>
      </c>
      <c r="EE24" s="112">
        <v>0</v>
      </c>
      <c r="EF24" s="113">
        <v>0</v>
      </c>
      <c r="EG24" s="110">
        <v>0</v>
      </c>
      <c r="EH24" s="114">
        <v>260637</v>
      </c>
      <c r="EI24" s="114">
        <v>726350</v>
      </c>
      <c r="EJ24" s="114">
        <v>438013</v>
      </c>
      <c r="EK24" s="114">
        <v>873523</v>
      </c>
      <c r="EL24" s="114">
        <v>478624</v>
      </c>
      <c r="EM24" s="112">
        <v>2777147</v>
      </c>
      <c r="EN24" s="116">
        <v>2777147</v>
      </c>
      <c r="EO24" s="110">
        <v>0</v>
      </c>
      <c r="EP24" s="114">
        <v>0</v>
      </c>
      <c r="EQ24" s="112">
        <v>0</v>
      </c>
      <c r="ER24" s="111">
        <v>0</v>
      </c>
      <c r="ES24" s="114">
        <v>0</v>
      </c>
      <c r="ET24" s="114">
        <v>0</v>
      </c>
      <c r="EU24" s="114">
        <v>0</v>
      </c>
      <c r="EV24" s="114">
        <v>0</v>
      </c>
      <c r="EW24" s="114">
        <v>0</v>
      </c>
      <c r="EX24" s="113">
        <v>0</v>
      </c>
      <c r="EY24" s="116">
        <v>0</v>
      </c>
      <c r="EZ24" s="110">
        <v>0</v>
      </c>
      <c r="FA24" s="114">
        <v>0</v>
      </c>
      <c r="FB24" s="112">
        <v>0</v>
      </c>
      <c r="FC24" s="348"/>
      <c r="FD24" s="114">
        <v>0</v>
      </c>
      <c r="FE24" s="114">
        <v>0</v>
      </c>
      <c r="FF24" s="114">
        <v>0</v>
      </c>
      <c r="FG24" s="114">
        <v>0</v>
      </c>
      <c r="FH24" s="114">
        <v>0</v>
      </c>
      <c r="FI24" s="113">
        <v>0</v>
      </c>
      <c r="FJ24" s="116">
        <v>0</v>
      </c>
      <c r="FK24" s="110">
        <v>996052</v>
      </c>
      <c r="FL24" s="114">
        <v>1619493</v>
      </c>
      <c r="FM24" s="113">
        <v>2615545</v>
      </c>
      <c r="FN24" s="110">
        <v>0</v>
      </c>
      <c r="FO24" s="114">
        <v>3744962</v>
      </c>
      <c r="FP24" s="114">
        <v>5854182</v>
      </c>
      <c r="FQ24" s="114">
        <v>4394861</v>
      </c>
      <c r="FR24" s="114">
        <v>3812642</v>
      </c>
      <c r="FS24" s="114">
        <v>3818712</v>
      </c>
      <c r="FT24" s="113">
        <v>21625359</v>
      </c>
      <c r="FU24" s="116">
        <v>24240904</v>
      </c>
      <c r="FV24" s="115">
        <v>528236</v>
      </c>
      <c r="FW24" s="114">
        <v>1268778</v>
      </c>
      <c r="FX24" s="112">
        <v>1797014</v>
      </c>
      <c r="FY24" s="111">
        <v>0</v>
      </c>
      <c r="FZ24" s="114">
        <v>3275891</v>
      </c>
      <c r="GA24" s="114">
        <v>5359558</v>
      </c>
      <c r="GB24" s="114">
        <v>4252366</v>
      </c>
      <c r="GC24" s="114">
        <v>3763371</v>
      </c>
      <c r="GD24" s="114">
        <v>3472272</v>
      </c>
      <c r="GE24" s="113">
        <v>20123458</v>
      </c>
      <c r="GF24" s="319">
        <v>21920472</v>
      </c>
      <c r="GG24" s="115">
        <v>113805</v>
      </c>
      <c r="GH24" s="114">
        <v>131841</v>
      </c>
      <c r="GI24" s="112">
        <v>245646</v>
      </c>
      <c r="GJ24" s="111">
        <v>0</v>
      </c>
      <c r="GK24" s="114">
        <v>168957</v>
      </c>
      <c r="GL24" s="114">
        <v>49896</v>
      </c>
      <c r="GM24" s="114">
        <v>60840</v>
      </c>
      <c r="GN24" s="114">
        <v>49271</v>
      </c>
      <c r="GO24" s="114">
        <v>191010</v>
      </c>
      <c r="GP24" s="113">
        <v>519974</v>
      </c>
      <c r="GQ24" s="116">
        <v>765620</v>
      </c>
      <c r="GR24" s="110">
        <v>354011</v>
      </c>
      <c r="GS24" s="114">
        <v>218874</v>
      </c>
      <c r="GT24" s="113">
        <v>572885</v>
      </c>
      <c r="GU24" s="110">
        <v>0</v>
      </c>
      <c r="GV24" s="114">
        <v>300114</v>
      </c>
      <c r="GW24" s="114">
        <v>444728</v>
      </c>
      <c r="GX24" s="114">
        <v>81655</v>
      </c>
      <c r="GY24" s="114">
        <v>0</v>
      </c>
      <c r="GZ24" s="114">
        <v>155430</v>
      </c>
      <c r="HA24" s="112">
        <v>981927</v>
      </c>
      <c r="HB24" s="116">
        <v>1554812</v>
      </c>
      <c r="HC24" s="110">
        <v>892941</v>
      </c>
      <c r="HD24" s="114">
        <v>1149749</v>
      </c>
      <c r="HE24" s="112">
        <v>2042690</v>
      </c>
      <c r="HF24" s="111">
        <v>0</v>
      </c>
      <c r="HG24" s="114">
        <v>12442647</v>
      </c>
      <c r="HH24" s="114">
        <v>10527114</v>
      </c>
      <c r="HI24" s="114">
        <v>8335400</v>
      </c>
      <c r="HJ24" s="114">
        <v>11471424</v>
      </c>
      <c r="HK24" s="114">
        <v>5816245</v>
      </c>
      <c r="HL24" s="113">
        <v>48592830</v>
      </c>
      <c r="HM24" s="109">
        <v>50635520</v>
      </c>
      <c r="HN24" s="115">
        <v>647552</v>
      </c>
      <c r="HO24" s="114">
        <v>1192163</v>
      </c>
      <c r="HP24" s="113">
        <v>1839715</v>
      </c>
      <c r="HQ24" s="110">
        <v>0</v>
      </c>
      <c r="HR24" s="114">
        <v>9872611</v>
      </c>
      <c r="HS24" s="114">
        <v>8189053</v>
      </c>
      <c r="HT24" s="114">
        <v>5187962</v>
      </c>
      <c r="HU24" s="114">
        <v>3332122</v>
      </c>
      <c r="HV24" s="114">
        <v>2249864</v>
      </c>
      <c r="HW24" s="112">
        <v>28831612</v>
      </c>
      <c r="HX24" s="116">
        <v>30671327</v>
      </c>
      <c r="HY24" s="150">
        <v>0</v>
      </c>
      <c r="HZ24" s="135">
        <v>396721</v>
      </c>
      <c r="IA24" s="150">
        <v>396721</v>
      </c>
      <c r="IB24" s="134">
        <v>0</v>
      </c>
      <c r="IC24" s="135">
        <v>14155733</v>
      </c>
      <c r="ID24" s="136">
        <v>22622083</v>
      </c>
      <c r="IE24" s="137">
        <v>22493881</v>
      </c>
      <c r="IF24" s="135">
        <v>14422678</v>
      </c>
      <c r="IG24" s="137">
        <v>15698266</v>
      </c>
      <c r="IH24" s="138">
        <v>89392641</v>
      </c>
      <c r="II24" s="150">
        <v>89789362</v>
      </c>
      <c r="IJ24" s="232">
        <v>0</v>
      </c>
      <c r="IK24" s="236">
        <v>0</v>
      </c>
      <c r="IL24" s="237">
        <v>0</v>
      </c>
      <c r="IM24" s="140"/>
      <c r="IN24" s="119">
        <v>1069017</v>
      </c>
      <c r="IO24" s="119">
        <v>648138</v>
      </c>
      <c r="IP24" s="119">
        <v>733707</v>
      </c>
      <c r="IQ24" s="119">
        <v>1037097</v>
      </c>
      <c r="IR24" s="119">
        <v>906376</v>
      </c>
      <c r="IS24" s="141">
        <v>4394335</v>
      </c>
      <c r="IT24" s="321">
        <v>4394335</v>
      </c>
      <c r="IU24" s="142">
        <v>0</v>
      </c>
      <c r="IV24" s="119">
        <v>0</v>
      </c>
      <c r="IW24" s="120">
        <v>0</v>
      </c>
      <c r="IX24" s="144"/>
      <c r="IY24" s="119">
        <v>31632</v>
      </c>
      <c r="IZ24" s="119">
        <v>44824</v>
      </c>
      <c r="JA24" s="119">
        <v>94392</v>
      </c>
      <c r="JB24" s="119">
        <v>8725</v>
      </c>
      <c r="JC24" s="119">
        <v>0</v>
      </c>
      <c r="JD24" s="120">
        <v>179573</v>
      </c>
      <c r="JE24" s="121">
        <v>179573</v>
      </c>
      <c r="JF24" s="142">
        <v>0</v>
      </c>
      <c r="JG24" s="119">
        <v>0</v>
      </c>
      <c r="JH24" s="141">
        <v>0</v>
      </c>
      <c r="JI24" s="118">
        <v>0</v>
      </c>
      <c r="JJ24" s="119">
        <v>6612149</v>
      </c>
      <c r="JK24" s="119">
        <v>7302028</v>
      </c>
      <c r="JL24" s="119">
        <v>5424683</v>
      </c>
      <c r="JM24" s="119">
        <v>3124889</v>
      </c>
      <c r="JN24" s="119">
        <v>1248682</v>
      </c>
      <c r="JO24" s="120">
        <v>23712431</v>
      </c>
      <c r="JP24" s="321">
        <v>23712431</v>
      </c>
      <c r="JQ24" s="142">
        <v>0</v>
      </c>
      <c r="JR24" s="119">
        <v>0</v>
      </c>
      <c r="JS24" s="141">
        <v>0</v>
      </c>
      <c r="JT24" s="118">
        <v>0</v>
      </c>
      <c r="JU24" s="119">
        <v>988225</v>
      </c>
      <c r="JV24" s="119">
        <v>2517907</v>
      </c>
      <c r="JW24" s="119">
        <v>2158132</v>
      </c>
      <c r="JX24" s="119">
        <v>499159</v>
      </c>
      <c r="JY24" s="119">
        <v>674131</v>
      </c>
      <c r="JZ24" s="120">
        <v>6837554</v>
      </c>
      <c r="KA24" s="321">
        <v>6837554</v>
      </c>
      <c r="KB24" s="234">
        <v>0</v>
      </c>
      <c r="KC24" s="230">
        <v>156970</v>
      </c>
      <c r="KD24" s="120">
        <v>156970</v>
      </c>
      <c r="KE24" s="118">
        <v>0</v>
      </c>
      <c r="KF24" s="119">
        <v>2780042</v>
      </c>
      <c r="KG24" s="119">
        <v>6058616</v>
      </c>
      <c r="KH24" s="119">
        <v>6616387</v>
      </c>
      <c r="KI24" s="119">
        <v>4244010</v>
      </c>
      <c r="KJ24" s="119">
        <v>4765446</v>
      </c>
      <c r="KK24" s="120">
        <v>24464501</v>
      </c>
      <c r="KL24" s="143">
        <v>24621471</v>
      </c>
      <c r="KM24" s="232">
        <v>0</v>
      </c>
      <c r="KN24" s="236">
        <v>239751</v>
      </c>
      <c r="KO24" s="237">
        <v>239751</v>
      </c>
      <c r="KP24" s="140"/>
      <c r="KQ24" s="119">
        <v>2271956</v>
      </c>
      <c r="KR24" s="119">
        <v>5324774</v>
      </c>
      <c r="KS24" s="119">
        <v>6938788</v>
      </c>
      <c r="KT24" s="119">
        <v>4104724</v>
      </c>
      <c r="KU24" s="119">
        <v>3706453</v>
      </c>
      <c r="KV24" s="120">
        <v>22346695</v>
      </c>
      <c r="KW24" s="321">
        <v>22586446</v>
      </c>
      <c r="KX24" s="142">
        <v>0</v>
      </c>
      <c r="KY24" s="119">
        <v>0</v>
      </c>
      <c r="KZ24" s="120">
        <v>0</v>
      </c>
      <c r="LA24" s="145"/>
      <c r="LB24" s="119">
        <v>0</v>
      </c>
      <c r="LC24" s="119">
        <v>0</v>
      </c>
      <c r="LD24" s="119">
        <v>0</v>
      </c>
      <c r="LE24" s="119">
        <v>0</v>
      </c>
      <c r="LF24" s="119">
        <v>0</v>
      </c>
      <c r="LG24" s="120">
        <v>0</v>
      </c>
      <c r="LH24" s="121">
        <v>0</v>
      </c>
      <c r="LI24" s="142">
        <v>0</v>
      </c>
      <c r="LJ24" s="119">
        <v>0</v>
      </c>
      <c r="LK24" s="120">
        <v>0</v>
      </c>
      <c r="LL24" s="145"/>
      <c r="LM24" s="119">
        <v>0</v>
      </c>
      <c r="LN24" s="119">
        <v>0</v>
      </c>
      <c r="LO24" s="119">
        <v>0</v>
      </c>
      <c r="LP24" s="119">
        <v>0</v>
      </c>
      <c r="LQ24" s="119">
        <v>0</v>
      </c>
      <c r="LR24" s="120">
        <v>0</v>
      </c>
      <c r="LS24" s="321">
        <v>0</v>
      </c>
      <c r="LT24" s="142">
        <v>0</v>
      </c>
      <c r="LU24" s="119">
        <v>0</v>
      </c>
      <c r="LV24" s="120">
        <v>0</v>
      </c>
      <c r="LW24" s="145"/>
      <c r="LX24" s="119">
        <v>402712</v>
      </c>
      <c r="LY24" s="119">
        <v>725796</v>
      </c>
      <c r="LZ24" s="119">
        <v>527792</v>
      </c>
      <c r="MA24" s="119">
        <v>1404074</v>
      </c>
      <c r="MB24" s="119">
        <v>4397178</v>
      </c>
      <c r="MC24" s="120">
        <v>7457552</v>
      </c>
      <c r="MD24" s="121">
        <v>7457552</v>
      </c>
      <c r="ME24" s="142">
        <v>0</v>
      </c>
      <c r="MF24" s="119">
        <v>0</v>
      </c>
      <c r="MG24" s="120">
        <v>0</v>
      </c>
      <c r="MH24" s="145"/>
      <c r="MI24" s="119">
        <v>5543479</v>
      </c>
      <c r="MJ24" s="119">
        <v>15672718</v>
      </c>
      <c r="MK24" s="119">
        <v>47733811</v>
      </c>
      <c r="ML24" s="119">
        <v>56757372</v>
      </c>
      <c r="MM24" s="119">
        <v>37609321</v>
      </c>
      <c r="MN24" s="120">
        <v>163316701</v>
      </c>
      <c r="MO24" s="143">
        <v>163316701</v>
      </c>
      <c r="MP24" s="142">
        <v>0</v>
      </c>
      <c r="MQ24" s="119">
        <v>0</v>
      </c>
      <c r="MR24" s="120">
        <v>0</v>
      </c>
      <c r="MS24" s="145"/>
      <c r="MT24" s="119">
        <v>0</v>
      </c>
      <c r="MU24" s="119">
        <v>1856812</v>
      </c>
      <c r="MV24" s="119">
        <v>28175528</v>
      </c>
      <c r="MW24" s="119">
        <v>37086500</v>
      </c>
      <c r="MX24" s="119">
        <v>25251703</v>
      </c>
      <c r="MY24" s="120">
        <v>92370543</v>
      </c>
      <c r="MZ24" s="143">
        <v>92370543</v>
      </c>
      <c r="NA24" s="142">
        <v>0</v>
      </c>
      <c r="NB24" s="119">
        <v>0</v>
      </c>
      <c r="NC24" s="120">
        <v>0</v>
      </c>
      <c r="ND24" s="145"/>
      <c r="NE24" s="119">
        <v>5543479</v>
      </c>
      <c r="NF24" s="119">
        <v>13815906</v>
      </c>
      <c r="NG24" s="119">
        <v>19558283</v>
      </c>
      <c r="NH24" s="119">
        <v>18482730</v>
      </c>
      <c r="NI24" s="119">
        <v>9756814</v>
      </c>
      <c r="NJ24" s="120">
        <v>67157212</v>
      </c>
      <c r="NK24" s="321">
        <v>67157212</v>
      </c>
      <c r="NL24" s="142">
        <v>0</v>
      </c>
      <c r="NM24" s="119">
        <v>0</v>
      </c>
      <c r="NN24" s="120">
        <v>0</v>
      </c>
      <c r="NO24" s="145"/>
      <c r="NP24" s="119">
        <v>0</v>
      </c>
      <c r="NQ24" s="119">
        <v>0</v>
      </c>
      <c r="NR24" s="119">
        <v>0</v>
      </c>
      <c r="NS24" s="119">
        <v>0</v>
      </c>
      <c r="NT24" s="119">
        <v>0</v>
      </c>
      <c r="NU24" s="120">
        <v>0</v>
      </c>
      <c r="NV24" s="121">
        <v>0</v>
      </c>
      <c r="NW24" s="142">
        <v>0</v>
      </c>
      <c r="NX24" s="119">
        <v>0</v>
      </c>
      <c r="NY24" s="120">
        <v>0</v>
      </c>
      <c r="NZ24" s="145"/>
      <c r="OA24" s="119">
        <v>0</v>
      </c>
      <c r="OB24" s="119">
        <v>0</v>
      </c>
      <c r="OC24" s="119">
        <v>0</v>
      </c>
      <c r="OD24" s="119">
        <v>1188142</v>
      </c>
      <c r="OE24" s="119">
        <v>2600804</v>
      </c>
      <c r="OF24" s="120">
        <v>3788946</v>
      </c>
      <c r="OG24" s="121">
        <v>3788946</v>
      </c>
      <c r="OH24" s="142">
        <v>4186111</v>
      </c>
      <c r="OI24" s="119">
        <v>8302981</v>
      </c>
      <c r="OJ24" s="141">
        <v>12489092</v>
      </c>
      <c r="OK24" s="118">
        <v>0</v>
      </c>
      <c r="OL24" s="119">
        <v>82577515</v>
      </c>
      <c r="OM24" s="119">
        <v>108375706</v>
      </c>
      <c r="ON24" s="119">
        <v>124322282</v>
      </c>
      <c r="OO24" s="119">
        <v>119497516</v>
      </c>
      <c r="OP24" s="119">
        <v>88375278</v>
      </c>
      <c r="OQ24" s="120">
        <v>523148297</v>
      </c>
      <c r="OR24" s="143">
        <v>535637389</v>
      </c>
    </row>
    <row r="25" spans="1:408" ht="18.75" customHeight="1" x14ac:dyDescent="0.2">
      <c r="A25" s="62" t="s">
        <v>20</v>
      </c>
      <c r="B25" s="110">
        <v>3830731</v>
      </c>
      <c r="C25" s="114">
        <v>11814492</v>
      </c>
      <c r="D25" s="113">
        <v>15645223</v>
      </c>
      <c r="E25" s="110">
        <v>0</v>
      </c>
      <c r="F25" s="114">
        <v>80493854</v>
      </c>
      <c r="G25" s="114">
        <v>73659960</v>
      </c>
      <c r="H25" s="114">
        <v>73306096</v>
      </c>
      <c r="I25" s="114">
        <v>65929820</v>
      </c>
      <c r="J25" s="114">
        <v>39575472</v>
      </c>
      <c r="K25" s="173">
        <v>332965202</v>
      </c>
      <c r="L25" s="116">
        <v>348610425</v>
      </c>
      <c r="M25" s="110">
        <v>957139</v>
      </c>
      <c r="N25" s="114">
        <v>3010443</v>
      </c>
      <c r="O25" s="113">
        <v>3967582</v>
      </c>
      <c r="P25" s="110">
        <v>0</v>
      </c>
      <c r="Q25" s="114">
        <v>22675286</v>
      </c>
      <c r="R25" s="114">
        <v>22111879</v>
      </c>
      <c r="S25" s="114">
        <v>20309740</v>
      </c>
      <c r="T25" s="114">
        <v>21811720</v>
      </c>
      <c r="U25" s="114">
        <v>19147176</v>
      </c>
      <c r="V25" s="113">
        <v>106055801</v>
      </c>
      <c r="W25" s="116">
        <v>110023383</v>
      </c>
      <c r="X25" s="110">
        <v>0</v>
      </c>
      <c r="Y25" s="114">
        <v>0</v>
      </c>
      <c r="Z25" s="113">
        <v>0</v>
      </c>
      <c r="AA25" s="110">
        <v>0</v>
      </c>
      <c r="AB25" s="114">
        <v>8541593</v>
      </c>
      <c r="AC25" s="114">
        <v>9534658</v>
      </c>
      <c r="AD25" s="114">
        <v>11424301</v>
      </c>
      <c r="AE25" s="114">
        <v>12955065</v>
      </c>
      <c r="AF25" s="114">
        <v>9982586</v>
      </c>
      <c r="AG25" s="113">
        <v>52438203</v>
      </c>
      <c r="AH25" s="116">
        <v>52438203</v>
      </c>
      <c r="AI25" s="110">
        <v>0</v>
      </c>
      <c r="AJ25" s="114">
        <v>11014</v>
      </c>
      <c r="AK25" s="113">
        <v>11014</v>
      </c>
      <c r="AL25" s="110">
        <v>0</v>
      </c>
      <c r="AM25" s="114">
        <v>186081</v>
      </c>
      <c r="AN25" s="114">
        <v>450014</v>
      </c>
      <c r="AO25" s="114">
        <v>681055</v>
      </c>
      <c r="AP25" s="114">
        <v>1190545</v>
      </c>
      <c r="AQ25" s="114">
        <v>2972048</v>
      </c>
      <c r="AR25" s="113">
        <v>5479743</v>
      </c>
      <c r="AS25" s="116">
        <v>5490757</v>
      </c>
      <c r="AT25" s="110">
        <v>435411</v>
      </c>
      <c r="AU25" s="114">
        <v>1453688</v>
      </c>
      <c r="AV25" s="113">
        <v>1889099</v>
      </c>
      <c r="AW25" s="110">
        <v>0</v>
      </c>
      <c r="AX25" s="114">
        <v>8953240</v>
      </c>
      <c r="AY25" s="114">
        <v>7091025</v>
      </c>
      <c r="AZ25" s="114">
        <v>4072334</v>
      </c>
      <c r="BA25" s="114">
        <v>3511219</v>
      </c>
      <c r="BB25" s="114">
        <v>3439826</v>
      </c>
      <c r="BC25" s="113">
        <v>27067644</v>
      </c>
      <c r="BD25" s="116">
        <v>28956743</v>
      </c>
      <c r="BE25" s="110">
        <v>287838</v>
      </c>
      <c r="BF25" s="114">
        <v>926405</v>
      </c>
      <c r="BG25" s="112">
        <v>1214243</v>
      </c>
      <c r="BH25" s="111">
        <v>0</v>
      </c>
      <c r="BI25" s="114">
        <v>1830368</v>
      </c>
      <c r="BJ25" s="114">
        <v>1936725</v>
      </c>
      <c r="BK25" s="114">
        <v>1080275</v>
      </c>
      <c r="BL25" s="114">
        <v>1057295</v>
      </c>
      <c r="BM25" s="114">
        <v>839279</v>
      </c>
      <c r="BN25" s="113">
        <v>6743942</v>
      </c>
      <c r="BO25" s="116">
        <v>7958185</v>
      </c>
      <c r="BP25" s="110">
        <v>233890</v>
      </c>
      <c r="BQ25" s="114">
        <v>619336</v>
      </c>
      <c r="BR25" s="113">
        <v>853226</v>
      </c>
      <c r="BS25" s="110">
        <v>0</v>
      </c>
      <c r="BT25" s="114">
        <v>3164004</v>
      </c>
      <c r="BU25" s="114">
        <v>3099457</v>
      </c>
      <c r="BV25" s="114">
        <v>3051775</v>
      </c>
      <c r="BW25" s="114">
        <v>3097596</v>
      </c>
      <c r="BX25" s="114">
        <v>1913437</v>
      </c>
      <c r="BY25" s="113">
        <v>14326269</v>
      </c>
      <c r="BZ25" s="116">
        <v>15179495</v>
      </c>
      <c r="CA25" s="110">
        <v>432137</v>
      </c>
      <c r="CB25" s="114">
        <v>1866547</v>
      </c>
      <c r="CC25" s="113">
        <v>2298684</v>
      </c>
      <c r="CD25" s="110">
        <v>0</v>
      </c>
      <c r="CE25" s="114">
        <v>26148634</v>
      </c>
      <c r="CF25" s="114">
        <v>20759562</v>
      </c>
      <c r="CG25" s="114">
        <v>18580837</v>
      </c>
      <c r="CH25" s="114">
        <v>11731946</v>
      </c>
      <c r="CI25" s="114">
        <v>4807943</v>
      </c>
      <c r="CJ25" s="113">
        <v>82028922</v>
      </c>
      <c r="CK25" s="116">
        <v>84327606</v>
      </c>
      <c r="CL25" s="110">
        <v>0</v>
      </c>
      <c r="CM25" s="114">
        <v>0</v>
      </c>
      <c r="CN25" s="113">
        <v>0</v>
      </c>
      <c r="CO25" s="111">
        <v>0</v>
      </c>
      <c r="CP25" s="114">
        <v>17675933</v>
      </c>
      <c r="CQ25" s="114">
        <v>13661878</v>
      </c>
      <c r="CR25" s="114">
        <v>13260170</v>
      </c>
      <c r="CS25" s="114">
        <v>7418987</v>
      </c>
      <c r="CT25" s="114">
        <v>3672660</v>
      </c>
      <c r="CU25" s="113">
        <v>55689628</v>
      </c>
      <c r="CV25" s="116">
        <v>55689628</v>
      </c>
      <c r="CW25" s="110">
        <v>432137</v>
      </c>
      <c r="CX25" s="114">
        <v>1866547</v>
      </c>
      <c r="CY25" s="113">
        <v>2298684</v>
      </c>
      <c r="CZ25" s="110">
        <v>0</v>
      </c>
      <c r="DA25" s="114">
        <v>8472701</v>
      </c>
      <c r="DB25" s="114">
        <v>7097684</v>
      </c>
      <c r="DC25" s="114">
        <v>5320667</v>
      </c>
      <c r="DD25" s="114">
        <v>4312959</v>
      </c>
      <c r="DE25" s="114">
        <v>1135283</v>
      </c>
      <c r="DF25" s="113">
        <v>26339294</v>
      </c>
      <c r="DG25" s="116">
        <v>28637978</v>
      </c>
      <c r="DH25" s="110">
        <v>10364</v>
      </c>
      <c r="DI25" s="114">
        <v>192510</v>
      </c>
      <c r="DJ25" s="112">
        <v>202874</v>
      </c>
      <c r="DK25" s="111">
        <v>0</v>
      </c>
      <c r="DL25" s="114">
        <v>2568649</v>
      </c>
      <c r="DM25" s="114">
        <v>4107726</v>
      </c>
      <c r="DN25" s="114">
        <v>13182164</v>
      </c>
      <c r="DO25" s="114">
        <v>7877762</v>
      </c>
      <c r="DP25" s="114">
        <v>3351871</v>
      </c>
      <c r="DQ25" s="113">
        <v>31088172</v>
      </c>
      <c r="DR25" s="116">
        <v>31291046</v>
      </c>
      <c r="DS25" s="110">
        <v>10364</v>
      </c>
      <c r="DT25" s="114">
        <v>192510</v>
      </c>
      <c r="DU25" s="113">
        <v>202874</v>
      </c>
      <c r="DV25" s="110">
        <v>0</v>
      </c>
      <c r="DW25" s="114">
        <v>2519180</v>
      </c>
      <c r="DX25" s="114">
        <v>3757644</v>
      </c>
      <c r="DY25" s="114">
        <v>12315985</v>
      </c>
      <c r="DZ25" s="114">
        <v>7263077</v>
      </c>
      <c r="EA25" s="114">
        <v>2909201</v>
      </c>
      <c r="EB25" s="113">
        <v>28765087</v>
      </c>
      <c r="EC25" s="116">
        <v>28967961</v>
      </c>
      <c r="ED25" s="110">
        <v>0</v>
      </c>
      <c r="EE25" s="112">
        <v>0</v>
      </c>
      <c r="EF25" s="113">
        <v>0</v>
      </c>
      <c r="EG25" s="110">
        <v>0</v>
      </c>
      <c r="EH25" s="114">
        <v>49469</v>
      </c>
      <c r="EI25" s="114">
        <v>350082</v>
      </c>
      <c r="EJ25" s="114">
        <v>866179</v>
      </c>
      <c r="EK25" s="114">
        <v>614685</v>
      </c>
      <c r="EL25" s="114">
        <v>442670</v>
      </c>
      <c r="EM25" s="112">
        <v>2323085</v>
      </c>
      <c r="EN25" s="116">
        <v>2323085</v>
      </c>
      <c r="EO25" s="110">
        <v>0</v>
      </c>
      <c r="EP25" s="114">
        <v>0</v>
      </c>
      <c r="EQ25" s="112">
        <v>0</v>
      </c>
      <c r="ER25" s="111">
        <v>0</v>
      </c>
      <c r="ES25" s="114">
        <v>0</v>
      </c>
      <c r="ET25" s="114">
        <v>0</v>
      </c>
      <c r="EU25" s="114">
        <v>0</v>
      </c>
      <c r="EV25" s="114">
        <v>0</v>
      </c>
      <c r="EW25" s="114">
        <v>0</v>
      </c>
      <c r="EX25" s="113">
        <v>0</v>
      </c>
      <c r="EY25" s="116">
        <v>0</v>
      </c>
      <c r="EZ25" s="110">
        <v>0</v>
      </c>
      <c r="FA25" s="114">
        <v>0</v>
      </c>
      <c r="FB25" s="112">
        <v>0</v>
      </c>
      <c r="FC25" s="348"/>
      <c r="FD25" s="114">
        <v>0</v>
      </c>
      <c r="FE25" s="114">
        <v>0</v>
      </c>
      <c r="FF25" s="114">
        <v>0</v>
      </c>
      <c r="FG25" s="114">
        <v>0</v>
      </c>
      <c r="FH25" s="114">
        <v>0</v>
      </c>
      <c r="FI25" s="113">
        <v>0</v>
      </c>
      <c r="FJ25" s="116">
        <v>0</v>
      </c>
      <c r="FK25" s="110">
        <v>1010766</v>
      </c>
      <c r="FL25" s="114">
        <v>2332039</v>
      </c>
      <c r="FM25" s="113">
        <v>3342805</v>
      </c>
      <c r="FN25" s="110">
        <v>0</v>
      </c>
      <c r="FO25" s="114">
        <v>5527197</v>
      </c>
      <c r="FP25" s="114">
        <v>6673525</v>
      </c>
      <c r="FQ25" s="114">
        <v>4954612</v>
      </c>
      <c r="FR25" s="114">
        <v>4913128</v>
      </c>
      <c r="FS25" s="114">
        <v>3102884</v>
      </c>
      <c r="FT25" s="113">
        <v>25171346</v>
      </c>
      <c r="FU25" s="116">
        <v>28514151</v>
      </c>
      <c r="FV25" s="115">
        <v>681852</v>
      </c>
      <c r="FW25" s="114">
        <v>1875710</v>
      </c>
      <c r="FX25" s="112">
        <v>2557562</v>
      </c>
      <c r="FY25" s="111">
        <v>0</v>
      </c>
      <c r="FZ25" s="114">
        <v>4487127</v>
      </c>
      <c r="GA25" s="114">
        <v>5975485</v>
      </c>
      <c r="GB25" s="114">
        <v>4617927</v>
      </c>
      <c r="GC25" s="114">
        <v>4615626</v>
      </c>
      <c r="GD25" s="114">
        <v>2967182</v>
      </c>
      <c r="GE25" s="113">
        <v>22663347</v>
      </c>
      <c r="GF25" s="319">
        <v>25220909</v>
      </c>
      <c r="GG25" s="115">
        <v>48114</v>
      </c>
      <c r="GH25" s="114">
        <v>111229</v>
      </c>
      <c r="GI25" s="112">
        <v>159343</v>
      </c>
      <c r="GJ25" s="111">
        <v>0</v>
      </c>
      <c r="GK25" s="114">
        <v>186020</v>
      </c>
      <c r="GL25" s="114">
        <v>95985</v>
      </c>
      <c r="GM25" s="114">
        <v>156685</v>
      </c>
      <c r="GN25" s="114">
        <v>80882</v>
      </c>
      <c r="GO25" s="114">
        <v>29502</v>
      </c>
      <c r="GP25" s="113">
        <v>549074</v>
      </c>
      <c r="GQ25" s="116">
        <v>708417</v>
      </c>
      <c r="GR25" s="110">
        <v>280800</v>
      </c>
      <c r="GS25" s="114">
        <v>345100</v>
      </c>
      <c r="GT25" s="113">
        <v>625900</v>
      </c>
      <c r="GU25" s="110">
        <v>0</v>
      </c>
      <c r="GV25" s="114">
        <v>854050</v>
      </c>
      <c r="GW25" s="114">
        <v>602055</v>
      </c>
      <c r="GX25" s="114">
        <v>180000</v>
      </c>
      <c r="GY25" s="114">
        <v>216620</v>
      </c>
      <c r="GZ25" s="114">
        <v>106200</v>
      </c>
      <c r="HA25" s="112">
        <v>1958925</v>
      </c>
      <c r="HB25" s="116">
        <v>2584825</v>
      </c>
      <c r="HC25" s="110">
        <v>570015</v>
      </c>
      <c r="HD25" s="114">
        <v>2406573</v>
      </c>
      <c r="HE25" s="112">
        <v>2976588</v>
      </c>
      <c r="HF25" s="111">
        <v>0</v>
      </c>
      <c r="HG25" s="114">
        <v>10647708</v>
      </c>
      <c r="HH25" s="114">
        <v>12075398</v>
      </c>
      <c r="HI25" s="114">
        <v>9599325</v>
      </c>
      <c r="HJ25" s="114">
        <v>15357145</v>
      </c>
      <c r="HK25" s="114">
        <v>7077380</v>
      </c>
      <c r="HL25" s="113">
        <v>54756956</v>
      </c>
      <c r="HM25" s="109">
        <v>57733544</v>
      </c>
      <c r="HN25" s="115">
        <v>850310</v>
      </c>
      <c r="HO25" s="114">
        <v>2006380</v>
      </c>
      <c r="HP25" s="113">
        <v>2856690</v>
      </c>
      <c r="HQ25" s="110">
        <v>0</v>
      </c>
      <c r="HR25" s="114">
        <v>12926380</v>
      </c>
      <c r="HS25" s="114">
        <v>7931870</v>
      </c>
      <c r="HT25" s="114">
        <v>6679418</v>
      </c>
      <c r="HU25" s="114">
        <v>4238119</v>
      </c>
      <c r="HV25" s="114">
        <v>2088218</v>
      </c>
      <c r="HW25" s="112">
        <v>33864005</v>
      </c>
      <c r="HX25" s="116">
        <v>36720695</v>
      </c>
      <c r="HY25" s="131">
        <v>41234</v>
      </c>
      <c r="HZ25" s="132">
        <v>90211</v>
      </c>
      <c r="IA25" s="133">
        <v>131445</v>
      </c>
      <c r="IB25" s="146">
        <v>0</v>
      </c>
      <c r="IC25" s="132">
        <v>15048755</v>
      </c>
      <c r="ID25" s="147">
        <v>11820986</v>
      </c>
      <c r="IE25" s="133">
        <v>15573452</v>
      </c>
      <c r="IF25" s="132">
        <v>11310940</v>
      </c>
      <c r="IG25" s="133">
        <v>3133658</v>
      </c>
      <c r="IH25" s="148">
        <v>56887791</v>
      </c>
      <c r="II25" s="139">
        <v>57019236</v>
      </c>
      <c r="IJ25" s="232">
        <v>0</v>
      </c>
      <c r="IK25" s="236">
        <v>0</v>
      </c>
      <c r="IL25" s="237">
        <v>0</v>
      </c>
      <c r="IM25" s="140"/>
      <c r="IN25" s="119">
        <v>82941</v>
      </c>
      <c r="IO25" s="119">
        <v>0</v>
      </c>
      <c r="IP25" s="119">
        <v>0</v>
      </c>
      <c r="IQ25" s="119">
        <v>0</v>
      </c>
      <c r="IR25" s="119">
        <v>0</v>
      </c>
      <c r="IS25" s="141">
        <v>82941</v>
      </c>
      <c r="IT25" s="321">
        <v>82941</v>
      </c>
      <c r="IU25" s="142">
        <v>0</v>
      </c>
      <c r="IV25" s="119">
        <v>0</v>
      </c>
      <c r="IW25" s="120">
        <v>0</v>
      </c>
      <c r="IX25" s="144"/>
      <c r="IY25" s="119">
        <v>0</v>
      </c>
      <c r="IZ25" s="119">
        <v>0</v>
      </c>
      <c r="JA25" s="119">
        <v>0</v>
      </c>
      <c r="JB25" s="119">
        <v>0</v>
      </c>
      <c r="JC25" s="119">
        <v>0</v>
      </c>
      <c r="JD25" s="120">
        <v>0</v>
      </c>
      <c r="JE25" s="121">
        <v>0</v>
      </c>
      <c r="JF25" s="142">
        <v>0</v>
      </c>
      <c r="JG25" s="119">
        <v>0</v>
      </c>
      <c r="JH25" s="141">
        <v>0</v>
      </c>
      <c r="JI25" s="118">
        <v>0</v>
      </c>
      <c r="JJ25" s="119">
        <v>6848754</v>
      </c>
      <c r="JK25" s="119">
        <v>4326989</v>
      </c>
      <c r="JL25" s="119">
        <v>3956290</v>
      </c>
      <c r="JM25" s="119">
        <v>2723395</v>
      </c>
      <c r="JN25" s="119">
        <v>619452</v>
      </c>
      <c r="JO25" s="120">
        <v>18474880</v>
      </c>
      <c r="JP25" s="321">
        <v>18474880</v>
      </c>
      <c r="JQ25" s="142">
        <v>0</v>
      </c>
      <c r="JR25" s="119">
        <v>0</v>
      </c>
      <c r="JS25" s="141">
        <v>0</v>
      </c>
      <c r="JT25" s="118">
        <v>0</v>
      </c>
      <c r="JU25" s="119">
        <v>0</v>
      </c>
      <c r="JV25" s="119">
        <v>313376</v>
      </c>
      <c r="JW25" s="119">
        <v>591427</v>
      </c>
      <c r="JX25" s="119">
        <v>396235</v>
      </c>
      <c r="JY25" s="119">
        <v>368552</v>
      </c>
      <c r="JZ25" s="120">
        <v>1669590</v>
      </c>
      <c r="KA25" s="321">
        <v>1669590</v>
      </c>
      <c r="KB25" s="234">
        <v>41234</v>
      </c>
      <c r="KC25" s="230">
        <v>90211</v>
      </c>
      <c r="KD25" s="120">
        <v>131445</v>
      </c>
      <c r="KE25" s="118">
        <v>0</v>
      </c>
      <c r="KF25" s="119">
        <v>1823330</v>
      </c>
      <c r="KG25" s="119">
        <v>1687822</v>
      </c>
      <c r="KH25" s="119">
        <v>1621390</v>
      </c>
      <c r="KI25" s="119">
        <v>1022396</v>
      </c>
      <c r="KJ25" s="119">
        <v>0</v>
      </c>
      <c r="KK25" s="120">
        <v>6154938</v>
      </c>
      <c r="KL25" s="143">
        <v>6286383</v>
      </c>
      <c r="KM25" s="232">
        <v>0</v>
      </c>
      <c r="KN25" s="236">
        <v>0</v>
      </c>
      <c r="KO25" s="237">
        <v>0</v>
      </c>
      <c r="KP25" s="140"/>
      <c r="KQ25" s="119">
        <v>6293730</v>
      </c>
      <c r="KR25" s="119">
        <v>5492799</v>
      </c>
      <c r="KS25" s="119">
        <v>9404345</v>
      </c>
      <c r="KT25" s="119">
        <v>7168914</v>
      </c>
      <c r="KU25" s="119">
        <v>2145654</v>
      </c>
      <c r="KV25" s="120">
        <v>30505442</v>
      </c>
      <c r="KW25" s="321">
        <v>30505442</v>
      </c>
      <c r="KX25" s="142">
        <v>0</v>
      </c>
      <c r="KY25" s="119">
        <v>0</v>
      </c>
      <c r="KZ25" s="120">
        <v>0</v>
      </c>
      <c r="LA25" s="145"/>
      <c r="LB25" s="119">
        <v>0</v>
      </c>
      <c r="LC25" s="119">
        <v>0</v>
      </c>
      <c r="LD25" s="119">
        <v>0</v>
      </c>
      <c r="LE25" s="119">
        <v>0</v>
      </c>
      <c r="LF25" s="119">
        <v>0</v>
      </c>
      <c r="LG25" s="120">
        <v>0</v>
      </c>
      <c r="LH25" s="121">
        <v>0</v>
      </c>
      <c r="LI25" s="142">
        <v>0</v>
      </c>
      <c r="LJ25" s="119">
        <v>0</v>
      </c>
      <c r="LK25" s="120">
        <v>0</v>
      </c>
      <c r="LL25" s="145"/>
      <c r="LM25" s="119">
        <v>0</v>
      </c>
      <c r="LN25" s="119">
        <v>0</v>
      </c>
      <c r="LO25" s="119">
        <v>0</v>
      </c>
      <c r="LP25" s="119">
        <v>0</v>
      </c>
      <c r="LQ25" s="119">
        <v>0</v>
      </c>
      <c r="LR25" s="120">
        <v>0</v>
      </c>
      <c r="LS25" s="321">
        <v>0</v>
      </c>
      <c r="LT25" s="142">
        <v>0</v>
      </c>
      <c r="LU25" s="119">
        <v>0</v>
      </c>
      <c r="LV25" s="120">
        <v>0</v>
      </c>
      <c r="LW25" s="145"/>
      <c r="LX25" s="119">
        <v>0</v>
      </c>
      <c r="LY25" s="119">
        <v>0</v>
      </c>
      <c r="LZ25" s="119">
        <v>0</v>
      </c>
      <c r="MA25" s="119">
        <v>0</v>
      </c>
      <c r="MB25" s="119">
        <v>0</v>
      </c>
      <c r="MC25" s="120">
        <v>0</v>
      </c>
      <c r="MD25" s="121">
        <v>0</v>
      </c>
      <c r="ME25" s="142">
        <v>0</v>
      </c>
      <c r="MF25" s="119">
        <v>0</v>
      </c>
      <c r="MG25" s="120">
        <v>0</v>
      </c>
      <c r="MH25" s="145"/>
      <c r="MI25" s="119">
        <v>6037464</v>
      </c>
      <c r="MJ25" s="119">
        <v>16594965</v>
      </c>
      <c r="MK25" s="119">
        <v>52108741</v>
      </c>
      <c r="ML25" s="119">
        <v>65419169</v>
      </c>
      <c r="MM25" s="119">
        <v>41955989</v>
      </c>
      <c r="MN25" s="120">
        <v>182116328</v>
      </c>
      <c r="MO25" s="143">
        <v>182116328</v>
      </c>
      <c r="MP25" s="142">
        <v>0</v>
      </c>
      <c r="MQ25" s="119">
        <v>0</v>
      </c>
      <c r="MR25" s="120">
        <v>0</v>
      </c>
      <c r="MS25" s="145"/>
      <c r="MT25" s="119">
        <v>847200</v>
      </c>
      <c r="MU25" s="119">
        <v>5944818</v>
      </c>
      <c r="MV25" s="119">
        <v>39513961</v>
      </c>
      <c r="MW25" s="119">
        <v>51742929</v>
      </c>
      <c r="MX25" s="119">
        <v>33048332</v>
      </c>
      <c r="MY25" s="120">
        <v>131097240</v>
      </c>
      <c r="MZ25" s="143">
        <v>131097240</v>
      </c>
      <c r="NA25" s="142">
        <v>0</v>
      </c>
      <c r="NB25" s="119">
        <v>0</v>
      </c>
      <c r="NC25" s="120">
        <v>0</v>
      </c>
      <c r="ND25" s="145"/>
      <c r="NE25" s="119">
        <v>5190264</v>
      </c>
      <c r="NF25" s="119">
        <v>10650147</v>
      </c>
      <c r="NG25" s="119">
        <v>12234871</v>
      </c>
      <c r="NH25" s="119">
        <v>13514796</v>
      </c>
      <c r="NI25" s="119">
        <v>6147143</v>
      </c>
      <c r="NJ25" s="120">
        <v>47737221</v>
      </c>
      <c r="NK25" s="321">
        <v>47737221</v>
      </c>
      <c r="NL25" s="142">
        <v>0</v>
      </c>
      <c r="NM25" s="119">
        <v>0</v>
      </c>
      <c r="NN25" s="120">
        <v>0</v>
      </c>
      <c r="NO25" s="145"/>
      <c r="NP25" s="119">
        <v>0</v>
      </c>
      <c r="NQ25" s="119">
        <v>0</v>
      </c>
      <c r="NR25" s="119">
        <v>0</v>
      </c>
      <c r="NS25" s="119">
        <v>0</v>
      </c>
      <c r="NT25" s="119">
        <v>751085</v>
      </c>
      <c r="NU25" s="120">
        <v>751085</v>
      </c>
      <c r="NV25" s="121">
        <v>751085</v>
      </c>
      <c r="NW25" s="142">
        <v>0</v>
      </c>
      <c r="NX25" s="119">
        <v>0</v>
      </c>
      <c r="NY25" s="120">
        <v>0</v>
      </c>
      <c r="NZ25" s="145"/>
      <c r="OA25" s="119">
        <v>0</v>
      </c>
      <c r="OB25" s="119">
        <v>0</v>
      </c>
      <c r="OC25" s="119">
        <v>359909</v>
      </c>
      <c r="OD25" s="119">
        <v>161444</v>
      </c>
      <c r="OE25" s="119">
        <v>2009429</v>
      </c>
      <c r="OF25" s="120">
        <v>2530782</v>
      </c>
      <c r="OG25" s="121">
        <v>2530782</v>
      </c>
      <c r="OH25" s="142">
        <v>3871965</v>
      </c>
      <c r="OI25" s="119">
        <v>11904703</v>
      </c>
      <c r="OJ25" s="141">
        <v>15776668</v>
      </c>
      <c r="OK25" s="118">
        <v>0</v>
      </c>
      <c r="OL25" s="119">
        <v>101580073</v>
      </c>
      <c r="OM25" s="119">
        <v>102075911</v>
      </c>
      <c r="ON25" s="119">
        <v>140988289</v>
      </c>
      <c r="OO25" s="119">
        <v>142659929</v>
      </c>
      <c r="OP25" s="119">
        <v>84665119</v>
      </c>
      <c r="OQ25" s="120">
        <v>571969321</v>
      </c>
      <c r="OR25" s="143">
        <v>587745989</v>
      </c>
    </row>
    <row r="26" spans="1:408" ht="18.75" customHeight="1" x14ac:dyDescent="0.2">
      <c r="A26" s="62" t="s">
        <v>21</v>
      </c>
      <c r="B26" s="110">
        <v>6024549</v>
      </c>
      <c r="C26" s="114">
        <v>11883625</v>
      </c>
      <c r="D26" s="113">
        <v>17908174</v>
      </c>
      <c r="E26" s="109">
        <v>0</v>
      </c>
      <c r="F26" s="114">
        <v>63014154</v>
      </c>
      <c r="G26" s="114">
        <v>104471879</v>
      </c>
      <c r="H26" s="114">
        <v>85683435</v>
      </c>
      <c r="I26" s="114">
        <v>71673739</v>
      </c>
      <c r="J26" s="114">
        <v>53045490</v>
      </c>
      <c r="K26" s="173">
        <v>377888697</v>
      </c>
      <c r="L26" s="116">
        <v>395796871</v>
      </c>
      <c r="M26" s="110">
        <v>1945815</v>
      </c>
      <c r="N26" s="114">
        <v>3650985</v>
      </c>
      <c r="O26" s="113">
        <v>5596800</v>
      </c>
      <c r="P26" s="110">
        <v>0</v>
      </c>
      <c r="Q26" s="114">
        <v>18583611</v>
      </c>
      <c r="R26" s="114">
        <v>35304645</v>
      </c>
      <c r="S26" s="114">
        <v>28848649</v>
      </c>
      <c r="T26" s="114">
        <v>30834537</v>
      </c>
      <c r="U26" s="114">
        <v>24284867</v>
      </c>
      <c r="V26" s="113">
        <v>137856309</v>
      </c>
      <c r="W26" s="116">
        <v>143453109</v>
      </c>
      <c r="X26" s="110">
        <v>0</v>
      </c>
      <c r="Y26" s="114">
        <v>0</v>
      </c>
      <c r="Z26" s="113">
        <v>0</v>
      </c>
      <c r="AA26" s="110">
        <v>0</v>
      </c>
      <c r="AB26" s="114">
        <v>8717892</v>
      </c>
      <c r="AC26" s="114">
        <v>17849582</v>
      </c>
      <c r="AD26" s="114">
        <v>17638136</v>
      </c>
      <c r="AE26" s="114">
        <v>19736036</v>
      </c>
      <c r="AF26" s="114">
        <v>15062317</v>
      </c>
      <c r="AG26" s="113">
        <v>79003963</v>
      </c>
      <c r="AH26" s="116">
        <v>79003963</v>
      </c>
      <c r="AI26" s="110">
        <v>0</v>
      </c>
      <c r="AJ26" s="114">
        <v>0</v>
      </c>
      <c r="AK26" s="113">
        <v>0</v>
      </c>
      <c r="AL26" s="110">
        <v>0</v>
      </c>
      <c r="AM26" s="114">
        <v>0</v>
      </c>
      <c r="AN26" s="114">
        <v>309816</v>
      </c>
      <c r="AO26" s="114">
        <v>1191917</v>
      </c>
      <c r="AP26" s="114">
        <v>1535958</v>
      </c>
      <c r="AQ26" s="114">
        <v>2734907</v>
      </c>
      <c r="AR26" s="113">
        <v>5772598</v>
      </c>
      <c r="AS26" s="116">
        <v>5772598</v>
      </c>
      <c r="AT26" s="110">
        <v>1097825</v>
      </c>
      <c r="AU26" s="114">
        <v>2142918</v>
      </c>
      <c r="AV26" s="113">
        <v>3240743</v>
      </c>
      <c r="AW26" s="110">
        <v>0</v>
      </c>
      <c r="AX26" s="114">
        <v>6478686</v>
      </c>
      <c r="AY26" s="114">
        <v>11327990</v>
      </c>
      <c r="AZ26" s="114">
        <v>5959169</v>
      </c>
      <c r="BA26" s="114">
        <v>5743541</v>
      </c>
      <c r="BB26" s="114">
        <v>3714645</v>
      </c>
      <c r="BC26" s="113">
        <v>33224031</v>
      </c>
      <c r="BD26" s="116">
        <v>36464774</v>
      </c>
      <c r="BE26" s="110">
        <v>336030</v>
      </c>
      <c r="BF26" s="114">
        <v>884398</v>
      </c>
      <c r="BG26" s="112">
        <v>1220428</v>
      </c>
      <c r="BH26" s="111">
        <v>0</v>
      </c>
      <c r="BI26" s="114">
        <v>594799</v>
      </c>
      <c r="BJ26" s="114">
        <v>1237046</v>
      </c>
      <c r="BK26" s="114">
        <v>507680</v>
      </c>
      <c r="BL26" s="114">
        <v>763621</v>
      </c>
      <c r="BM26" s="114">
        <v>122718</v>
      </c>
      <c r="BN26" s="113">
        <v>3225864</v>
      </c>
      <c r="BO26" s="116">
        <v>4446292</v>
      </c>
      <c r="BP26" s="110">
        <v>511960</v>
      </c>
      <c r="BQ26" s="114">
        <v>623669</v>
      </c>
      <c r="BR26" s="113">
        <v>1135629</v>
      </c>
      <c r="BS26" s="110">
        <v>0</v>
      </c>
      <c r="BT26" s="114">
        <v>2792234</v>
      </c>
      <c r="BU26" s="114">
        <v>4580211</v>
      </c>
      <c r="BV26" s="114">
        <v>3551747</v>
      </c>
      <c r="BW26" s="114">
        <v>3055381</v>
      </c>
      <c r="BX26" s="114">
        <v>2650280</v>
      </c>
      <c r="BY26" s="113">
        <v>16629853</v>
      </c>
      <c r="BZ26" s="116">
        <v>17765482</v>
      </c>
      <c r="CA26" s="110">
        <v>547372</v>
      </c>
      <c r="CB26" s="114">
        <v>1850368</v>
      </c>
      <c r="CC26" s="113">
        <v>2397740</v>
      </c>
      <c r="CD26" s="110">
        <v>0</v>
      </c>
      <c r="CE26" s="114">
        <v>18841826</v>
      </c>
      <c r="CF26" s="114">
        <v>28104637</v>
      </c>
      <c r="CG26" s="114">
        <v>20175763</v>
      </c>
      <c r="CH26" s="114">
        <v>12640951</v>
      </c>
      <c r="CI26" s="114">
        <v>5929952</v>
      </c>
      <c r="CJ26" s="113">
        <v>85693129</v>
      </c>
      <c r="CK26" s="116">
        <v>88090869</v>
      </c>
      <c r="CL26" s="110">
        <v>0</v>
      </c>
      <c r="CM26" s="114">
        <v>0</v>
      </c>
      <c r="CN26" s="113">
        <v>0</v>
      </c>
      <c r="CO26" s="111">
        <v>0</v>
      </c>
      <c r="CP26" s="114">
        <v>16167235</v>
      </c>
      <c r="CQ26" s="114">
        <v>23890480</v>
      </c>
      <c r="CR26" s="114">
        <v>16836723</v>
      </c>
      <c r="CS26" s="114">
        <v>11709548</v>
      </c>
      <c r="CT26" s="114">
        <v>4440890</v>
      </c>
      <c r="CU26" s="113">
        <v>73044876</v>
      </c>
      <c r="CV26" s="116">
        <v>73044876</v>
      </c>
      <c r="CW26" s="110">
        <v>547372</v>
      </c>
      <c r="CX26" s="114">
        <v>1850368</v>
      </c>
      <c r="CY26" s="113">
        <v>2397740</v>
      </c>
      <c r="CZ26" s="110">
        <v>0</v>
      </c>
      <c r="DA26" s="114">
        <v>2674591</v>
      </c>
      <c r="DB26" s="114">
        <v>4214157</v>
      </c>
      <c r="DC26" s="114">
        <v>3339040</v>
      </c>
      <c r="DD26" s="114">
        <v>931403</v>
      </c>
      <c r="DE26" s="114">
        <v>1489062</v>
      </c>
      <c r="DF26" s="113">
        <v>12648253</v>
      </c>
      <c r="DG26" s="116">
        <v>15045993</v>
      </c>
      <c r="DH26" s="110">
        <v>35654</v>
      </c>
      <c r="DI26" s="114">
        <v>164099</v>
      </c>
      <c r="DJ26" s="112">
        <v>199753</v>
      </c>
      <c r="DK26" s="111">
        <v>0</v>
      </c>
      <c r="DL26" s="114">
        <v>1625643</v>
      </c>
      <c r="DM26" s="114">
        <v>4066133</v>
      </c>
      <c r="DN26" s="114">
        <v>10397164</v>
      </c>
      <c r="DO26" s="114">
        <v>8639824</v>
      </c>
      <c r="DP26" s="114">
        <v>5819977</v>
      </c>
      <c r="DQ26" s="113">
        <v>30548741</v>
      </c>
      <c r="DR26" s="116">
        <v>30748494</v>
      </c>
      <c r="DS26" s="110">
        <v>35654</v>
      </c>
      <c r="DT26" s="114">
        <v>164099</v>
      </c>
      <c r="DU26" s="113">
        <v>199753</v>
      </c>
      <c r="DV26" s="110">
        <v>0</v>
      </c>
      <c r="DW26" s="114">
        <v>1517233</v>
      </c>
      <c r="DX26" s="114">
        <v>3785305</v>
      </c>
      <c r="DY26" s="114">
        <v>10094127</v>
      </c>
      <c r="DZ26" s="114">
        <v>8608290</v>
      </c>
      <c r="EA26" s="114">
        <v>5341102</v>
      </c>
      <c r="EB26" s="113">
        <v>29346057</v>
      </c>
      <c r="EC26" s="116">
        <v>29545810</v>
      </c>
      <c r="ED26" s="110">
        <v>0</v>
      </c>
      <c r="EE26" s="112">
        <v>0</v>
      </c>
      <c r="EF26" s="113">
        <v>0</v>
      </c>
      <c r="EG26" s="110">
        <v>0</v>
      </c>
      <c r="EH26" s="114">
        <v>108410</v>
      </c>
      <c r="EI26" s="114">
        <v>280828</v>
      </c>
      <c r="EJ26" s="114">
        <v>303037</v>
      </c>
      <c r="EK26" s="114">
        <v>31534</v>
      </c>
      <c r="EL26" s="114">
        <v>478875</v>
      </c>
      <c r="EM26" s="112">
        <v>1202684</v>
      </c>
      <c r="EN26" s="116">
        <v>1202684</v>
      </c>
      <c r="EO26" s="110">
        <v>0</v>
      </c>
      <c r="EP26" s="114">
        <v>0</v>
      </c>
      <c r="EQ26" s="112">
        <v>0</v>
      </c>
      <c r="ER26" s="111">
        <v>0</v>
      </c>
      <c r="ES26" s="114">
        <v>0</v>
      </c>
      <c r="ET26" s="114">
        <v>0</v>
      </c>
      <c r="EU26" s="114">
        <v>0</v>
      </c>
      <c r="EV26" s="114">
        <v>0</v>
      </c>
      <c r="EW26" s="114">
        <v>0</v>
      </c>
      <c r="EX26" s="113">
        <v>0</v>
      </c>
      <c r="EY26" s="116">
        <v>0</v>
      </c>
      <c r="EZ26" s="110">
        <v>0</v>
      </c>
      <c r="FA26" s="114">
        <v>0</v>
      </c>
      <c r="FB26" s="112">
        <v>0</v>
      </c>
      <c r="FC26" s="348"/>
      <c r="FD26" s="114">
        <v>0</v>
      </c>
      <c r="FE26" s="114">
        <v>0</v>
      </c>
      <c r="FF26" s="114">
        <v>0</v>
      </c>
      <c r="FG26" s="114">
        <v>0</v>
      </c>
      <c r="FH26" s="114">
        <v>0</v>
      </c>
      <c r="FI26" s="113">
        <v>0</v>
      </c>
      <c r="FJ26" s="116">
        <v>0</v>
      </c>
      <c r="FK26" s="110">
        <v>1159674</v>
      </c>
      <c r="FL26" s="114">
        <v>2691993</v>
      </c>
      <c r="FM26" s="113">
        <v>3851667</v>
      </c>
      <c r="FN26" s="110">
        <v>0</v>
      </c>
      <c r="FO26" s="114">
        <v>3415866</v>
      </c>
      <c r="FP26" s="114">
        <v>9735981</v>
      </c>
      <c r="FQ26" s="114">
        <v>6471500</v>
      </c>
      <c r="FR26" s="114">
        <v>5826766</v>
      </c>
      <c r="FS26" s="114">
        <v>3661983</v>
      </c>
      <c r="FT26" s="113">
        <v>29112096</v>
      </c>
      <c r="FU26" s="116">
        <v>32963763</v>
      </c>
      <c r="FV26" s="115">
        <v>744888</v>
      </c>
      <c r="FW26" s="114">
        <v>2383996</v>
      </c>
      <c r="FX26" s="112">
        <v>3128884</v>
      </c>
      <c r="FY26" s="111">
        <v>0</v>
      </c>
      <c r="FZ26" s="114">
        <v>2813069</v>
      </c>
      <c r="GA26" s="114">
        <v>8787453</v>
      </c>
      <c r="GB26" s="114">
        <v>5533573</v>
      </c>
      <c r="GC26" s="114">
        <v>5365750</v>
      </c>
      <c r="GD26" s="114">
        <v>3550203</v>
      </c>
      <c r="GE26" s="113">
        <v>26050048</v>
      </c>
      <c r="GF26" s="319">
        <v>29178932</v>
      </c>
      <c r="GG26" s="115">
        <v>91548</v>
      </c>
      <c r="GH26" s="114">
        <v>155627</v>
      </c>
      <c r="GI26" s="112">
        <v>247175</v>
      </c>
      <c r="GJ26" s="111">
        <v>0</v>
      </c>
      <c r="GK26" s="114">
        <v>242149</v>
      </c>
      <c r="GL26" s="114">
        <v>270468</v>
      </c>
      <c r="GM26" s="114">
        <v>188307</v>
      </c>
      <c r="GN26" s="114">
        <v>265176</v>
      </c>
      <c r="GO26" s="114">
        <v>111780</v>
      </c>
      <c r="GP26" s="113">
        <v>1077880</v>
      </c>
      <c r="GQ26" s="116">
        <v>1325055</v>
      </c>
      <c r="GR26" s="110">
        <v>323238</v>
      </c>
      <c r="GS26" s="114">
        <v>152370</v>
      </c>
      <c r="GT26" s="113">
        <v>475608</v>
      </c>
      <c r="GU26" s="110">
        <v>0</v>
      </c>
      <c r="GV26" s="114">
        <v>360648</v>
      </c>
      <c r="GW26" s="114">
        <v>678060</v>
      </c>
      <c r="GX26" s="114">
        <v>749620</v>
      </c>
      <c r="GY26" s="114">
        <v>195840</v>
      </c>
      <c r="GZ26" s="114">
        <v>0</v>
      </c>
      <c r="HA26" s="112">
        <v>1984168</v>
      </c>
      <c r="HB26" s="116">
        <v>2459776</v>
      </c>
      <c r="HC26" s="110">
        <v>1245230</v>
      </c>
      <c r="HD26" s="114">
        <v>1653288</v>
      </c>
      <c r="HE26" s="112">
        <v>2898518</v>
      </c>
      <c r="HF26" s="111">
        <v>0</v>
      </c>
      <c r="HG26" s="114">
        <v>9225065</v>
      </c>
      <c r="HH26" s="114">
        <v>14060340</v>
      </c>
      <c r="HI26" s="114">
        <v>11895359</v>
      </c>
      <c r="HJ26" s="114">
        <v>8362507</v>
      </c>
      <c r="HK26" s="114">
        <v>10474657</v>
      </c>
      <c r="HL26" s="113">
        <v>54017928</v>
      </c>
      <c r="HM26" s="109">
        <v>56916446</v>
      </c>
      <c r="HN26" s="115">
        <v>1090804</v>
      </c>
      <c r="HO26" s="114">
        <v>1872892</v>
      </c>
      <c r="HP26" s="113">
        <v>2963696</v>
      </c>
      <c r="HQ26" s="110">
        <v>0</v>
      </c>
      <c r="HR26" s="114">
        <v>11322143</v>
      </c>
      <c r="HS26" s="114">
        <v>13200143</v>
      </c>
      <c r="HT26" s="114">
        <v>7895000</v>
      </c>
      <c r="HU26" s="114">
        <v>5369154</v>
      </c>
      <c r="HV26" s="114">
        <v>2874054</v>
      </c>
      <c r="HW26" s="112">
        <v>40660494</v>
      </c>
      <c r="HX26" s="116">
        <v>43624190</v>
      </c>
      <c r="HY26" s="150">
        <v>46943</v>
      </c>
      <c r="HZ26" s="135">
        <v>84068</v>
      </c>
      <c r="IA26" s="150">
        <v>131011</v>
      </c>
      <c r="IB26" s="134">
        <v>0</v>
      </c>
      <c r="IC26" s="135">
        <v>14332000</v>
      </c>
      <c r="ID26" s="136">
        <v>21889334</v>
      </c>
      <c r="IE26" s="137">
        <v>18658484</v>
      </c>
      <c r="IF26" s="135">
        <v>10811560</v>
      </c>
      <c r="IG26" s="137">
        <v>8683484</v>
      </c>
      <c r="IH26" s="138">
        <v>74374862</v>
      </c>
      <c r="II26" s="150">
        <v>74505873</v>
      </c>
      <c r="IJ26" s="232">
        <v>0</v>
      </c>
      <c r="IK26" s="236">
        <v>0</v>
      </c>
      <c r="IL26" s="237">
        <v>0</v>
      </c>
      <c r="IM26" s="140"/>
      <c r="IN26" s="119">
        <v>116617</v>
      </c>
      <c r="IO26" s="119">
        <v>655339</v>
      </c>
      <c r="IP26" s="119">
        <v>381788</v>
      </c>
      <c r="IQ26" s="119">
        <v>471685</v>
      </c>
      <c r="IR26" s="119">
        <v>674030</v>
      </c>
      <c r="IS26" s="141">
        <v>2299459</v>
      </c>
      <c r="IT26" s="321">
        <v>2299459</v>
      </c>
      <c r="IU26" s="142">
        <v>0</v>
      </c>
      <c r="IV26" s="119">
        <v>0</v>
      </c>
      <c r="IW26" s="120">
        <v>0</v>
      </c>
      <c r="IX26" s="144"/>
      <c r="IY26" s="119">
        <v>0</v>
      </c>
      <c r="IZ26" s="119">
        <v>0</v>
      </c>
      <c r="JA26" s="119">
        <v>0</v>
      </c>
      <c r="JB26" s="119">
        <v>0</v>
      </c>
      <c r="JC26" s="119">
        <v>0</v>
      </c>
      <c r="JD26" s="120">
        <v>0</v>
      </c>
      <c r="JE26" s="121">
        <v>0</v>
      </c>
      <c r="JF26" s="142">
        <v>0</v>
      </c>
      <c r="JG26" s="119">
        <v>0</v>
      </c>
      <c r="JH26" s="141">
        <v>0</v>
      </c>
      <c r="JI26" s="118">
        <v>0</v>
      </c>
      <c r="JJ26" s="119">
        <v>7979446</v>
      </c>
      <c r="JK26" s="119">
        <v>11881095</v>
      </c>
      <c r="JL26" s="119">
        <v>5644393</v>
      </c>
      <c r="JM26" s="119">
        <v>3108783</v>
      </c>
      <c r="JN26" s="119">
        <v>1661976</v>
      </c>
      <c r="JO26" s="120">
        <v>30275693</v>
      </c>
      <c r="JP26" s="321">
        <v>30275693</v>
      </c>
      <c r="JQ26" s="142">
        <v>0</v>
      </c>
      <c r="JR26" s="119">
        <v>0</v>
      </c>
      <c r="JS26" s="141">
        <v>0</v>
      </c>
      <c r="JT26" s="118">
        <v>0</v>
      </c>
      <c r="JU26" s="119">
        <v>0</v>
      </c>
      <c r="JV26" s="119">
        <v>0</v>
      </c>
      <c r="JW26" s="119">
        <v>0</v>
      </c>
      <c r="JX26" s="119">
        <v>0</v>
      </c>
      <c r="JY26" s="119">
        <v>0</v>
      </c>
      <c r="JZ26" s="120">
        <v>0</v>
      </c>
      <c r="KA26" s="321">
        <v>0</v>
      </c>
      <c r="KB26" s="234">
        <v>46943</v>
      </c>
      <c r="KC26" s="230">
        <v>84068</v>
      </c>
      <c r="KD26" s="120">
        <v>131011</v>
      </c>
      <c r="KE26" s="118">
        <v>0</v>
      </c>
      <c r="KF26" s="119">
        <v>1334766</v>
      </c>
      <c r="KG26" s="119">
        <v>1510348</v>
      </c>
      <c r="KH26" s="119">
        <v>5234310</v>
      </c>
      <c r="KI26" s="119">
        <v>2651582</v>
      </c>
      <c r="KJ26" s="119">
        <v>1560688</v>
      </c>
      <c r="KK26" s="120">
        <v>12291694</v>
      </c>
      <c r="KL26" s="143">
        <v>12422705</v>
      </c>
      <c r="KM26" s="232">
        <v>0</v>
      </c>
      <c r="KN26" s="236">
        <v>0</v>
      </c>
      <c r="KO26" s="237">
        <v>0</v>
      </c>
      <c r="KP26" s="140"/>
      <c r="KQ26" s="119">
        <v>4758604</v>
      </c>
      <c r="KR26" s="119">
        <v>7062256</v>
      </c>
      <c r="KS26" s="119">
        <v>6854434</v>
      </c>
      <c r="KT26" s="119">
        <v>3962070</v>
      </c>
      <c r="KU26" s="119">
        <v>3089279</v>
      </c>
      <c r="KV26" s="120">
        <v>25726643</v>
      </c>
      <c r="KW26" s="321">
        <v>25726643</v>
      </c>
      <c r="KX26" s="142">
        <v>0</v>
      </c>
      <c r="KY26" s="119">
        <v>0</v>
      </c>
      <c r="KZ26" s="120">
        <v>0</v>
      </c>
      <c r="LA26" s="145"/>
      <c r="LB26" s="119">
        <v>0</v>
      </c>
      <c r="LC26" s="119">
        <v>0</v>
      </c>
      <c r="LD26" s="119">
        <v>0</v>
      </c>
      <c r="LE26" s="119">
        <v>0</v>
      </c>
      <c r="LF26" s="119">
        <v>0</v>
      </c>
      <c r="LG26" s="120">
        <v>0</v>
      </c>
      <c r="LH26" s="121">
        <v>0</v>
      </c>
      <c r="LI26" s="142">
        <v>0</v>
      </c>
      <c r="LJ26" s="119">
        <v>0</v>
      </c>
      <c r="LK26" s="120">
        <v>0</v>
      </c>
      <c r="LL26" s="145"/>
      <c r="LM26" s="119">
        <v>0</v>
      </c>
      <c r="LN26" s="119">
        <v>0</v>
      </c>
      <c r="LO26" s="119">
        <v>0</v>
      </c>
      <c r="LP26" s="119">
        <v>0</v>
      </c>
      <c r="LQ26" s="119">
        <v>0</v>
      </c>
      <c r="LR26" s="120">
        <v>0</v>
      </c>
      <c r="LS26" s="321">
        <v>0</v>
      </c>
      <c r="LT26" s="142">
        <v>0</v>
      </c>
      <c r="LU26" s="119">
        <v>0</v>
      </c>
      <c r="LV26" s="120">
        <v>0</v>
      </c>
      <c r="LW26" s="145"/>
      <c r="LX26" s="119">
        <v>142567</v>
      </c>
      <c r="LY26" s="119">
        <v>780296</v>
      </c>
      <c r="LZ26" s="119">
        <v>543559</v>
      </c>
      <c r="MA26" s="119">
        <v>617440</v>
      </c>
      <c r="MB26" s="119">
        <v>1697511</v>
      </c>
      <c r="MC26" s="120">
        <v>3781373</v>
      </c>
      <c r="MD26" s="121">
        <v>3781373</v>
      </c>
      <c r="ME26" s="142">
        <v>0</v>
      </c>
      <c r="MF26" s="119">
        <v>0</v>
      </c>
      <c r="MG26" s="120">
        <v>0</v>
      </c>
      <c r="MH26" s="145"/>
      <c r="MI26" s="119">
        <v>4957812</v>
      </c>
      <c r="MJ26" s="119">
        <v>11747303</v>
      </c>
      <c r="MK26" s="119">
        <v>55256130</v>
      </c>
      <c r="ML26" s="119">
        <v>65914648</v>
      </c>
      <c r="MM26" s="119">
        <v>51509410</v>
      </c>
      <c r="MN26" s="120">
        <v>189385303</v>
      </c>
      <c r="MO26" s="143">
        <v>189385303</v>
      </c>
      <c r="MP26" s="142">
        <v>0</v>
      </c>
      <c r="MQ26" s="119">
        <v>0</v>
      </c>
      <c r="MR26" s="120">
        <v>0</v>
      </c>
      <c r="MS26" s="145"/>
      <c r="MT26" s="119">
        <v>678070</v>
      </c>
      <c r="MU26" s="119">
        <v>3669150</v>
      </c>
      <c r="MV26" s="119">
        <v>43548563</v>
      </c>
      <c r="MW26" s="119">
        <v>48117825</v>
      </c>
      <c r="MX26" s="119">
        <v>39630265</v>
      </c>
      <c r="MY26" s="120">
        <v>135643873</v>
      </c>
      <c r="MZ26" s="143">
        <v>135643873</v>
      </c>
      <c r="NA26" s="142">
        <v>0</v>
      </c>
      <c r="NB26" s="119">
        <v>0</v>
      </c>
      <c r="NC26" s="120">
        <v>0</v>
      </c>
      <c r="ND26" s="145"/>
      <c r="NE26" s="119">
        <v>4279742</v>
      </c>
      <c r="NF26" s="119">
        <v>8078153</v>
      </c>
      <c r="NG26" s="119">
        <v>10977029</v>
      </c>
      <c r="NH26" s="119">
        <v>13371788</v>
      </c>
      <c r="NI26" s="119">
        <v>7409356</v>
      </c>
      <c r="NJ26" s="120">
        <v>44116068</v>
      </c>
      <c r="NK26" s="321">
        <v>44116068</v>
      </c>
      <c r="NL26" s="142">
        <v>0</v>
      </c>
      <c r="NM26" s="119">
        <v>0</v>
      </c>
      <c r="NN26" s="120">
        <v>0</v>
      </c>
      <c r="NO26" s="145"/>
      <c r="NP26" s="119">
        <v>0</v>
      </c>
      <c r="NQ26" s="119">
        <v>0</v>
      </c>
      <c r="NR26" s="119">
        <v>350395</v>
      </c>
      <c r="NS26" s="119">
        <v>323925</v>
      </c>
      <c r="NT26" s="119">
        <v>708550</v>
      </c>
      <c r="NU26" s="120">
        <v>1382870</v>
      </c>
      <c r="NV26" s="121">
        <v>1382870</v>
      </c>
      <c r="NW26" s="142">
        <v>0</v>
      </c>
      <c r="NX26" s="119">
        <v>0</v>
      </c>
      <c r="NY26" s="120">
        <v>0</v>
      </c>
      <c r="NZ26" s="145"/>
      <c r="OA26" s="119">
        <v>0</v>
      </c>
      <c r="OB26" s="119">
        <v>0</v>
      </c>
      <c r="OC26" s="119">
        <v>380143</v>
      </c>
      <c r="OD26" s="119">
        <v>4101110</v>
      </c>
      <c r="OE26" s="119">
        <v>3761239</v>
      </c>
      <c r="OF26" s="120">
        <v>8242492</v>
      </c>
      <c r="OG26" s="121">
        <v>8242492</v>
      </c>
      <c r="OH26" s="142">
        <v>6071492</v>
      </c>
      <c r="OI26" s="119">
        <v>11967693</v>
      </c>
      <c r="OJ26" s="141">
        <v>18039185</v>
      </c>
      <c r="OK26" s="118">
        <v>0</v>
      </c>
      <c r="OL26" s="119">
        <v>82303966</v>
      </c>
      <c r="OM26" s="119">
        <v>138108516</v>
      </c>
      <c r="ON26" s="119">
        <v>159598049</v>
      </c>
      <c r="OO26" s="119">
        <v>148399947</v>
      </c>
      <c r="OP26" s="119">
        <v>113238384</v>
      </c>
      <c r="OQ26" s="120">
        <v>641648862</v>
      </c>
      <c r="OR26" s="143">
        <v>659688047</v>
      </c>
    </row>
    <row r="27" spans="1:408" ht="18.75" customHeight="1" x14ac:dyDescent="0.2">
      <c r="A27" s="62" t="s">
        <v>22</v>
      </c>
      <c r="B27" s="110">
        <v>1247289</v>
      </c>
      <c r="C27" s="114">
        <v>2903932</v>
      </c>
      <c r="D27" s="113">
        <v>4151221</v>
      </c>
      <c r="E27" s="109">
        <v>0</v>
      </c>
      <c r="F27" s="114">
        <v>25019887</v>
      </c>
      <c r="G27" s="114">
        <v>28801681</v>
      </c>
      <c r="H27" s="114">
        <v>22483912</v>
      </c>
      <c r="I27" s="114">
        <v>21803881</v>
      </c>
      <c r="J27" s="114">
        <v>15700561</v>
      </c>
      <c r="K27" s="173">
        <v>113809922</v>
      </c>
      <c r="L27" s="116">
        <v>117961143</v>
      </c>
      <c r="M27" s="110">
        <v>117876</v>
      </c>
      <c r="N27" s="114">
        <v>450648</v>
      </c>
      <c r="O27" s="113">
        <v>568524</v>
      </c>
      <c r="P27" s="110">
        <v>0</v>
      </c>
      <c r="Q27" s="114">
        <v>4588637</v>
      </c>
      <c r="R27" s="114">
        <v>7035611</v>
      </c>
      <c r="S27" s="114">
        <v>4645914</v>
      </c>
      <c r="T27" s="114">
        <v>7088092</v>
      </c>
      <c r="U27" s="114">
        <v>7298078</v>
      </c>
      <c r="V27" s="113">
        <v>30656332</v>
      </c>
      <c r="W27" s="116">
        <v>31224856</v>
      </c>
      <c r="X27" s="110">
        <v>0</v>
      </c>
      <c r="Y27" s="114">
        <v>0</v>
      </c>
      <c r="Z27" s="113">
        <v>0</v>
      </c>
      <c r="AA27" s="110">
        <v>0</v>
      </c>
      <c r="AB27" s="114">
        <v>1951099</v>
      </c>
      <c r="AC27" s="114">
        <v>3172567</v>
      </c>
      <c r="AD27" s="114">
        <v>2263088</v>
      </c>
      <c r="AE27" s="114">
        <v>4450762</v>
      </c>
      <c r="AF27" s="114">
        <v>3964401</v>
      </c>
      <c r="AG27" s="113">
        <v>15801917</v>
      </c>
      <c r="AH27" s="116">
        <v>15801917</v>
      </c>
      <c r="AI27" s="110">
        <v>0</v>
      </c>
      <c r="AJ27" s="114">
        <v>0</v>
      </c>
      <c r="AK27" s="113">
        <v>0</v>
      </c>
      <c r="AL27" s="110">
        <v>0</v>
      </c>
      <c r="AM27" s="114">
        <v>0</v>
      </c>
      <c r="AN27" s="114">
        <v>48672</v>
      </c>
      <c r="AO27" s="114">
        <v>433294</v>
      </c>
      <c r="AP27" s="114">
        <v>631557</v>
      </c>
      <c r="AQ27" s="114">
        <v>1304389</v>
      </c>
      <c r="AR27" s="113">
        <v>2417912</v>
      </c>
      <c r="AS27" s="116">
        <v>2417912</v>
      </c>
      <c r="AT27" s="110">
        <v>74964</v>
      </c>
      <c r="AU27" s="114">
        <v>289918</v>
      </c>
      <c r="AV27" s="113">
        <v>364882</v>
      </c>
      <c r="AW27" s="110">
        <v>0</v>
      </c>
      <c r="AX27" s="114">
        <v>1538599</v>
      </c>
      <c r="AY27" s="114">
        <v>2618804</v>
      </c>
      <c r="AZ27" s="114">
        <v>961404</v>
      </c>
      <c r="BA27" s="114">
        <v>1281695</v>
      </c>
      <c r="BB27" s="114">
        <v>1487747</v>
      </c>
      <c r="BC27" s="113">
        <v>7888249</v>
      </c>
      <c r="BD27" s="116">
        <v>8253131</v>
      </c>
      <c r="BE27" s="110">
        <v>0</v>
      </c>
      <c r="BF27" s="114">
        <v>67491</v>
      </c>
      <c r="BG27" s="112">
        <v>67491</v>
      </c>
      <c r="BH27" s="111">
        <v>0</v>
      </c>
      <c r="BI27" s="114">
        <v>292961</v>
      </c>
      <c r="BJ27" s="114">
        <v>218098</v>
      </c>
      <c r="BK27" s="114">
        <v>230042</v>
      </c>
      <c r="BL27" s="114">
        <v>57071</v>
      </c>
      <c r="BM27" s="114">
        <v>176092</v>
      </c>
      <c r="BN27" s="113">
        <v>974264</v>
      </c>
      <c r="BO27" s="116">
        <v>1041755</v>
      </c>
      <c r="BP27" s="110">
        <v>42912</v>
      </c>
      <c r="BQ27" s="114">
        <v>93239</v>
      </c>
      <c r="BR27" s="113">
        <v>136151</v>
      </c>
      <c r="BS27" s="110">
        <v>0</v>
      </c>
      <c r="BT27" s="114">
        <v>805978</v>
      </c>
      <c r="BU27" s="114">
        <v>977470</v>
      </c>
      <c r="BV27" s="114">
        <v>758086</v>
      </c>
      <c r="BW27" s="114">
        <v>667007</v>
      </c>
      <c r="BX27" s="114">
        <v>365449</v>
      </c>
      <c r="BY27" s="113">
        <v>3573990</v>
      </c>
      <c r="BZ27" s="116">
        <v>3710141</v>
      </c>
      <c r="CA27" s="110">
        <v>23376</v>
      </c>
      <c r="CB27" s="114">
        <v>255804</v>
      </c>
      <c r="CC27" s="113">
        <v>279180</v>
      </c>
      <c r="CD27" s="110">
        <v>0</v>
      </c>
      <c r="CE27" s="114">
        <v>7661630</v>
      </c>
      <c r="CF27" s="114">
        <v>8164338</v>
      </c>
      <c r="CG27" s="114">
        <v>4835862</v>
      </c>
      <c r="CH27" s="114">
        <v>3866957</v>
      </c>
      <c r="CI27" s="114">
        <v>2414212</v>
      </c>
      <c r="CJ27" s="113">
        <v>26942999</v>
      </c>
      <c r="CK27" s="116">
        <v>27222179</v>
      </c>
      <c r="CL27" s="110">
        <v>0</v>
      </c>
      <c r="CM27" s="114">
        <v>0</v>
      </c>
      <c r="CN27" s="113">
        <v>0</v>
      </c>
      <c r="CO27" s="111">
        <v>0</v>
      </c>
      <c r="CP27" s="114">
        <v>6584679</v>
      </c>
      <c r="CQ27" s="114">
        <v>7045185</v>
      </c>
      <c r="CR27" s="114">
        <v>3595228</v>
      </c>
      <c r="CS27" s="114">
        <v>2785659</v>
      </c>
      <c r="CT27" s="114">
        <v>1966433</v>
      </c>
      <c r="CU27" s="113">
        <v>21977184</v>
      </c>
      <c r="CV27" s="116">
        <v>21977184</v>
      </c>
      <c r="CW27" s="110">
        <v>23376</v>
      </c>
      <c r="CX27" s="114">
        <v>255804</v>
      </c>
      <c r="CY27" s="113">
        <v>279180</v>
      </c>
      <c r="CZ27" s="110">
        <v>0</v>
      </c>
      <c r="DA27" s="114">
        <v>1076951</v>
      </c>
      <c r="DB27" s="114">
        <v>1119153</v>
      </c>
      <c r="DC27" s="114">
        <v>1240634</v>
      </c>
      <c r="DD27" s="114">
        <v>1081298</v>
      </c>
      <c r="DE27" s="114">
        <v>447779</v>
      </c>
      <c r="DF27" s="113">
        <v>4965815</v>
      </c>
      <c r="DG27" s="116">
        <v>5244995</v>
      </c>
      <c r="DH27" s="110">
        <v>0</v>
      </c>
      <c r="DI27" s="114">
        <v>168022</v>
      </c>
      <c r="DJ27" s="112">
        <v>168022</v>
      </c>
      <c r="DK27" s="111">
        <v>0</v>
      </c>
      <c r="DL27" s="114">
        <v>516130</v>
      </c>
      <c r="DM27" s="114">
        <v>1299768</v>
      </c>
      <c r="DN27" s="114">
        <v>4103538</v>
      </c>
      <c r="DO27" s="114">
        <v>1960565</v>
      </c>
      <c r="DP27" s="114">
        <v>893892</v>
      </c>
      <c r="DQ27" s="113">
        <v>8773893</v>
      </c>
      <c r="DR27" s="116">
        <v>8941915</v>
      </c>
      <c r="DS27" s="110">
        <v>0</v>
      </c>
      <c r="DT27" s="114">
        <v>168022</v>
      </c>
      <c r="DU27" s="113">
        <v>168022</v>
      </c>
      <c r="DV27" s="110">
        <v>0</v>
      </c>
      <c r="DW27" s="114">
        <v>438127</v>
      </c>
      <c r="DX27" s="114">
        <v>1266522</v>
      </c>
      <c r="DY27" s="114">
        <v>3682546</v>
      </c>
      <c r="DZ27" s="114">
        <v>1730216</v>
      </c>
      <c r="EA27" s="114">
        <v>821655</v>
      </c>
      <c r="EB27" s="113">
        <v>7939066</v>
      </c>
      <c r="EC27" s="116">
        <v>8107088</v>
      </c>
      <c r="ED27" s="110">
        <v>0</v>
      </c>
      <c r="EE27" s="112">
        <v>0</v>
      </c>
      <c r="EF27" s="113">
        <v>0</v>
      </c>
      <c r="EG27" s="110">
        <v>0</v>
      </c>
      <c r="EH27" s="114">
        <v>78003</v>
      </c>
      <c r="EI27" s="114">
        <v>33246</v>
      </c>
      <c r="EJ27" s="114">
        <v>420992</v>
      </c>
      <c r="EK27" s="114">
        <v>230349</v>
      </c>
      <c r="EL27" s="114">
        <v>72237</v>
      </c>
      <c r="EM27" s="112">
        <v>834827</v>
      </c>
      <c r="EN27" s="116">
        <v>834827</v>
      </c>
      <c r="EO27" s="110">
        <v>0</v>
      </c>
      <c r="EP27" s="114">
        <v>0</v>
      </c>
      <c r="EQ27" s="112">
        <v>0</v>
      </c>
      <c r="ER27" s="111">
        <v>0</v>
      </c>
      <c r="ES27" s="114">
        <v>0</v>
      </c>
      <c r="ET27" s="114">
        <v>0</v>
      </c>
      <c r="EU27" s="114">
        <v>0</v>
      </c>
      <c r="EV27" s="114">
        <v>0</v>
      </c>
      <c r="EW27" s="114">
        <v>0</v>
      </c>
      <c r="EX27" s="113">
        <v>0</v>
      </c>
      <c r="EY27" s="116">
        <v>0</v>
      </c>
      <c r="EZ27" s="110">
        <v>0</v>
      </c>
      <c r="FA27" s="114">
        <v>0</v>
      </c>
      <c r="FB27" s="112">
        <v>0</v>
      </c>
      <c r="FC27" s="348"/>
      <c r="FD27" s="114">
        <v>0</v>
      </c>
      <c r="FE27" s="114">
        <v>0</v>
      </c>
      <c r="FF27" s="114">
        <v>0</v>
      </c>
      <c r="FG27" s="114">
        <v>0</v>
      </c>
      <c r="FH27" s="114">
        <v>0</v>
      </c>
      <c r="FI27" s="113">
        <v>0</v>
      </c>
      <c r="FJ27" s="116">
        <v>0</v>
      </c>
      <c r="FK27" s="110">
        <v>547841</v>
      </c>
      <c r="FL27" s="114">
        <v>893197</v>
      </c>
      <c r="FM27" s="113">
        <v>1441038</v>
      </c>
      <c r="FN27" s="110">
        <v>0</v>
      </c>
      <c r="FO27" s="114">
        <v>2329675</v>
      </c>
      <c r="FP27" s="114">
        <v>3381608</v>
      </c>
      <c r="FQ27" s="114">
        <v>2005085</v>
      </c>
      <c r="FR27" s="114">
        <v>1671277</v>
      </c>
      <c r="FS27" s="114">
        <v>1402322</v>
      </c>
      <c r="FT27" s="113">
        <v>10789967</v>
      </c>
      <c r="FU27" s="116">
        <v>12231005</v>
      </c>
      <c r="FV27" s="115">
        <v>225112</v>
      </c>
      <c r="FW27" s="114">
        <v>799777</v>
      </c>
      <c r="FX27" s="112">
        <v>1024889</v>
      </c>
      <c r="FY27" s="111">
        <v>0</v>
      </c>
      <c r="FZ27" s="114">
        <v>1317474</v>
      </c>
      <c r="GA27" s="114">
        <v>2773509</v>
      </c>
      <c r="GB27" s="114">
        <v>1773065</v>
      </c>
      <c r="GC27" s="114">
        <v>1654477</v>
      </c>
      <c r="GD27" s="114">
        <v>1402322</v>
      </c>
      <c r="GE27" s="113">
        <v>8920847</v>
      </c>
      <c r="GF27" s="319">
        <v>9945736</v>
      </c>
      <c r="GG27" s="115">
        <v>0</v>
      </c>
      <c r="GH27" s="114">
        <v>0</v>
      </c>
      <c r="GI27" s="112">
        <v>0</v>
      </c>
      <c r="GJ27" s="111">
        <v>0</v>
      </c>
      <c r="GK27" s="114">
        <v>37422</v>
      </c>
      <c r="GL27" s="114">
        <v>105810</v>
      </c>
      <c r="GM27" s="114">
        <v>109710</v>
      </c>
      <c r="GN27" s="114">
        <v>16800</v>
      </c>
      <c r="GO27" s="114">
        <v>0</v>
      </c>
      <c r="GP27" s="113">
        <v>269742</v>
      </c>
      <c r="GQ27" s="116">
        <v>269742</v>
      </c>
      <c r="GR27" s="110">
        <v>322729</v>
      </c>
      <c r="GS27" s="114">
        <v>93420</v>
      </c>
      <c r="GT27" s="113">
        <v>416149</v>
      </c>
      <c r="GU27" s="110">
        <v>0</v>
      </c>
      <c r="GV27" s="114">
        <v>974779</v>
      </c>
      <c r="GW27" s="114">
        <v>502289</v>
      </c>
      <c r="GX27" s="114">
        <v>122310</v>
      </c>
      <c r="GY27" s="114">
        <v>0</v>
      </c>
      <c r="GZ27" s="114">
        <v>0</v>
      </c>
      <c r="HA27" s="112">
        <v>1599378</v>
      </c>
      <c r="HB27" s="116">
        <v>2015527</v>
      </c>
      <c r="HC27" s="110">
        <v>314056</v>
      </c>
      <c r="HD27" s="114">
        <v>450698</v>
      </c>
      <c r="HE27" s="112">
        <v>764754</v>
      </c>
      <c r="HF27" s="111">
        <v>0</v>
      </c>
      <c r="HG27" s="114">
        <v>5116246</v>
      </c>
      <c r="HH27" s="114">
        <v>4641311</v>
      </c>
      <c r="HI27" s="114">
        <v>4484204</v>
      </c>
      <c r="HJ27" s="114">
        <v>5376164</v>
      </c>
      <c r="HK27" s="114">
        <v>2592862</v>
      </c>
      <c r="HL27" s="113">
        <v>22210787</v>
      </c>
      <c r="HM27" s="109">
        <v>22975541</v>
      </c>
      <c r="HN27" s="115">
        <v>244140</v>
      </c>
      <c r="HO27" s="114">
        <v>685563</v>
      </c>
      <c r="HP27" s="113">
        <v>929703</v>
      </c>
      <c r="HQ27" s="110">
        <v>0</v>
      </c>
      <c r="HR27" s="114">
        <v>4807569</v>
      </c>
      <c r="HS27" s="114">
        <v>4279045</v>
      </c>
      <c r="HT27" s="114">
        <v>2409309</v>
      </c>
      <c r="HU27" s="114">
        <v>1840826</v>
      </c>
      <c r="HV27" s="114">
        <v>1099195</v>
      </c>
      <c r="HW27" s="112">
        <v>14435944</v>
      </c>
      <c r="HX27" s="116">
        <v>15365647</v>
      </c>
      <c r="HY27" s="131">
        <v>209065</v>
      </c>
      <c r="HZ27" s="132">
        <v>331821</v>
      </c>
      <c r="IA27" s="133">
        <v>540886</v>
      </c>
      <c r="IB27" s="146">
        <v>0</v>
      </c>
      <c r="IC27" s="132">
        <v>12228611</v>
      </c>
      <c r="ID27" s="147">
        <v>13910143</v>
      </c>
      <c r="IE27" s="133">
        <v>12198540</v>
      </c>
      <c r="IF27" s="132">
        <v>11556131</v>
      </c>
      <c r="IG27" s="133">
        <v>5611383</v>
      </c>
      <c r="IH27" s="148">
        <v>55504808</v>
      </c>
      <c r="II27" s="139">
        <v>56045694</v>
      </c>
      <c r="IJ27" s="232">
        <v>0</v>
      </c>
      <c r="IK27" s="236">
        <v>0</v>
      </c>
      <c r="IL27" s="237">
        <v>0</v>
      </c>
      <c r="IM27" s="140"/>
      <c r="IN27" s="119">
        <v>308729</v>
      </c>
      <c r="IO27" s="119">
        <v>564465</v>
      </c>
      <c r="IP27" s="119">
        <v>495338</v>
      </c>
      <c r="IQ27" s="119">
        <v>0</v>
      </c>
      <c r="IR27" s="119">
        <v>0</v>
      </c>
      <c r="IS27" s="141">
        <v>1368532</v>
      </c>
      <c r="IT27" s="321">
        <v>1368532</v>
      </c>
      <c r="IU27" s="142">
        <v>0</v>
      </c>
      <c r="IV27" s="119">
        <v>0</v>
      </c>
      <c r="IW27" s="120">
        <v>0</v>
      </c>
      <c r="IX27" s="144"/>
      <c r="IY27" s="119">
        <v>0</v>
      </c>
      <c r="IZ27" s="119">
        <v>0</v>
      </c>
      <c r="JA27" s="119">
        <v>0</v>
      </c>
      <c r="JB27" s="119">
        <v>0</v>
      </c>
      <c r="JC27" s="119">
        <v>0</v>
      </c>
      <c r="JD27" s="120">
        <v>0</v>
      </c>
      <c r="JE27" s="121">
        <v>0</v>
      </c>
      <c r="JF27" s="142">
        <v>0</v>
      </c>
      <c r="JG27" s="119">
        <v>0</v>
      </c>
      <c r="JH27" s="141">
        <v>0</v>
      </c>
      <c r="JI27" s="118">
        <v>0</v>
      </c>
      <c r="JJ27" s="119">
        <v>5982026</v>
      </c>
      <c r="JK27" s="119">
        <v>6180769</v>
      </c>
      <c r="JL27" s="119">
        <v>4008170</v>
      </c>
      <c r="JM27" s="119">
        <v>2110572</v>
      </c>
      <c r="JN27" s="119">
        <v>1384407</v>
      </c>
      <c r="JO27" s="120">
        <v>19665944</v>
      </c>
      <c r="JP27" s="321">
        <v>19665944</v>
      </c>
      <c r="JQ27" s="142">
        <v>15102</v>
      </c>
      <c r="JR27" s="119">
        <v>0</v>
      </c>
      <c r="JS27" s="141">
        <v>15102</v>
      </c>
      <c r="JT27" s="118">
        <v>0</v>
      </c>
      <c r="JU27" s="119">
        <v>531541</v>
      </c>
      <c r="JV27" s="119">
        <v>540693</v>
      </c>
      <c r="JW27" s="119">
        <v>1005806</v>
      </c>
      <c r="JX27" s="119">
        <v>282786</v>
      </c>
      <c r="JY27" s="119">
        <v>209772</v>
      </c>
      <c r="JZ27" s="120">
        <v>2570598</v>
      </c>
      <c r="KA27" s="321">
        <v>2585700</v>
      </c>
      <c r="KB27" s="234">
        <v>193963</v>
      </c>
      <c r="KC27" s="230">
        <v>331821</v>
      </c>
      <c r="KD27" s="120">
        <v>525784</v>
      </c>
      <c r="KE27" s="118">
        <v>0</v>
      </c>
      <c r="KF27" s="119">
        <v>2217765</v>
      </c>
      <c r="KG27" s="119">
        <v>2351198</v>
      </c>
      <c r="KH27" s="119">
        <v>3012039</v>
      </c>
      <c r="KI27" s="119">
        <v>2014317</v>
      </c>
      <c r="KJ27" s="119">
        <v>1072800</v>
      </c>
      <c r="KK27" s="120">
        <v>10668119</v>
      </c>
      <c r="KL27" s="143">
        <v>11193903</v>
      </c>
      <c r="KM27" s="232">
        <v>0</v>
      </c>
      <c r="KN27" s="236">
        <v>0</v>
      </c>
      <c r="KO27" s="237">
        <v>0</v>
      </c>
      <c r="KP27" s="140"/>
      <c r="KQ27" s="119">
        <v>3188550</v>
      </c>
      <c r="KR27" s="119">
        <v>4273018</v>
      </c>
      <c r="KS27" s="119">
        <v>3000828</v>
      </c>
      <c r="KT27" s="119">
        <v>1802878</v>
      </c>
      <c r="KU27" s="119">
        <v>819918</v>
      </c>
      <c r="KV27" s="120">
        <v>13085192</v>
      </c>
      <c r="KW27" s="321">
        <v>13085192</v>
      </c>
      <c r="KX27" s="142">
        <v>0</v>
      </c>
      <c r="KY27" s="119">
        <v>0</v>
      </c>
      <c r="KZ27" s="120">
        <v>0</v>
      </c>
      <c r="LA27" s="145"/>
      <c r="LB27" s="119">
        <v>0</v>
      </c>
      <c r="LC27" s="119">
        <v>0</v>
      </c>
      <c r="LD27" s="119">
        <v>0</v>
      </c>
      <c r="LE27" s="119">
        <v>0</v>
      </c>
      <c r="LF27" s="119">
        <v>0</v>
      </c>
      <c r="LG27" s="120">
        <v>0</v>
      </c>
      <c r="LH27" s="121">
        <v>0</v>
      </c>
      <c r="LI27" s="142">
        <v>0</v>
      </c>
      <c r="LJ27" s="119">
        <v>0</v>
      </c>
      <c r="LK27" s="120">
        <v>0</v>
      </c>
      <c r="LL27" s="145"/>
      <c r="LM27" s="119">
        <v>0</v>
      </c>
      <c r="LN27" s="119">
        <v>0</v>
      </c>
      <c r="LO27" s="119">
        <v>676359</v>
      </c>
      <c r="LP27" s="119">
        <v>5345578</v>
      </c>
      <c r="LQ27" s="119">
        <v>2124486</v>
      </c>
      <c r="LR27" s="120">
        <v>8146423</v>
      </c>
      <c r="LS27" s="321">
        <v>8146423</v>
      </c>
      <c r="LT27" s="142">
        <v>0</v>
      </c>
      <c r="LU27" s="119">
        <v>0</v>
      </c>
      <c r="LV27" s="120">
        <v>0</v>
      </c>
      <c r="LW27" s="145"/>
      <c r="LX27" s="119">
        <v>0</v>
      </c>
      <c r="LY27" s="119">
        <v>0</v>
      </c>
      <c r="LZ27" s="119">
        <v>0</v>
      </c>
      <c r="MA27" s="119">
        <v>0</v>
      </c>
      <c r="MB27" s="119">
        <v>0</v>
      </c>
      <c r="MC27" s="120">
        <v>0</v>
      </c>
      <c r="MD27" s="121">
        <v>0</v>
      </c>
      <c r="ME27" s="142">
        <v>0</v>
      </c>
      <c r="MF27" s="119">
        <v>0</v>
      </c>
      <c r="MG27" s="120">
        <v>0</v>
      </c>
      <c r="MH27" s="145"/>
      <c r="MI27" s="119">
        <v>3125224</v>
      </c>
      <c r="MJ27" s="119">
        <v>7501571</v>
      </c>
      <c r="MK27" s="119">
        <v>18971213</v>
      </c>
      <c r="ML27" s="119">
        <v>27294117</v>
      </c>
      <c r="MM27" s="119">
        <v>17276856</v>
      </c>
      <c r="MN27" s="120">
        <v>74168981</v>
      </c>
      <c r="MO27" s="143">
        <v>74168981</v>
      </c>
      <c r="MP27" s="142">
        <v>0</v>
      </c>
      <c r="MQ27" s="119">
        <v>0</v>
      </c>
      <c r="MR27" s="120">
        <v>0</v>
      </c>
      <c r="MS27" s="145"/>
      <c r="MT27" s="119">
        <v>456610</v>
      </c>
      <c r="MU27" s="119">
        <v>1248222</v>
      </c>
      <c r="MV27" s="119">
        <v>9333435</v>
      </c>
      <c r="MW27" s="119">
        <v>14744493</v>
      </c>
      <c r="MX27" s="119">
        <v>9220901</v>
      </c>
      <c r="MY27" s="120">
        <v>35003661</v>
      </c>
      <c r="MZ27" s="143">
        <v>35003661</v>
      </c>
      <c r="NA27" s="142">
        <v>0</v>
      </c>
      <c r="NB27" s="119">
        <v>0</v>
      </c>
      <c r="NC27" s="120">
        <v>0</v>
      </c>
      <c r="ND27" s="145"/>
      <c r="NE27" s="119">
        <v>2493978</v>
      </c>
      <c r="NF27" s="119">
        <v>6253349</v>
      </c>
      <c r="NG27" s="119">
        <v>9337808</v>
      </c>
      <c r="NH27" s="119">
        <v>11821603</v>
      </c>
      <c r="NI27" s="119">
        <v>5811553</v>
      </c>
      <c r="NJ27" s="120">
        <v>35718291</v>
      </c>
      <c r="NK27" s="321">
        <v>35718291</v>
      </c>
      <c r="NL27" s="142">
        <v>0</v>
      </c>
      <c r="NM27" s="119">
        <v>0</v>
      </c>
      <c r="NN27" s="120">
        <v>0</v>
      </c>
      <c r="NO27" s="145"/>
      <c r="NP27" s="119">
        <v>0</v>
      </c>
      <c r="NQ27" s="119">
        <v>0</v>
      </c>
      <c r="NR27" s="119">
        <v>0</v>
      </c>
      <c r="NS27" s="119">
        <v>0</v>
      </c>
      <c r="NT27" s="119">
        <v>1494361</v>
      </c>
      <c r="NU27" s="120">
        <v>1494361</v>
      </c>
      <c r="NV27" s="121">
        <v>1494361</v>
      </c>
      <c r="NW27" s="142">
        <v>0</v>
      </c>
      <c r="NX27" s="119">
        <v>0</v>
      </c>
      <c r="NY27" s="120">
        <v>0</v>
      </c>
      <c r="NZ27" s="145"/>
      <c r="OA27" s="119">
        <v>174636</v>
      </c>
      <c r="OB27" s="119">
        <v>0</v>
      </c>
      <c r="OC27" s="119">
        <v>299970</v>
      </c>
      <c r="OD27" s="119">
        <v>728021</v>
      </c>
      <c r="OE27" s="119">
        <v>750041</v>
      </c>
      <c r="OF27" s="120">
        <v>1952668</v>
      </c>
      <c r="OG27" s="121">
        <v>1952668</v>
      </c>
      <c r="OH27" s="142">
        <v>1456354</v>
      </c>
      <c r="OI27" s="119">
        <v>3235753</v>
      </c>
      <c r="OJ27" s="141">
        <v>4692107</v>
      </c>
      <c r="OK27" s="118">
        <v>0</v>
      </c>
      <c r="OL27" s="119">
        <v>40373722</v>
      </c>
      <c r="OM27" s="119">
        <v>50213395</v>
      </c>
      <c r="ON27" s="119">
        <v>53653665</v>
      </c>
      <c r="OO27" s="119">
        <v>60654129</v>
      </c>
      <c r="OP27" s="119">
        <v>38588800</v>
      </c>
      <c r="OQ27" s="120">
        <v>243483711</v>
      </c>
      <c r="OR27" s="143">
        <v>248175818</v>
      </c>
    </row>
    <row r="28" spans="1:408" ht="18.75" customHeight="1" x14ac:dyDescent="0.2">
      <c r="A28" s="62" t="s">
        <v>23</v>
      </c>
      <c r="B28" s="110">
        <v>2661469</v>
      </c>
      <c r="C28" s="114">
        <v>5606967</v>
      </c>
      <c r="D28" s="113">
        <v>8268436</v>
      </c>
      <c r="E28" s="109">
        <v>0</v>
      </c>
      <c r="F28" s="114">
        <v>49051691</v>
      </c>
      <c r="G28" s="114">
        <v>60531389</v>
      </c>
      <c r="H28" s="114">
        <v>45421720</v>
      </c>
      <c r="I28" s="114">
        <v>47747398</v>
      </c>
      <c r="J28" s="114">
        <v>27381194</v>
      </c>
      <c r="K28" s="173">
        <v>230133392</v>
      </c>
      <c r="L28" s="116">
        <v>238401828</v>
      </c>
      <c r="M28" s="110">
        <v>939478</v>
      </c>
      <c r="N28" s="114">
        <v>1815131</v>
      </c>
      <c r="O28" s="113">
        <v>2754609</v>
      </c>
      <c r="P28" s="110">
        <v>0</v>
      </c>
      <c r="Q28" s="114">
        <v>10000121</v>
      </c>
      <c r="R28" s="114">
        <v>15114214</v>
      </c>
      <c r="S28" s="114">
        <v>12111907</v>
      </c>
      <c r="T28" s="114">
        <v>12272118</v>
      </c>
      <c r="U28" s="114">
        <v>9899350</v>
      </c>
      <c r="V28" s="113">
        <v>59397710</v>
      </c>
      <c r="W28" s="116">
        <v>62152319</v>
      </c>
      <c r="X28" s="110">
        <v>0</v>
      </c>
      <c r="Y28" s="114">
        <v>0</v>
      </c>
      <c r="Z28" s="113">
        <v>0</v>
      </c>
      <c r="AA28" s="110">
        <v>0</v>
      </c>
      <c r="AB28" s="114">
        <v>3638813</v>
      </c>
      <c r="AC28" s="114">
        <v>6298280</v>
      </c>
      <c r="AD28" s="114">
        <v>6349169</v>
      </c>
      <c r="AE28" s="114">
        <v>5732040</v>
      </c>
      <c r="AF28" s="114">
        <v>5284393</v>
      </c>
      <c r="AG28" s="113">
        <v>27302695</v>
      </c>
      <c r="AH28" s="116">
        <v>27302695</v>
      </c>
      <c r="AI28" s="110">
        <v>0</v>
      </c>
      <c r="AJ28" s="114">
        <v>0</v>
      </c>
      <c r="AK28" s="113">
        <v>0</v>
      </c>
      <c r="AL28" s="110">
        <v>0</v>
      </c>
      <c r="AM28" s="114">
        <v>171469</v>
      </c>
      <c r="AN28" s="114">
        <v>61287</v>
      </c>
      <c r="AO28" s="114">
        <v>577005</v>
      </c>
      <c r="AP28" s="114">
        <v>934529</v>
      </c>
      <c r="AQ28" s="114">
        <v>764317</v>
      </c>
      <c r="AR28" s="113">
        <v>2508607</v>
      </c>
      <c r="AS28" s="116">
        <v>2508607</v>
      </c>
      <c r="AT28" s="110">
        <v>689121</v>
      </c>
      <c r="AU28" s="114">
        <v>1354207</v>
      </c>
      <c r="AV28" s="113">
        <v>2043328</v>
      </c>
      <c r="AW28" s="110">
        <v>0</v>
      </c>
      <c r="AX28" s="114">
        <v>3741105</v>
      </c>
      <c r="AY28" s="114">
        <v>5858976</v>
      </c>
      <c r="AZ28" s="114">
        <v>3181919</v>
      </c>
      <c r="BA28" s="114">
        <v>3425961</v>
      </c>
      <c r="BB28" s="114">
        <v>2386135</v>
      </c>
      <c r="BC28" s="113">
        <v>18594096</v>
      </c>
      <c r="BD28" s="116">
        <v>20637424</v>
      </c>
      <c r="BE28" s="110">
        <v>71685</v>
      </c>
      <c r="BF28" s="114">
        <v>336841</v>
      </c>
      <c r="BG28" s="112">
        <v>408526</v>
      </c>
      <c r="BH28" s="111">
        <v>0</v>
      </c>
      <c r="BI28" s="114">
        <v>219776</v>
      </c>
      <c r="BJ28" s="114">
        <v>665837</v>
      </c>
      <c r="BK28" s="114">
        <v>358896</v>
      </c>
      <c r="BL28" s="114">
        <v>188916</v>
      </c>
      <c r="BM28" s="114">
        <v>83312</v>
      </c>
      <c r="BN28" s="113">
        <v>1516737</v>
      </c>
      <c r="BO28" s="116">
        <v>1925263</v>
      </c>
      <c r="BP28" s="110">
        <v>178672</v>
      </c>
      <c r="BQ28" s="114">
        <v>124083</v>
      </c>
      <c r="BR28" s="113">
        <v>302755</v>
      </c>
      <c r="BS28" s="110">
        <v>0</v>
      </c>
      <c r="BT28" s="114">
        <v>2228958</v>
      </c>
      <c r="BU28" s="114">
        <v>2229834</v>
      </c>
      <c r="BV28" s="114">
        <v>1644918</v>
      </c>
      <c r="BW28" s="114">
        <v>1990672</v>
      </c>
      <c r="BX28" s="114">
        <v>1381193</v>
      </c>
      <c r="BY28" s="113">
        <v>9475575</v>
      </c>
      <c r="BZ28" s="116">
        <v>9778330</v>
      </c>
      <c r="CA28" s="110">
        <v>118778</v>
      </c>
      <c r="CB28" s="114">
        <v>495468</v>
      </c>
      <c r="CC28" s="113">
        <v>614246</v>
      </c>
      <c r="CD28" s="110">
        <v>0</v>
      </c>
      <c r="CE28" s="114">
        <v>17962680</v>
      </c>
      <c r="CF28" s="114">
        <v>22347712</v>
      </c>
      <c r="CG28" s="114">
        <v>14151603</v>
      </c>
      <c r="CH28" s="114">
        <v>11891069</v>
      </c>
      <c r="CI28" s="114">
        <v>4424362</v>
      </c>
      <c r="CJ28" s="113">
        <v>70777426</v>
      </c>
      <c r="CK28" s="116">
        <v>71391672</v>
      </c>
      <c r="CL28" s="110">
        <v>0</v>
      </c>
      <c r="CM28" s="114">
        <v>0</v>
      </c>
      <c r="CN28" s="113">
        <v>0</v>
      </c>
      <c r="CO28" s="111">
        <v>0</v>
      </c>
      <c r="CP28" s="114">
        <v>15383383</v>
      </c>
      <c r="CQ28" s="114">
        <v>17630921</v>
      </c>
      <c r="CR28" s="114">
        <v>11030386</v>
      </c>
      <c r="CS28" s="114">
        <v>9453762</v>
      </c>
      <c r="CT28" s="114">
        <v>4021110</v>
      </c>
      <c r="CU28" s="113">
        <v>57519562</v>
      </c>
      <c r="CV28" s="116">
        <v>57519562</v>
      </c>
      <c r="CW28" s="110">
        <v>118778</v>
      </c>
      <c r="CX28" s="114">
        <v>495468</v>
      </c>
      <c r="CY28" s="113">
        <v>614246</v>
      </c>
      <c r="CZ28" s="110">
        <v>0</v>
      </c>
      <c r="DA28" s="114">
        <v>2579297</v>
      </c>
      <c r="DB28" s="114">
        <v>4716791</v>
      </c>
      <c r="DC28" s="114">
        <v>3121217</v>
      </c>
      <c r="DD28" s="114">
        <v>2437307</v>
      </c>
      <c r="DE28" s="114">
        <v>403252</v>
      </c>
      <c r="DF28" s="113">
        <v>13257864</v>
      </c>
      <c r="DG28" s="116">
        <v>13872110</v>
      </c>
      <c r="DH28" s="110">
        <v>33327</v>
      </c>
      <c r="DI28" s="114">
        <v>36042</v>
      </c>
      <c r="DJ28" s="112">
        <v>69369</v>
      </c>
      <c r="DK28" s="111">
        <v>0</v>
      </c>
      <c r="DL28" s="114">
        <v>1306656</v>
      </c>
      <c r="DM28" s="114">
        <v>2373200</v>
      </c>
      <c r="DN28" s="114">
        <v>2852077</v>
      </c>
      <c r="DO28" s="114">
        <v>5927701</v>
      </c>
      <c r="DP28" s="114">
        <v>2359922</v>
      </c>
      <c r="DQ28" s="113">
        <v>14819556</v>
      </c>
      <c r="DR28" s="116">
        <v>14888925</v>
      </c>
      <c r="DS28" s="110">
        <v>33327</v>
      </c>
      <c r="DT28" s="114">
        <v>36042</v>
      </c>
      <c r="DU28" s="113">
        <v>69369</v>
      </c>
      <c r="DV28" s="110">
        <v>0</v>
      </c>
      <c r="DW28" s="114">
        <v>1221841</v>
      </c>
      <c r="DX28" s="114">
        <v>2172089</v>
      </c>
      <c r="DY28" s="114">
        <v>2852077</v>
      </c>
      <c r="DZ28" s="114">
        <v>5709475</v>
      </c>
      <c r="EA28" s="114">
        <v>1828380</v>
      </c>
      <c r="EB28" s="113">
        <v>13783862</v>
      </c>
      <c r="EC28" s="116">
        <v>13853231</v>
      </c>
      <c r="ED28" s="110">
        <v>0</v>
      </c>
      <c r="EE28" s="112">
        <v>0</v>
      </c>
      <c r="EF28" s="113">
        <v>0</v>
      </c>
      <c r="EG28" s="110">
        <v>0</v>
      </c>
      <c r="EH28" s="114">
        <v>84815</v>
      </c>
      <c r="EI28" s="114">
        <v>201111</v>
      </c>
      <c r="EJ28" s="114">
        <v>0</v>
      </c>
      <c r="EK28" s="114">
        <v>218226</v>
      </c>
      <c r="EL28" s="114">
        <v>531542</v>
      </c>
      <c r="EM28" s="112">
        <v>1035694</v>
      </c>
      <c r="EN28" s="116">
        <v>1035694</v>
      </c>
      <c r="EO28" s="110">
        <v>0</v>
      </c>
      <c r="EP28" s="114">
        <v>0</v>
      </c>
      <c r="EQ28" s="112">
        <v>0</v>
      </c>
      <c r="ER28" s="111">
        <v>0</v>
      </c>
      <c r="ES28" s="114">
        <v>0</v>
      </c>
      <c r="ET28" s="114">
        <v>0</v>
      </c>
      <c r="EU28" s="114">
        <v>0</v>
      </c>
      <c r="EV28" s="114">
        <v>0</v>
      </c>
      <c r="EW28" s="114">
        <v>0</v>
      </c>
      <c r="EX28" s="113">
        <v>0</v>
      </c>
      <c r="EY28" s="116">
        <v>0</v>
      </c>
      <c r="EZ28" s="110">
        <v>0</v>
      </c>
      <c r="FA28" s="114">
        <v>0</v>
      </c>
      <c r="FB28" s="112">
        <v>0</v>
      </c>
      <c r="FC28" s="348"/>
      <c r="FD28" s="114">
        <v>0</v>
      </c>
      <c r="FE28" s="114">
        <v>0</v>
      </c>
      <c r="FF28" s="114">
        <v>0</v>
      </c>
      <c r="FG28" s="114">
        <v>0</v>
      </c>
      <c r="FH28" s="114">
        <v>0</v>
      </c>
      <c r="FI28" s="113">
        <v>0</v>
      </c>
      <c r="FJ28" s="116">
        <v>0</v>
      </c>
      <c r="FK28" s="110">
        <v>707722</v>
      </c>
      <c r="FL28" s="114">
        <v>1662522</v>
      </c>
      <c r="FM28" s="113">
        <v>2370244</v>
      </c>
      <c r="FN28" s="110">
        <v>0</v>
      </c>
      <c r="FO28" s="114">
        <v>3502139</v>
      </c>
      <c r="FP28" s="114">
        <v>5576200</v>
      </c>
      <c r="FQ28" s="114">
        <v>3338125</v>
      </c>
      <c r="FR28" s="114">
        <v>3359499</v>
      </c>
      <c r="FS28" s="114">
        <v>1765373</v>
      </c>
      <c r="FT28" s="113">
        <v>17541336</v>
      </c>
      <c r="FU28" s="116">
        <v>19911580</v>
      </c>
      <c r="FV28" s="115">
        <v>465622</v>
      </c>
      <c r="FW28" s="114">
        <v>1320285</v>
      </c>
      <c r="FX28" s="112">
        <v>1785907</v>
      </c>
      <c r="FY28" s="111">
        <v>0</v>
      </c>
      <c r="FZ28" s="114">
        <v>2371777</v>
      </c>
      <c r="GA28" s="114">
        <v>5120708</v>
      </c>
      <c r="GB28" s="114">
        <v>3270211</v>
      </c>
      <c r="GC28" s="114">
        <v>3054399</v>
      </c>
      <c r="GD28" s="114">
        <v>1743989</v>
      </c>
      <c r="GE28" s="113">
        <v>15561084</v>
      </c>
      <c r="GF28" s="319">
        <v>17346991</v>
      </c>
      <c r="GG28" s="115">
        <v>0</v>
      </c>
      <c r="GH28" s="114">
        <v>38737</v>
      </c>
      <c r="GI28" s="112">
        <v>38737</v>
      </c>
      <c r="GJ28" s="111">
        <v>0</v>
      </c>
      <c r="GK28" s="114">
        <v>443707</v>
      </c>
      <c r="GL28" s="114">
        <v>172602</v>
      </c>
      <c r="GM28" s="114">
        <v>21384</v>
      </c>
      <c r="GN28" s="114">
        <v>0</v>
      </c>
      <c r="GO28" s="114">
        <v>21384</v>
      </c>
      <c r="GP28" s="113">
        <v>659077</v>
      </c>
      <c r="GQ28" s="116">
        <v>697814</v>
      </c>
      <c r="GR28" s="110">
        <v>242100</v>
      </c>
      <c r="GS28" s="114">
        <v>303500</v>
      </c>
      <c r="GT28" s="113">
        <v>545600</v>
      </c>
      <c r="GU28" s="110">
        <v>0</v>
      </c>
      <c r="GV28" s="114">
        <v>686655</v>
      </c>
      <c r="GW28" s="114">
        <v>282890</v>
      </c>
      <c r="GX28" s="114">
        <v>46530</v>
      </c>
      <c r="GY28" s="114">
        <v>305100</v>
      </c>
      <c r="GZ28" s="114">
        <v>0</v>
      </c>
      <c r="HA28" s="112">
        <v>1321175</v>
      </c>
      <c r="HB28" s="116">
        <v>1866775</v>
      </c>
      <c r="HC28" s="110">
        <v>291690</v>
      </c>
      <c r="HD28" s="114">
        <v>434583</v>
      </c>
      <c r="HE28" s="112">
        <v>726273</v>
      </c>
      <c r="HF28" s="111">
        <v>0</v>
      </c>
      <c r="HG28" s="114">
        <v>8310995</v>
      </c>
      <c r="HH28" s="114">
        <v>7889225</v>
      </c>
      <c r="HI28" s="114">
        <v>8595489</v>
      </c>
      <c r="HJ28" s="114">
        <v>10667542</v>
      </c>
      <c r="HK28" s="114">
        <v>7482511</v>
      </c>
      <c r="HL28" s="113">
        <v>42945762</v>
      </c>
      <c r="HM28" s="109">
        <v>43672035</v>
      </c>
      <c r="HN28" s="115">
        <v>570474</v>
      </c>
      <c r="HO28" s="114">
        <v>1163221</v>
      </c>
      <c r="HP28" s="113">
        <v>1733695</v>
      </c>
      <c r="HQ28" s="110">
        <v>0</v>
      </c>
      <c r="HR28" s="114">
        <v>7969100</v>
      </c>
      <c r="HS28" s="114">
        <v>7230838</v>
      </c>
      <c r="HT28" s="114">
        <v>4372519</v>
      </c>
      <c r="HU28" s="114">
        <v>3629469</v>
      </c>
      <c r="HV28" s="114">
        <v>1449676</v>
      </c>
      <c r="HW28" s="112">
        <v>24651602</v>
      </c>
      <c r="HX28" s="116">
        <v>26385297</v>
      </c>
      <c r="HY28" s="150">
        <v>0</v>
      </c>
      <c r="HZ28" s="135">
        <v>242206</v>
      </c>
      <c r="IA28" s="150">
        <v>242206</v>
      </c>
      <c r="IB28" s="134">
        <v>0</v>
      </c>
      <c r="IC28" s="135">
        <v>9775396</v>
      </c>
      <c r="ID28" s="136">
        <v>8011386</v>
      </c>
      <c r="IE28" s="137">
        <v>7569922</v>
      </c>
      <c r="IF28" s="135">
        <v>5786154</v>
      </c>
      <c r="IG28" s="137">
        <v>2850895</v>
      </c>
      <c r="IH28" s="138">
        <v>33993753</v>
      </c>
      <c r="II28" s="150">
        <v>34235959</v>
      </c>
      <c r="IJ28" s="232">
        <v>0</v>
      </c>
      <c r="IK28" s="236">
        <v>0</v>
      </c>
      <c r="IL28" s="237">
        <v>0</v>
      </c>
      <c r="IM28" s="140"/>
      <c r="IN28" s="119">
        <v>97650</v>
      </c>
      <c r="IO28" s="119">
        <v>105389</v>
      </c>
      <c r="IP28" s="119">
        <v>0</v>
      </c>
      <c r="IQ28" s="119">
        <v>0</v>
      </c>
      <c r="IR28" s="119">
        <v>267732</v>
      </c>
      <c r="IS28" s="141">
        <v>470771</v>
      </c>
      <c r="IT28" s="321">
        <v>470771</v>
      </c>
      <c r="IU28" s="142">
        <v>0</v>
      </c>
      <c r="IV28" s="119">
        <v>0</v>
      </c>
      <c r="IW28" s="120">
        <v>0</v>
      </c>
      <c r="IX28" s="144"/>
      <c r="IY28" s="119">
        <v>0</v>
      </c>
      <c r="IZ28" s="119">
        <v>0</v>
      </c>
      <c r="JA28" s="119">
        <v>0</v>
      </c>
      <c r="JB28" s="119">
        <v>0</v>
      </c>
      <c r="JC28" s="119">
        <v>0</v>
      </c>
      <c r="JD28" s="120">
        <v>0</v>
      </c>
      <c r="JE28" s="121">
        <v>0</v>
      </c>
      <c r="JF28" s="142">
        <v>0</v>
      </c>
      <c r="JG28" s="119">
        <v>0</v>
      </c>
      <c r="JH28" s="141">
        <v>0</v>
      </c>
      <c r="JI28" s="118">
        <v>0</v>
      </c>
      <c r="JJ28" s="119">
        <v>2203521</v>
      </c>
      <c r="JK28" s="119">
        <v>2483299</v>
      </c>
      <c r="JL28" s="119">
        <v>1467763</v>
      </c>
      <c r="JM28" s="119">
        <v>1310621</v>
      </c>
      <c r="JN28" s="119">
        <v>278355</v>
      </c>
      <c r="JO28" s="120">
        <v>7743559</v>
      </c>
      <c r="JP28" s="321">
        <v>7743559</v>
      </c>
      <c r="JQ28" s="142">
        <v>0</v>
      </c>
      <c r="JR28" s="119">
        <v>0</v>
      </c>
      <c r="JS28" s="141">
        <v>0</v>
      </c>
      <c r="JT28" s="118">
        <v>0</v>
      </c>
      <c r="JU28" s="119">
        <v>0</v>
      </c>
      <c r="JV28" s="119">
        <v>0</v>
      </c>
      <c r="JW28" s="119">
        <v>131360</v>
      </c>
      <c r="JX28" s="119">
        <v>276758</v>
      </c>
      <c r="JY28" s="119">
        <v>0</v>
      </c>
      <c r="JZ28" s="120">
        <v>408118</v>
      </c>
      <c r="KA28" s="321">
        <v>408118</v>
      </c>
      <c r="KB28" s="234">
        <v>0</v>
      </c>
      <c r="KC28" s="230">
        <v>0</v>
      </c>
      <c r="KD28" s="120">
        <v>0</v>
      </c>
      <c r="KE28" s="118">
        <v>0</v>
      </c>
      <c r="KF28" s="119">
        <v>895545</v>
      </c>
      <c r="KG28" s="119">
        <v>373494</v>
      </c>
      <c r="KH28" s="119">
        <v>1260653</v>
      </c>
      <c r="KI28" s="119">
        <v>280163</v>
      </c>
      <c r="KJ28" s="119">
        <v>0</v>
      </c>
      <c r="KK28" s="120">
        <v>2809855</v>
      </c>
      <c r="KL28" s="143">
        <v>2809855</v>
      </c>
      <c r="KM28" s="232">
        <v>0</v>
      </c>
      <c r="KN28" s="236">
        <v>242206</v>
      </c>
      <c r="KO28" s="237">
        <v>242206</v>
      </c>
      <c r="KP28" s="140"/>
      <c r="KQ28" s="119">
        <v>6578680</v>
      </c>
      <c r="KR28" s="119">
        <v>5049204</v>
      </c>
      <c r="KS28" s="119">
        <v>4425316</v>
      </c>
      <c r="KT28" s="119">
        <v>3614127</v>
      </c>
      <c r="KU28" s="119">
        <v>2304808</v>
      </c>
      <c r="KV28" s="120">
        <v>21972135</v>
      </c>
      <c r="KW28" s="321">
        <v>22214341</v>
      </c>
      <c r="KX28" s="142">
        <v>0</v>
      </c>
      <c r="KY28" s="119">
        <v>0</v>
      </c>
      <c r="KZ28" s="120">
        <v>0</v>
      </c>
      <c r="LA28" s="145"/>
      <c r="LB28" s="119">
        <v>0</v>
      </c>
      <c r="LC28" s="119">
        <v>0</v>
      </c>
      <c r="LD28" s="119">
        <v>0</v>
      </c>
      <c r="LE28" s="119">
        <v>0</v>
      </c>
      <c r="LF28" s="119">
        <v>0</v>
      </c>
      <c r="LG28" s="120">
        <v>0</v>
      </c>
      <c r="LH28" s="121">
        <v>0</v>
      </c>
      <c r="LI28" s="142">
        <v>0</v>
      </c>
      <c r="LJ28" s="119">
        <v>0</v>
      </c>
      <c r="LK28" s="120">
        <v>0</v>
      </c>
      <c r="LL28" s="145"/>
      <c r="LM28" s="119">
        <v>0</v>
      </c>
      <c r="LN28" s="119">
        <v>0</v>
      </c>
      <c r="LO28" s="119">
        <v>0</v>
      </c>
      <c r="LP28" s="119">
        <v>0</v>
      </c>
      <c r="LQ28" s="119">
        <v>0</v>
      </c>
      <c r="LR28" s="120">
        <v>0</v>
      </c>
      <c r="LS28" s="321">
        <v>0</v>
      </c>
      <c r="LT28" s="142">
        <v>0</v>
      </c>
      <c r="LU28" s="119">
        <v>0</v>
      </c>
      <c r="LV28" s="120">
        <v>0</v>
      </c>
      <c r="LW28" s="145"/>
      <c r="LX28" s="119">
        <v>0</v>
      </c>
      <c r="LY28" s="119">
        <v>0</v>
      </c>
      <c r="LZ28" s="119">
        <v>284830</v>
      </c>
      <c r="MA28" s="119">
        <v>304485</v>
      </c>
      <c r="MB28" s="119">
        <v>0</v>
      </c>
      <c r="MC28" s="120">
        <v>589315</v>
      </c>
      <c r="MD28" s="121">
        <v>589315</v>
      </c>
      <c r="ME28" s="142">
        <v>0</v>
      </c>
      <c r="MF28" s="119">
        <v>0</v>
      </c>
      <c r="MG28" s="120">
        <v>0</v>
      </c>
      <c r="MH28" s="145"/>
      <c r="MI28" s="119">
        <v>6028360</v>
      </c>
      <c r="MJ28" s="119">
        <v>12655362</v>
      </c>
      <c r="MK28" s="119">
        <v>31613131</v>
      </c>
      <c r="ML28" s="119">
        <v>52793782</v>
      </c>
      <c r="MM28" s="119">
        <v>40922818</v>
      </c>
      <c r="MN28" s="120">
        <v>144013453</v>
      </c>
      <c r="MO28" s="143">
        <v>144013453</v>
      </c>
      <c r="MP28" s="142">
        <v>0</v>
      </c>
      <c r="MQ28" s="119">
        <v>0</v>
      </c>
      <c r="MR28" s="120">
        <v>0</v>
      </c>
      <c r="MS28" s="145"/>
      <c r="MT28" s="119">
        <v>866017</v>
      </c>
      <c r="MU28" s="119">
        <v>3861873</v>
      </c>
      <c r="MV28" s="119">
        <v>20466730</v>
      </c>
      <c r="MW28" s="119">
        <v>35332863</v>
      </c>
      <c r="MX28" s="119">
        <v>30147723</v>
      </c>
      <c r="MY28" s="120">
        <v>90675206</v>
      </c>
      <c r="MZ28" s="143">
        <v>90675206</v>
      </c>
      <c r="NA28" s="142">
        <v>0</v>
      </c>
      <c r="NB28" s="119">
        <v>0</v>
      </c>
      <c r="NC28" s="120">
        <v>0</v>
      </c>
      <c r="ND28" s="145"/>
      <c r="NE28" s="119">
        <v>5162343</v>
      </c>
      <c r="NF28" s="119">
        <v>8793489</v>
      </c>
      <c r="NG28" s="119">
        <v>10767735</v>
      </c>
      <c r="NH28" s="119">
        <v>16069365</v>
      </c>
      <c r="NI28" s="119">
        <v>8801779</v>
      </c>
      <c r="NJ28" s="120">
        <v>49594711</v>
      </c>
      <c r="NK28" s="321">
        <v>49594711</v>
      </c>
      <c r="NL28" s="142">
        <v>0</v>
      </c>
      <c r="NM28" s="119">
        <v>0</v>
      </c>
      <c r="NN28" s="120">
        <v>0</v>
      </c>
      <c r="NO28" s="145"/>
      <c r="NP28" s="119">
        <v>0</v>
      </c>
      <c r="NQ28" s="119">
        <v>0</v>
      </c>
      <c r="NR28" s="119">
        <v>0</v>
      </c>
      <c r="NS28" s="119">
        <v>696992</v>
      </c>
      <c r="NT28" s="119">
        <v>946324</v>
      </c>
      <c r="NU28" s="120">
        <v>1643316</v>
      </c>
      <c r="NV28" s="121">
        <v>1643316</v>
      </c>
      <c r="NW28" s="142">
        <v>0</v>
      </c>
      <c r="NX28" s="119">
        <v>0</v>
      </c>
      <c r="NY28" s="120">
        <v>0</v>
      </c>
      <c r="NZ28" s="145"/>
      <c r="OA28" s="119">
        <v>0</v>
      </c>
      <c r="OB28" s="119">
        <v>0</v>
      </c>
      <c r="OC28" s="119">
        <v>378666</v>
      </c>
      <c r="OD28" s="119">
        <v>694562</v>
      </c>
      <c r="OE28" s="119">
        <v>1026992</v>
      </c>
      <c r="OF28" s="120">
        <v>2100220</v>
      </c>
      <c r="OG28" s="121">
        <v>2100220</v>
      </c>
      <c r="OH28" s="142">
        <v>2661469</v>
      </c>
      <c r="OI28" s="119">
        <v>5849173</v>
      </c>
      <c r="OJ28" s="141">
        <v>8510642</v>
      </c>
      <c r="OK28" s="118">
        <v>0</v>
      </c>
      <c r="OL28" s="119">
        <v>64855447</v>
      </c>
      <c r="OM28" s="119">
        <v>81198137</v>
      </c>
      <c r="ON28" s="119">
        <v>84604773</v>
      </c>
      <c r="OO28" s="119">
        <v>106327334</v>
      </c>
      <c r="OP28" s="119">
        <v>71154907</v>
      </c>
      <c r="OQ28" s="120">
        <v>408140598</v>
      </c>
      <c r="OR28" s="143">
        <v>416651240</v>
      </c>
    </row>
    <row r="29" spans="1:408" ht="18.75" customHeight="1" x14ac:dyDescent="0.2">
      <c r="A29" s="62" t="s">
        <v>24</v>
      </c>
      <c r="B29" s="110">
        <v>2316576</v>
      </c>
      <c r="C29" s="114">
        <v>3101118</v>
      </c>
      <c r="D29" s="113">
        <v>5417694</v>
      </c>
      <c r="E29" s="109">
        <v>0</v>
      </c>
      <c r="F29" s="114">
        <v>25636370</v>
      </c>
      <c r="G29" s="114">
        <v>24385790</v>
      </c>
      <c r="H29" s="114">
        <v>22797628</v>
      </c>
      <c r="I29" s="114">
        <v>23742109</v>
      </c>
      <c r="J29" s="114">
        <v>21500222</v>
      </c>
      <c r="K29" s="173">
        <v>118062119</v>
      </c>
      <c r="L29" s="116">
        <v>123479813</v>
      </c>
      <c r="M29" s="110">
        <v>357356</v>
      </c>
      <c r="N29" s="114">
        <v>739298</v>
      </c>
      <c r="O29" s="113">
        <v>1096654</v>
      </c>
      <c r="P29" s="110">
        <v>0</v>
      </c>
      <c r="Q29" s="114">
        <v>6064466</v>
      </c>
      <c r="R29" s="114">
        <v>6032806</v>
      </c>
      <c r="S29" s="114">
        <v>6100928</v>
      </c>
      <c r="T29" s="114">
        <v>8888267</v>
      </c>
      <c r="U29" s="114">
        <v>9977642</v>
      </c>
      <c r="V29" s="113">
        <v>37064109</v>
      </c>
      <c r="W29" s="116">
        <v>38160763</v>
      </c>
      <c r="X29" s="110">
        <v>0</v>
      </c>
      <c r="Y29" s="114">
        <v>0</v>
      </c>
      <c r="Z29" s="113">
        <v>0</v>
      </c>
      <c r="AA29" s="110">
        <v>0</v>
      </c>
      <c r="AB29" s="114">
        <v>1939093</v>
      </c>
      <c r="AC29" s="114">
        <v>2710412</v>
      </c>
      <c r="AD29" s="114">
        <v>2843961</v>
      </c>
      <c r="AE29" s="114">
        <v>5305992</v>
      </c>
      <c r="AF29" s="114">
        <v>5849400</v>
      </c>
      <c r="AG29" s="113">
        <v>18648858</v>
      </c>
      <c r="AH29" s="116">
        <v>18648858</v>
      </c>
      <c r="AI29" s="110">
        <v>0</v>
      </c>
      <c r="AJ29" s="114">
        <v>0</v>
      </c>
      <c r="AK29" s="113">
        <v>0</v>
      </c>
      <c r="AL29" s="110">
        <v>0</v>
      </c>
      <c r="AM29" s="114">
        <v>81046</v>
      </c>
      <c r="AN29" s="114">
        <v>165110</v>
      </c>
      <c r="AO29" s="114">
        <v>235932</v>
      </c>
      <c r="AP29" s="114">
        <v>323977</v>
      </c>
      <c r="AQ29" s="114">
        <v>1303139</v>
      </c>
      <c r="AR29" s="113">
        <v>2109204</v>
      </c>
      <c r="AS29" s="116">
        <v>2109204</v>
      </c>
      <c r="AT29" s="110">
        <v>152715</v>
      </c>
      <c r="AU29" s="114">
        <v>448455</v>
      </c>
      <c r="AV29" s="113">
        <v>601170</v>
      </c>
      <c r="AW29" s="110">
        <v>0</v>
      </c>
      <c r="AX29" s="114">
        <v>2704882</v>
      </c>
      <c r="AY29" s="114">
        <v>2189611</v>
      </c>
      <c r="AZ29" s="114">
        <v>1864701</v>
      </c>
      <c r="BA29" s="114">
        <v>1886078</v>
      </c>
      <c r="BB29" s="114">
        <v>1757850</v>
      </c>
      <c r="BC29" s="113">
        <v>10403122</v>
      </c>
      <c r="BD29" s="116">
        <v>11004292</v>
      </c>
      <c r="BE29" s="110">
        <v>30904</v>
      </c>
      <c r="BF29" s="114">
        <v>76035</v>
      </c>
      <c r="BG29" s="112">
        <v>106939</v>
      </c>
      <c r="BH29" s="111">
        <v>0</v>
      </c>
      <c r="BI29" s="114">
        <v>177176</v>
      </c>
      <c r="BJ29" s="114">
        <v>84198</v>
      </c>
      <c r="BK29" s="114">
        <v>24420</v>
      </c>
      <c r="BL29" s="114">
        <v>175606</v>
      </c>
      <c r="BM29" s="114">
        <v>173727</v>
      </c>
      <c r="BN29" s="113">
        <v>635127</v>
      </c>
      <c r="BO29" s="116">
        <v>742066</v>
      </c>
      <c r="BP29" s="110">
        <v>173737</v>
      </c>
      <c r="BQ29" s="114">
        <v>214808</v>
      </c>
      <c r="BR29" s="113">
        <v>388545</v>
      </c>
      <c r="BS29" s="110">
        <v>0</v>
      </c>
      <c r="BT29" s="114">
        <v>1162269</v>
      </c>
      <c r="BU29" s="114">
        <v>883475</v>
      </c>
      <c r="BV29" s="114">
        <v>1131914</v>
      </c>
      <c r="BW29" s="114">
        <v>1196614</v>
      </c>
      <c r="BX29" s="114">
        <v>893526</v>
      </c>
      <c r="BY29" s="113">
        <v>5267798</v>
      </c>
      <c r="BZ29" s="116">
        <v>5656343</v>
      </c>
      <c r="CA29" s="110">
        <v>241509</v>
      </c>
      <c r="CB29" s="114">
        <v>581871</v>
      </c>
      <c r="CC29" s="113">
        <v>823380</v>
      </c>
      <c r="CD29" s="110">
        <v>0</v>
      </c>
      <c r="CE29" s="114">
        <v>8308330</v>
      </c>
      <c r="CF29" s="114">
        <v>6941574</v>
      </c>
      <c r="CG29" s="114">
        <v>5687587</v>
      </c>
      <c r="CH29" s="114">
        <v>2919145</v>
      </c>
      <c r="CI29" s="114">
        <v>2256040</v>
      </c>
      <c r="CJ29" s="113">
        <v>26112676</v>
      </c>
      <c r="CK29" s="116">
        <v>26936056</v>
      </c>
      <c r="CL29" s="110">
        <v>0</v>
      </c>
      <c r="CM29" s="114">
        <v>0</v>
      </c>
      <c r="CN29" s="113">
        <v>0</v>
      </c>
      <c r="CO29" s="111">
        <v>0</v>
      </c>
      <c r="CP29" s="114">
        <v>5935897</v>
      </c>
      <c r="CQ29" s="114">
        <v>4777086</v>
      </c>
      <c r="CR29" s="114">
        <v>4249283</v>
      </c>
      <c r="CS29" s="114">
        <v>2068678</v>
      </c>
      <c r="CT29" s="114">
        <v>938641</v>
      </c>
      <c r="CU29" s="113">
        <v>17969585</v>
      </c>
      <c r="CV29" s="116">
        <v>17969585</v>
      </c>
      <c r="CW29" s="110">
        <v>241509</v>
      </c>
      <c r="CX29" s="114">
        <v>581871</v>
      </c>
      <c r="CY29" s="113">
        <v>823380</v>
      </c>
      <c r="CZ29" s="110">
        <v>0</v>
      </c>
      <c r="DA29" s="114">
        <v>2372433</v>
      </c>
      <c r="DB29" s="114">
        <v>2164488</v>
      </c>
      <c r="DC29" s="114">
        <v>1438304</v>
      </c>
      <c r="DD29" s="114">
        <v>850467</v>
      </c>
      <c r="DE29" s="114">
        <v>1317399</v>
      </c>
      <c r="DF29" s="113">
        <v>8143091</v>
      </c>
      <c r="DG29" s="116">
        <v>8966471</v>
      </c>
      <c r="DH29" s="110">
        <v>0</v>
      </c>
      <c r="DI29" s="114">
        <v>117955</v>
      </c>
      <c r="DJ29" s="112">
        <v>117955</v>
      </c>
      <c r="DK29" s="111">
        <v>0</v>
      </c>
      <c r="DL29" s="114">
        <v>998355</v>
      </c>
      <c r="DM29" s="114">
        <v>1621132</v>
      </c>
      <c r="DN29" s="114">
        <v>2046725</v>
      </c>
      <c r="DO29" s="114">
        <v>2488758</v>
      </c>
      <c r="DP29" s="114">
        <v>1610451</v>
      </c>
      <c r="DQ29" s="113">
        <v>8765421</v>
      </c>
      <c r="DR29" s="116">
        <v>8883376</v>
      </c>
      <c r="DS29" s="110">
        <v>0</v>
      </c>
      <c r="DT29" s="114">
        <v>117955</v>
      </c>
      <c r="DU29" s="113">
        <v>117955</v>
      </c>
      <c r="DV29" s="110">
        <v>0</v>
      </c>
      <c r="DW29" s="114">
        <v>937722</v>
      </c>
      <c r="DX29" s="114">
        <v>1476159</v>
      </c>
      <c r="DY29" s="114">
        <v>1963373</v>
      </c>
      <c r="DZ29" s="114">
        <v>2341026</v>
      </c>
      <c r="EA29" s="114">
        <v>1468617</v>
      </c>
      <c r="EB29" s="113">
        <v>8186897</v>
      </c>
      <c r="EC29" s="116">
        <v>8304852</v>
      </c>
      <c r="ED29" s="110">
        <v>0</v>
      </c>
      <c r="EE29" s="112">
        <v>0</v>
      </c>
      <c r="EF29" s="113">
        <v>0</v>
      </c>
      <c r="EG29" s="110">
        <v>0</v>
      </c>
      <c r="EH29" s="114">
        <v>60633</v>
      </c>
      <c r="EI29" s="114">
        <v>144973</v>
      </c>
      <c r="EJ29" s="114">
        <v>83352</v>
      </c>
      <c r="EK29" s="114">
        <v>147732</v>
      </c>
      <c r="EL29" s="114">
        <v>141834</v>
      </c>
      <c r="EM29" s="112">
        <v>578524</v>
      </c>
      <c r="EN29" s="116">
        <v>578524</v>
      </c>
      <c r="EO29" s="110">
        <v>0</v>
      </c>
      <c r="EP29" s="114">
        <v>0</v>
      </c>
      <c r="EQ29" s="112">
        <v>0</v>
      </c>
      <c r="ER29" s="111">
        <v>0</v>
      </c>
      <c r="ES29" s="114">
        <v>0</v>
      </c>
      <c r="ET29" s="114">
        <v>0</v>
      </c>
      <c r="EU29" s="114">
        <v>0</v>
      </c>
      <c r="EV29" s="114">
        <v>0</v>
      </c>
      <c r="EW29" s="114">
        <v>0</v>
      </c>
      <c r="EX29" s="113">
        <v>0</v>
      </c>
      <c r="EY29" s="116">
        <v>0</v>
      </c>
      <c r="EZ29" s="110">
        <v>0</v>
      </c>
      <c r="FA29" s="114">
        <v>0</v>
      </c>
      <c r="FB29" s="112">
        <v>0</v>
      </c>
      <c r="FC29" s="348"/>
      <c r="FD29" s="114">
        <v>0</v>
      </c>
      <c r="FE29" s="114">
        <v>0</v>
      </c>
      <c r="FF29" s="114">
        <v>0</v>
      </c>
      <c r="FG29" s="114">
        <v>0</v>
      </c>
      <c r="FH29" s="114">
        <v>0</v>
      </c>
      <c r="FI29" s="113">
        <v>0</v>
      </c>
      <c r="FJ29" s="116">
        <v>0</v>
      </c>
      <c r="FK29" s="110">
        <v>686950</v>
      </c>
      <c r="FL29" s="114">
        <v>519962</v>
      </c>
      <c r="FM29" s="113">
        <v>1206912</v>
      </c>
      <c r="FN29" s="110">
        <v>0</v>
      </c>
      <c r="FO29" s="114">
        <v>1016335</v>
      </c>
      <c r="FP29" s="114">
        <v>2254398</v>
      </c>
      <c r="FQ29" s="114">
        <v>1443760</v>
      </c>
      <c r="FR29" s="114">
        <v>1590117</v>
      </c>
      <c r="FS29" s="114">
        <v>1663672</v>
      </c>
      <c r="FT29" s="113">
        <v>7968282</v>
      </c>
      <c r="FU29" s="116">
        <v>9175194</v>
      </c>
      <c r="FV29" s="115">
        <v>290640</v>
      </c>
      <c r="FW29" s="114">
        <v>345497</v>
      </c>
      <c r="FX29" s="112">
        <v>636137</v>
      </c>
      <c r="FY29" s="111">
        <v>0</v>
      </c>
      <c r="FZ29" s="114">
        <v>994951</v>
      </c>
      <c r="GA29" s="114">
        <v>2047362</v>
      </c>
      <c r="GB29" s="114">
        <v>1443760</v>
      </c>
      <c r="GC29" s="114">
        <v>1512501</v>
      </c>
      <c r="GD29" s="114">
        <v>1663672</v>
      </c>
      <c r="GE29" s="113">
        <v>7662246</v>
      </c>
      <c r="GF29" s="319">
        <v>8298383</v>
      </c>
      <c r="GG29" s="115">
        <v>69250</v>
      </c>
      <c r="GH29" s="114">
        <v>13365</v>
      </c>
      <c r="GI29" s="112">
        <v>82615</v>
      </c>
      <c r="GJ29" s="111">
        <v>0</v>
      </c>
      <c r="GK29" s="114">
        <v>21384</v>
      </c>
      <c r="GL29" s="114">
        <v>36036</v>
      </c>
      <c r="GM29" s="114">
        <v>0</v>
      </c>
      <c r="GN29" s="114">
        <v>77616</v>
      </c>
      <c r="GO29" s="114">
        <v>0</v>
      </c>
      <c r="GP29" s="113">
        <v>135036</v>
      </c>
      <c r="GQ29" s="116">
        <v>217651</v>
      </c>
      <c r="GR29" s="110">
        <v>327060</v>
      </c>
      <c r="GS29" s="114">
        <v>161100</v>
      </c>
      <c r="GT29" s="113">
        <v>488160</v>
      </c>
      <c r="GU29" s="110">
        <v>0</v>
      </c>
      <c r="GV29" s="114">
        <v>0</v>
      </c>
      <c r="GW29" s="114">
        <v>171000</v>
      </c>
      <c r="GX29" s="114">
        <v>0</v>
      </c>
      <c r="GY29" s="114">
        <v>0</v>
      </c>
      <c r="GZ29" s="114">
        <v>0</v>
      </c>
      <c r="HA29" s="112">
        <v>171000</v>
      </c>
      <c r="HB29" s="116">
        <v>659160</v>
      </c>
      <c r="HC29" s="110">
        <v>590588</v>
      </c>
      <c r="HD29" s="114">
        <v>738615</v>
      </c>
      <c r="HE29" s="112">
        <v>1329203</v>
      </c>
      <c r="HF29" s="111">
        <v>0</v>
      </c>
      <c r="HG29" s="114">
        <v>5307539</v>
      </c>
      <c r="HH29" s="114">
        <v>4972114</v>
      </c>
      <c r="HI29" s="114">
        <v>5458819</v>
      </c>
      <c r="HJ29" s="114">
        <v>6449661</v>
      </c>
      <c r="HK29" s="114">
        <v>4953895</v>
      </c>
      <c r="HL29" s="113">
        <v>27142028</v>
      </c>
      <c r="HM29" s="109">
        <v>28471231</v>
      </c>
      <c r="HN29" s="115">
        <v>440173</v>
      </c>
      <c r="HO29" s="114">
        <v>403417</v>
      </c>
      <c r="HP29" s="113">
        <v>843590</v>
      </c>
      <c r="HQ29" s="110">
        <v>0</v>
      </c>
      <c r="HR29" s="114">
        <v>3941345</v>
      </c>
      <c r="HS29" s="114">
        <v>2563766</v>
      </c>
      <c r="HT29" s="114">
        <v>2059809</v>
      </c>
      <c r="HU29" s="114">
        <v>1406161</v>
      </c>
      <c r="HV29" s="114">
        <v>1038522</v>
      </c>
      <c r="HW29" s="112">
        <v>11009603</v>
      </c>
      <c r="HX29" s="116">
        <v>11853193</v>
      </c>
      <c r="HY29" s="131">
        <v>269570</v>
      </c>
      <c r="HZ29" s="132">
        <v>387171</v>
      </c>
      <c r="IA29" s="133">
        <v>656741</v>
      </c>
      <c r="IB29" s="146">
        <v>0</v>
      </c>
      <c r="IC29" s="132">
        <v>4861736</v>
      </c>
      <c r="ID29" s="147">
        <v>5075926</v>
      </c>
      <c r="IE29" s="133">
        <v>5649356</v>
      </c>
      <c r="IF29" s="132">
        <v>3369021</v>
      </c>
      <c r="IG29" s="133">
        <v>2294173</v>
      </c>
      <c r="IH29" s="148">
        <v>21250212</v>
      </c>
      <c r="II29" s="139">
        <v>21906953</v>
      </c>
      <c r="IJ29" s="232">
        <v>0</v>
      </c>
      <c r="IK29" s="236">
        <v>0</v>
      </c>
      <c r="IL29" s="237">
        <v>0</v>
      </c>
      <c r="IM29" s="140"/>
      <c r="IN29" s="119">
        <v>290588</v>
      </c>
      <c r="IO29" s="119">
        <v>219218</v>
      </c>
      <c r="IP29" s="119">
        <v>182833</v>
      </c>
      <c r="IQ29" s="119">
        <v>301015</v>
      </c>
      <c r="IR29" s="119">
        <v>329893</v>
      </c>
      <c r="IS29" s="141">
        <v>1323547</v>
      </c>
      <c r="IT29" s="321">
        <v>1323547</v>
      </c>
      <c r="IU29" s="142">
        <v>0</v>
      </c>
      <c r="IV29" s="119">
        <v>0</v>
      </c>
      <c r="IW29" s="120">
        <v>0</v>
      </c>
      <c r="IX29" s="144"/>
      <c r="IY29" s="119">
        <v>0</v>
      </c>
      <c r="IZ29" s="119">
        <v>0</v>
      </c>
      <c r="JA29" s="119">
        <v>0</v>
      </c>
      <c r="JB29" s="119">
        <v>0</v>
      </c>
      <c r="JC29" s="119">
        <v>0</v>
      </c>
      <c r="JD29" s="120">
        <v>0</v>
      </c>
      <c r="JE29" s="121">
        <v>0</v>
      </c>
      <c r="JF29" s="142">
        <v>0</v>
      </c>
      <c r="JG29" s="119">
        <v>0</v>
      </c>
      <c r="JH29" s="141">
        <v>0</v>
      </c>
      <c r="JI29" s="118">
        <v>0</v>
      </c>
      <c r="JJ29" s="119">
        <v>1955960</v>
      </c>
      <c r="JK29" s="119">
        <v>1192595</v>
      </c>
      <c r="JL29" s="119">
        <v>1121290</v>
      </c>
      <c r="JM29" s="119">
        <v>556880</v>
      </c>
      <c r="JN29" s="119">
        <v>137701</v>
      </c>
      <c r="JO29" s="120">
        <v>4964426</v>
      </c>
      <c r="JP29" s="321">
        <v>4964426</v>
      </c>
      <c r="JQ29" s="142">
        <v>0</v>
      </c>
      <c r="JR29" s="119">
        <v>0</v>
      </c>
      <c r="JS29" s="141">
        <v>0</v>
      </c>
      <c r="JT29" s="118">
        <v>0</v>
      </c>
      <c r="JU29" s="119">
        <v>727704</v>
      </c>
      <c r="JV29" s="119">
        <v>665331</v>
      </c>
      <c r="JW29" s="119">
        <v>581173</v>
      </c>
      <c r="JX29" s="119">
        <v>193618</v>
      </c>
      <c r="JY29" s="119">
        <v>243236</v>
      </c>
      <c r="JZ29" s="120">
        <v>2411062</v>
      </c>
      <c r="KA29" s="321">
        <v>2411062</v>
      </c>
      <c r="KB29" s="234">
        <v>269570</v>
      </c>
      <c r="KC29" s="230">
        <v>387171</v>
      </c>
      <c r="KD29" s="120">
        <v>656741</v>
      </c>
      <c r="KE29" s="118">
        <v>0</v>
      </c>
      <c r="KF29" s="119">
        <v>1645051</v>
      </c>
      <c r="KG29" s="119">
        <v>1479839</v>
      </c>
      <c r="KH29" s="119">
        <v>707807</v>
      </c>
      <c r="KI29" s="119">
        <v>823673</v>
      </c>
      <c r="KJ29" s="119">
        <v>838353</v>
      </c>
      <c r="KK29" s="120">
        <v>5494723</v>
      </c>
      <c r="KL29" s="143">
        <v>6151464</v>
      </c>
      <c r="KM29" s="232">
        <v>0</v>
      </c>
      <c r="KN29" s="236">
        <v>0</v>
      </c>
      <c r="KO29" s="237">
        <v>0</v>
      </c>
      <c r="KP29" s="140"/>
      <c r="KQ29" s="119">
        <v>242433</v>
      </c>
      <c r="KR29" s="119">
        <v>1518943</v>
      </c>
      <c r="KS29" s="119">
        <v>3056253</v>
      </c>
      <c r="KT29" s="119">
        <v>1493835</v>
      </c>
      <c r="KU29" s="119">
        <v>744990</v>
      </c>
      <c r="KV29" s="120">
        <v>7056454</v>
      </c>
      <c r="KW29" s="321">
        <v>7056454</v>
      </c>
      <c r="KX29" s="142">
        <v>0</v>
      </c>
      <c r="KY29" s="119">
        <v>0</v>
      </c>
      <c r="KZ29" s="120">
        <v>0</v>
      </c>
      <c r="LA29" s="145"/>
      <c r="LB29" s="119">
        <v>0</v>
      </c>
      <c r="LC29" s="119">
        <v>0</v>
      </c>
      <c r="LD29" s="119">
        <v>0</v>
      </c>
      <c r="LE29" s="119">
        <v>0</v>
      </c>
      <c r="LF29" s="119">
        <v>0</v>
      </c>
      <c r="LG29" s="120">
        <v>0</v>
      </c>
      <c r="LH29" s="121">
        <v>0</v>
      </c>
      <c r="LI29" s="142">
        <v>0</v>
      </c>
      <c r="LJ29" s="119">
        <v>0</v>
      </c>
      <c r="LK29" s="120">
        <v>0</v>
      </c>
      <c r="LL29" s="145"/>
      <c r="LM29" s="119">
        <v>0</v>
      </c>
      <c r="LN29" s="119">
        <v>0</v>
      </c>
      <c r="LO29" s="119">
        <v>0</v>
      </c>
      <c r="LP29" s="119">
        <v>0</v>
      </c>
      <c r="LQ29" s="119">
        <v>0</v>
      </c>
      <c r="LR29" s="120">
        <v>0</v>
      </c>
      <c r="LS29" s="321">
        <v>0</v>
      </c>
      <c r="LT29" s="142">
        <v>0</v>
      </c>
      <c r="LU29" s="119">
        <v>0</v>
      </c>
      <c r="LV29" s="120">
        <v>0</v>
      </c>
      <c r="LW29" s="145"/>
      <c r="LX29" s="119">
        <v>0</v>
      </c>
      <c r="LY29" s="119">
        <v>0</v>
      </c>
      <c r="LZ29" s="119">
        <v>0</v>
      </c>
      <c r="MA29" s="119">
        <v>0</v>
      </c>
      <c r="MB29" s="119">
        <v>0</v>
      </c>
      <c r="MC29" s="120">
        <v>0</v>
      </c>
      <c r="MD29" s="121">
        <v>0</v>
      </c>
      <c r="ME29" s="142">
        <v>0</v>
      </c>
      <c r="MF29" s="119">
        <v>0</v>
      </c>
      <c r="MG29" s="120">
        <v>0</v>
      </c>
      <c r="MH29" s="145"/>
      <c r="MI29" s="119">
        <v>2530549</v>
      </c>
      <c r="MJ29" s="119">
        <v>3691752</v>
      </c>
      <c r="MK29" s="119">
        <v>15403931</v>
      </c>
      <c r="ML29" s="119">
        <v>28027189</v>
      </c>
      <c r="MM29" s="119">
        <v>19159490</v>
      </c>
      <c r="MN29" s="120">
        <v>68812911</v>
      </c>
      <c r="MO29" s="143">
        <v>68812911</v>
      </c>
      <c r="MP29" s="142">
        <v>0</v>
      </c>
      <c r="MQ29" s="119">
        <v>0</v>
      </c>
      <c r="MR29" s="120">
        <v>0</v>
      </c>
      <c r="MS29" s="145"/>
      <c r="MT29" s="119">
        <v>0</v>
      </c>
      <c r="MU29" s="119">
        <v>0</v>
      </c>
      <c r="MV29" s="119">
        <v>8372594</v>
      </c>
      <c r="MW29" s="119">
        <v>18789827</v>
      </c>
      <c r="MX29" s="119">
        <v>17535585</v>
      </c>
      <c r="MY29" s="120">
        <v>44698006</v>
      </c>
      <c r="MZ29" s="143">
        <v>44698006</v>
      </c>
      <c r="NA29" s="142">
        <v>0</v>
      </c>
      <c r="NB29" s="119">
        <v>0</v>
      </c>
      <c r="NC29" s="120">
        <v>0</v>
      </c>
      <c r="ND29" s="145"/>
      <c r="NE29" s="119">
        <v>2530549</v>
      </c>
      <c r="NF29" s="119">
        <v>3691752</v>
      </c>
      <c r="NG29" s="119">
        <v>7031337</v>
      </c>
      <c r="NH29" s="119">
        <v>9237362</v>
      </c>
      <c r="NI29" s="119">
        <v>1623905</v>
      </c>
      <c r="NJ29" s="120">
        <v>24114905</v>
      </c>
      <c r="NK29" s="321">
        <v>24114905</v>
      </c>
      <c r="NL29" s="142">
        <v>0</v>
      </c>
      <c r="NM29" s="119">
        <v>0</v>
      </c>
      <c r="NN29" s="120">
        <v>0</v>
      </c>
      <c r="NO29" s="145"/>
      <c r="NP29" s="119">
        <v>0</v>
      </c>
      <c r="NQ29" s="119">
        <v>0</v>
      </c>
      <c r="NR29" s="119">
        <v>0</v>
      </c>
      <c r="NS29" s="119">
        <v>0</v>
      </c>
      <c r="NT29" s="119">
        <v>0</v>
      </c>
      <c r="NU29" s="120">
        <v>0</v>
      </c>
      <c r="NV29" s="121">
        <v>0</v>
      </c>
      <c r="NW29" s="142">
        <v>0</v>
      </c>
      <c r="NX29" s="119">
        <v>0</v>
      </c>
      <c r="NY29" s="120">
        <v>0</v>
      </c>
      <c r="NZ29" s="145"/>
      <c r="OA29" s="119">
        <v>0</v>
      </c>
      <c r="OB29" s="119">
        <v>0</v>
      </c>
      <c r="OC29" s="119">
        <v>0</v>
      </c>
      <c r="OD29" s="119">
        <v>0</v>
      </c>
      <c r="OE29" s="119">
        <v>0</v>
      </c>
      <c r="OF29" s="120">
        <v>0</v>
      </c>
      <c r="OG29" s="121">
        <v>0</v>
      </c>
      <c r="OH29" s="142">
        <v>2586146</v>
      </c>
      <c r="OI29" s="119">
        <v>3488289</v>
      </c>
      <c r="OJ29" s="141">
        <v>6074435</v>
      </c>
      <c r="OK29" s="118">
        <v>0</v>
      </c>
      <c r="OL29" s="119">
        <v>33028655</v>
      </c>
      <c r="OM29" s="119">
        <v>33153468</v>
      </c>
      <c r="ON29" s="119">
        <v>43850915</v>
      </c>
      <c r="OO29" s="119">
        <v>55138319</v>
      </c>
      <c r="OP29" s="119">
        <v>42953885</v>
      </c>
      <c r="OQ29" s="120">
        <v>208125242</v>
      </c>
      <c r="OR29" s="143">
        <v>214199677</v>
      </c>
    </row>
    <row r="30" spans="1:408" ht="18.75" customHeight="1" x14ac:dyDescent="0.2">
      <c r="A30" s="62" t="s">
        <v>25</v>
      </c>
      <c r="B30" s="110">
        <v>1513763</v>
      </c>
      <c r="C30" s="114">
        <v>4105190</v>
      </c>
      <c r="D30" s="113">
        <v>5618953</v>
      </c>
      <c r="E30" s="109">
        <v>0</v>
      </c>
      <c r="F30" s="114">
        <v>27985251</v>
      </c>
      <c r="G30" s="114">
        <v>26832108</v>
      </c>
      <c r="H30" s="114">
        <v>17192291</v>
      </c>
      <c r="I30" s="114">
        <v>27486194</v>
      </c>
      <c r="J30" s="114">
        <v>16349452</v>
      </c>
      <c r="K30" s="173">
        <v>115845296</v>
      </c>
      <c r="L30" s="116">
        <v>121464249</v>
      </c>
      <c r="M30" s="110">
        <v>392062</v>
      </c>
      <c r="N30" s="114">
        <v>1216735</v>
      </c>
      <c r="O30" s="113">
        <v>1608797</v>
      </c>
      <c r="P30" s="110">
        <v>0</v>
      </c>
      <c r="Q30" s="114">
        <v>7506981</v>
      </c>
      <c r="R30" s="114">
        <v>6338279</v>
      </c>
      <c r="S30" s="114">
        <v>6882675</v>
      </c>
      <c r="T30" s="114">
        <v>9365883</v>
      </c>
      <c r="U30" s="114">
        <v>8965805</v>
      </c>
      <c r="V30" s="113">
        <v>39059623</v>
      </c>
      <c r="W30" s="116">
        <v>40668420</v>
      </c>
      <c r="X30" s="110">
        <v>0</v>
      </c>
      <c r="Y30" s="114">
        <v>0</v>
      </c>
      <c r="Z30" s="113">
        <v>0</v>
      </c>
      <c r="AA30" s="110">
        <v>0</v>
      </c>
      <c r="AB30" s="114">
        <v>4040357</v>
      </c>
      <c r="AC30" s="114">
        <v>2544201</v>
      </c>
      <c r="AD30" s="114">
        <v>4491468</v>
      </c>
      <c r="AE30" s="114">
        <v>5505108</v>
      </c>
      <c r="AF30" s="114">
        <v>5225783</v>
      </c>
      <c r="AG30" s="113">
        <v>21806917</v>
      </c>
      <c r="AH30" s="116">
        <v>21806917</v>
      </c>
      <c r="AI30" s="110">
        <v>0</v>
      </c>
      <c r="AJ30" s="114">
        <v>0</v>
      </c>
      <c r="AK30" s="113">
        <v>0</v>
      </c>
      <c r="AL30" s="110">
        <v>0</v>
      </c>
      <c r="AM30" s="114">
        <v>-46677</v>
      </c>
      <c r="AN30" s="114">
        <v>512889</v>
      </c>
      <c r="AO30" s="114">
        <v>255910</v>
      </c>
      <c r="AP30" s="114">
        <v>1500613</v>
      </c>
      <c r="AQ30" s="114">
        <v>1424451</v>
      </c>
      <c r="AR30" s="113">
        <v>3647186</v>
      </c>
      <c r="AS30" s="116">
        <v>3647186</v>
      </c>
      <c r="AT30" s="110">
        <v>316259</v>
      </c>
      <c r="AU30" s="114">
        <v>844592</v>
      </c>
      <c r="AV30" s="113">
        <v>1160851</v>
      </c>
      <c r="AW30" s="110">
        <v>0</v>
      </c>
      <c r="AX30" s="114">
        <v>2543676</v>
      </c>
      <c r="AY30" s="114">
        <v>2244777</v>
      </c>
      <c r="AZ30" s="114">
        <v>1236217</v>
      </c>
      <c r="BA30" s="114">
        <v>1384047</v>
      </c>
      <c r="BB30" s="114">
        <v>1520682</v>
      </c>
      <c r="BC30" s="113">
        <v>8929399</v>
      </c>
      <c r="BD30" s="116">
        <v>10090250</v>
      </c>
      <c r="BE30" s="110">
        <v>40941</v>
      </c>
      <c r="BF30" s="114">
        <v>221077</v>
      </c>
      <c r="BG30" s="112">
        <v>262018</v>
      </c>
      <c r="BH30" s="111">
        <v>0</v>
      </c>
      <c r="BI30" s="114">
        <v>115996</v>
      </c>
      <c r="BJ30" s="114">
        <v>267954</v>
      </c>
      <c r="BK30" s="114">
        <v>337631</v>
      </c>
      <c r="BL30" s="114">
        <v>131342</v>
      </c>
      <c r="BM30" s="114">
        <v>245877</v>
      </c>
      <c r="BN30" s="113">
        <v>1098800</v>
      </c>
      <c r="BO30" s="116">
        <v>1360818</v>
      </c>
      <c r="BP30" s="110">
        <v>34862</v>
      </c>
      <c r="BQ30" s="114">
        <v>151066</v>
      </c>
      <c r="BR30" s="113">
        <v>185928</v>
      </c>
      <c r="BS30" s="110">
        <v>0</v>
      </c>
      <c r="BT30" s="114">
        <v>853629</v>
      </c>
      <c r="BU30" s="114">
        <v>768458</v>
      </c>
      <c r="BV30" s="114">
        <v>561449</v>
      </c>
      <c r="BW30" s="114">
        <v>844773</v>
      </c>
      <c r="BX30" s="114">
        <v>549012</v>
      </c>
      <c r="BY30" s="113">
        <v>3577321</v>
      </c>
      <c r="BZ30" s="116">
        <v>3763249</v>
      </c>
      <c r="CA30" s="110">
        <v>112515</v>
      </c>
      <c r="CB30" s="114">
        <v>542277</v>
      </c>
      <c r="CC30" s="113">
        <v>654792</v>
      </c>
      <c r="CD30" s="110">
        <v>0</v>
      </c>
      <c r="CE30" s="114">
        <v>10680795</v>
      </c>
      <c r="CF30" s="114">
        <v>9948673</v>
      </c>
      <c r="CG30" s="114">
        <v>4485596</v>
      </c>
      <c r="CH30" s="114">
        <v>7360710</v>
      </c>
      <c r="CI30" s="114">
        <v>1554699</v>
      </c>
      <c r="CJ30" s="113">
        <v>34030473</v>
      </c>
      <c r="CK30" s="116">
        <v>34685265</v>
      </c>
      <c r="CL30" s="110">
        <v>0</v>
      </c>
      <c r="CM30" s="114">
        <v>0</v>
      </c>
      <c r="CN30" s="113">
        <v>0</v>
      </c>
      <c r="CO30" s="111">
        <v>0</v>
      </c>
      <c r="CP30" s="114">
        <v>8482441</v>
      </c>
      <c r="CQ30" s="114">
        <v>5924526</v>
      </c>
      <c r="CR30" s="114">
        <v>2972955</v>
      </c>
      <c r="CS30" s="114">
        <v>5899500</v>
      </c>
      <c r="CT30" s="114">
        <v>1019686</v>
      </c>
      <c r="CU30" s="113">
        <v>24299108</v>
      </c>
      <c r="CV30" s="116">
        <v>24299108</v>
      </c>
      <c r="CW30" s="110">
        <v>112515</v>
      </c>
      <c r="CX30" s="114">
        <v>542277</v>
      </c>
      <c r="CY30" s="113">
        <v>654792</v>
      </c>
      <c r="CZ30" s="110">
        <v>0</v>
      </c>
      <c r="DA30" s="114">
        <v>2198354</v>
      </c>
      <c r="DB30" s="114">
        <v>4024147</v>
      </c>
      <c r="DC30" s="114">
        <v>1512641</v>
      </c>
      <c r="DD30" s="114">
        <v>1461210</v>
      </c>
      <c r="DE30" s="114">
        <v>535013</v>
      </c>
      <c r="DF30" s="113">
        <v>9731365</v>
      </c>
      <c r="DG30" s="116">
        <v>10386157</v>
      </c>
      <c r="DH30" s="110">
        <v>0</v>
      </c>
      <c r="DI30" s="114">
        <v>87946</v>
      </c>
      <c r="DJ30" s="112">
        <v>87946</v>
      </c>
      <c r="DK30" s="111">
        <v>0</v>
      </c>
      <c r="DL30" s="114">
        <v>942234</v>
      </c>
      <c r="DM30" s="114">
        <v>1504883</v>
      </c>
      <c r="DN30" s="114">
        <v>999152</v>
      </c>
      <c r="DO30" s="114">
        <v>1743342</v>
      </c>
      <c r="DP30" s="114">
        <v>909574</v>
      </c>
      <c r="DQ30" s="113">
        <v>6099185</v>
      </c>
      <c r="DR30" s="116">
        <v>6187131</v>
      </c>
      <c r="DS30" s="110">
        <v>0</v>
      </c>
      <c r="DT30" s="114">
        <v>87946</v>
      </c>
      <c r="DU30" s="113">
        <v>87946</v>
      </c>
      <c r="DV30" s="110">
        <v>0</v>
      </c>
      <c r="DW30" s="114">
        <v>826959</v>
      </c>
      <c r="DX30" s="114">
        <v>1355072</v>
      </c>
      <c r="DY30" s="114">
        <v>945005</v>
      </c>
      <c r="DZ30" s="114">
        <v>1239803</v>
      </c>
      <c r="EA30" s="114">
        <v>526616</v>
      </c>
      <c r="EB30" s="113">
        <v>4893455</v>
      </c>
      <c r="EC30" s="116">
        <v>4981401</v>
      </c>
      <c r="ED30" s="110">
        <v>0</v>
      </c>
      <c r="EE30" s="112">
        <v>0</v>
      </c>
      <c r="EF30" s="113">
        <v>0</v>
      </c>
      <c r="EG30" s="110">
        <v>0</v>
      </c>
      <c r="EH30" s="114">
        <v>115275</v>
      </c>
      <c r="EI30" s="114">
        <v>149811</v>
      </c>
      <c r="EJ30" s="114">
        <v>54147</v>
      </c>
      <c r="EK30" s="114">
        <v>503539</v>
      </c>
      <c r="EL30" s="114">
        <v>382958</v>
      </c>
      <c r="EM30" s="112">
        <v>1205730</v>
      </c>
      <c r="EN30" s="116">
        <v>1205730</v>
      </c>
      <c r="EO30" s="110">
        <v>0</v>
      </c>
      <c r="EP30" s="114">
        <v>0</v>
      </c>
      <c r="EQ30" s="112">
        <v>0</v>
      </c>
      <c r="ER30" s="111">
        <v>0</v>
      </c>
      <c r="ES30" s="114">
        <v>0</v>
      </c>
      <c r="ET30" s="114">
        <v>0</v>
      </c>
      <c r="EU30" s="114">
        <v>0</v>
      </c>
      <c r="EV30" s="114">
        <v>0</v>
      </c>
      <c r="EW30" s="114">
        <v>0</v>
      </c>
      <c r="EX30" s="113">
        <v>0</v>
      </c>
      <c r="EY30" s="116">
        <v>0</v>
      </c>
      <c r="EZ30" s="110">
        <v>0</v>
      </c>
      <c r="FA30" s="114">
        <v>0</v>
      </c>
      <c r="FB30" s="112">
        <v>0</v>
      </c>
      <c r="FC30" s="348"/>
      <c r="FD30" s="114">
        <v>0</v>
      </c>
      <c r="FE30" s="114">
        <v>0</v>
      </c>
      <c r="FF30" s="114">
        <v>0</v>
      </c>
      <c r="FG30" s="114">
        <v>0</v>
      </c>
      <c r="FH30" s="114">
        <v>0</v>
      </c>
      <c r="FI30" s="113">
        <v>0</v>
      </c>
      <c r="FJ30" s="116">
        <v>0</v>
      </c>
      <c r="FK30" s="110">
        <v>518566</v>
      </c>
      <c r="FL30" s="114">
        <v>1280761</v>
      </c>
      <c r="FM30" s="113">
        <v>1799327</v>
      </c>
      <c r="FN30" s="110">
        <v>0</v>
      </c>
      <c r="FO30" s="114">
        <v>1263960</v>
      </c>
      <c r="FP30" s="114">
        <v>2698284</v>
      </c>
      <c r="FQ30" s="114">
        <v>1812622</v>
      </c>
      <c r="FR30" s="114">
        <v>2440375</v>
      </c>
      <c r="FS30" s="114">
        <v>1214858</v>
      </c>
      <c r="FT30" s="113">
        <v>9430099</v>
      </c>
      <c r="FU30" s="116">
        <v>11229426</v>
      </c>
      <c r="FV30" s="115">
        <v>372766</v>
      </c>
      <c r="FW30" s="114">
        <v>697973</v>
      </c>
      <c r="FX30" s="112">
        <v>1070739</v>
      </c>
      <c r="FY30" s="111">
        <v>0</v>
      </c>
      <c r="FZ30" s="114">
        <v>1004884</v>
      </c>
      <c r="GA30" s="114">
        <v>2168730</v>
      </c>
      <c r="GB30" s="114">
        <v>1653322</v>
      </c>
      <c r="GC30" s="114">
        <v>2264605</v>
      </c>
      <c r="GD30" s="114">
        <v>1214858</v>
      </c>
      <c r="GE30" s="113">
        <v>8306399</v>
      </c>
      <c r="GF30" s="319">
        <v>9377138</v>
      </c>
      <c r="GG30" s="115">
        <v>0</v>
      </c>
      <c r="GH30" s="114">
        <v>93115</v>
      </c>
      <c r="GI30" s="112">
        <v>93115</v>
      </c>
      <c r="GJ30" s="111">
        <v>0</v>
      </c>
      <c r="GK30" s="114">
        <v>95652</v>
      </c>
      <c r="GL30" s="114">
        <v>80294</v>
      </c>
      <c r="GM30" s="114">
        <v>0</v>
      </c>
      <c r="GN30" s="114">
        <v>64170</v>
      </c>
      <c r="GO30" s="114">
        <v>0</v>
      </c>
      <c r="GP30" s="113">
        <v>240116</v>
      </c>
      <c r="GQ30" s="116">
        <v>333231</v>
      </c>
      <c r="GR30" s="110">
        <v>145800</v>
      </c>
      <c r="GS30" s="114">
        <v>489673</v>
      </c>
      <c r="GT30" s="113">
        <v>635473</v>
      </c>
      <c r="GU30" s="110">
        <v>0</v>
      </c>
      <c r="GV30" s="114">
        <v>163424</v>
      </c>
      <c r="GW30" s="114">
        <v>449260</v>
      </c>
      <c r="GX30" s="114">
        <v>159300</v>
      </c>
      <c r="GY30" s="114">
        <v>111600</v>
      </c>
      <c r="GZ30" s="114">
        <v>0</v>
      </c>
      <c r="HA30" s="112">
        <v>883584</v>
      </c>
      <c r="HB30" s="116">
        <v>1519057</v>
      </c>
      <c r="HC30" s="110">
        <v>120168</v>
      </c>
      <c r="HD30" s="114">
        <v>284903</v>
      </c>
      <c r="HE30" s="112">
        <v>405071</v>
      </c>
      <c r="HF30" s="111">
        <v>0</v>
      </c>
      <c r="HG30" s="114">
        <v>3587739</v>
      </c>
      <c r="HH30" s="114">
        <v>3613531</v>
      </c>
      <c r="HI30" s="114">
        <v>1497519</v>
      </c>
      <c r="HJ30" s="114">
        <v>4574427</v>
      </c>
      <c r="HK30" s="114">
        <v>2808354</v>
      </c>
      <c r="HL30" s="113">
        <v>16081570</v>
      </c>
      <c r="HM30" s="109">
        <v>16486641</v>
      </c>
      <c r="HN30" s="115">
        <v>370452</v>
      </c>
      <c r="HO30" s="114">
        <v>692568</v>
      </c>
      <c r="HP30" s="113">
        <v>1063020</v>
      </c>
      <c r="HQ30" s="110">
        <v>0</v>
      </c>
      <c r="HR30" s="114">
        <v>4003542</v>
      </c>
      <c r="HS30" s="114">
        <v>2728458</v>
      </c>
      <c r="HT30" s="114">
        <v>1514727</v>
      </c>
      <c r="HU30" s="114">
        <v>2001457</v>
      </c>
      <c r="HV30" s="114">
        <v>896162</v>
      </c>
      <c r="HW30" s="112">
        <v>11144346</v>
      </c>
      <c r="HX30" s="116">
        <v>12207366</v>
      </c>
      <c r="HY30" s="150">
        <v>0</v>
      </c>
      <c r="HZ30" s="135">
        <v>0</v>
      </c>
      <c r="IA30" s="150">
        <v>0</v>
      </c>
      <c r="IB30" s="134">
        <v>0</v>
      </c>
      <c r="IC30" s="135">
        <v>8089067</v>
      </c>
      <c r="ID30" s="136">
        <v>4339333</v>
      </c>
      <c r="IE30" s="137">
        <v>4128098</v>
      </c>
      <c r="IF30" s="135">
        <v>2359589</v>
      </c>
      <c r="IG30" s="137">
        <v>379679</v>
      </c>
      <c r="IH30" s="138">
        <v>19295766</v>
      </c>
      <c r="II30" s="150">
        <v>19295766</v>
      </c>
      <c r="IJ30" s="232">
        <v>0</v>
      </c>
      <c r="IK30" s="236">
        <v>0</v>
      </c>
      <c r="IL30" s="237">
        <v>0</v>
      </c>
      <c r="IM30" s="140"/>
      <c r="IN30" s="119">
        <v>0</v>
      </c>
      <c r="IO30" s="119">
        <v>0</v>
      </c>
      <c r="IP30" s="119">
        <v>0</v>
      </c>
      <c r="IQ30" s="119">
        <v>0</v>
      </c>
      <c r="IR30" s="119">
        <v>0</v>
      </c>
      <c r="IS30" s="141">
        <v>0</v>
      </c>
      <c r="IT30" s="321">
        <v>0</v>
      </c>
      <c r="IU30" s="142">
        <v>0</v>
      </c>
      <c r="IV30" s="119">
        <v>0</v>
      </c>
      <c r="IW30" s="120">
        <v>0</v>
      </c>
      <c r="IX30" s="144"/>
      <c r="IY30" s="119">
        <v>0</v>
      </c>
      <c r="IZ30" s="119">
        <v>0</v>
      </c>
      <c r="JA30" s="119">
        <v>0</v>
      </c>
      <c r="JB30" s="119">
        <v>0</v>
      </c>
      <c r="JC30" s="119">
        <v>0</v>
      </c>
      <c r="JD30" s="120">
        <v>0</v>
      </c>
      <c r="JE30" s="121">
        <v>0</v>
      </c>
      <c r="JF30" s="142">
        <v>0</v>
      </c>
      <c r="JG30" s="119">
        <v>0</v>
      </c>
      <c r="JH30" s="141">
        <v>0</v>
      </c>
      <c r="JI30" s="118">
        <v>0</v>
      </c>
      <c r="JJ30" s="119">
        <v>4377764</v>
      </c>
      <c r="JK30" s="119">
        <v>2101730</v>
      </c>
      <c r="JL30" s="119">
        <v>1094763</v>
      </c>
      <c r="JM30" s="119">
        <v>766886</v>
      </c>
      <c r="JN30" s="119">
        <v>164783</v>
      </c>
      <c r="JO30" s="120">
        <v>8505926</v>
      </c>
      <c r="JP30" s="321">
        <v>8505926</v>
      </c>
      <c r="JQ30" s="142">
        <v>0</v>
      </c>
      <c r="JR30" s="119">
        <v>0</v>
      </c>
      <c r="JS30" s="141">
        <v>0</v>
      </c>
      <c r="JT30" s="118">
        <v>0</v>
      </c>
      <c r="JU30" s="119">
        <v>544210</v>
      </c>
      <c r="JV30" s="119">
        <v>321243</v>
      </c>
      <c r="JW30" s="119">
        <v>200951</v>
      </c>
      <c r="JX30" s="119">
        <v>0</v>
      </c>
      <c r="JY30" s="119">
        <v>199499</v>
      </c>
      <c r="JZ30" s="120">
        <v>1265903</v>
      </c>
      <c r="KA30" s="321">
        <v>1265903</v>
      </c>
      <c r="KB30" s="234">
        <v>0</v>
      </c>
      <c r="KC30" s="230">
        <v>0</v>
      </c>
      <c r="KD30" s="120">
        <v>0</v>
      </c>
      <c r="KE30" s="118">
        <v>0</v>
      </c>
      <c r="KF30" s="119">
        <v>484687</v>
      </c>
      <c r="KG30" s="119">
        <v>346709</v>
      </c>
      <c r="KH30" s="119">
        <v>998463</v>
      </c>
      <c r="KI30" s="119">
        <v>0</v>
      </c>
      <c r="KJ30" s="119">
        <v>15397</v>
      </c>
      <c r="KK30" s="120">
        <v>1845256</v>
      </c>
      <c r="KL30" s="143">
        <v>1845256</v>
      </c>
      <c r="KM30" s="232">
        <v>0</v>
      </c>
      <c r="KN30" s="236">
        <v>0</v>
      </c>
      <c r="KO30" s="237">
        <v>0</v>
      </c>
      <c r="KP30" s="140"/>
      <c r="KQ30" s="119">
        <v>2682406</v>
      </c>
      <c r="KR30" s="119">
        <v>1569651</v>
      </c>
      <c r="KS30" s="119">
        <v>1833921</v>
      </c>
      <c r="KT30" s="119">
        <v>1592703</v>
      </c>
      <c r="KU30" s="119">
        <v>0</v>
      </c>
      <c r="KV30" s="120">
        <v>7678681</v>
      </c>
      <c r="KW30" s="321">
        <v>7678681</v>
      </c>
      <c r="KX30" s="142">
        <v>0</v>
      </c>
      <c r="KY30" s="119">
        <v>0</v>
      </c>
      <c r="KZ30" s="120">
        <v>0</v>
      </c>
      <c r="LA30" s="145"/>
      <c r="LB30" s="119">
        <v>0</v>
      </c>
      <c r="LC30" s="119">
        <v>0</v>
      </c>
      <c r="LD30" s="119">
        <v>0</v>
      </c>
      <c r="LE30" s="119">
        <v>0</v>
      </c>
      <c r="LF30" s="119">
        <v>0</v>
      </c>
      <c r="LG30" s="120">
        <v>0</v>
      </c>
      <c r="LH30" s="121">
        <v>0</v>
      </c>
      <c r="LI30" s="142">
        <v>0</v>
      </c>
      <c r="LJ30" s="119">
        <v>0</v>
      </c>
      <c r="LK30" s="120">
        <v>0</v>
      </c>
      <c r="LL30" s="145"/>
      <c r="LM30" s="119">
        <v>0</v>
      </c>
      <c r="LN30" s="119">
        <v>0</v>
      </c>
      <c r="LO30" s="119">
        <v>0</v>
      </c>
      <c r="LP30" s="119">
        <v>0</v>
      </c>
      <c r="LQ30" s="119">
        <v>0</v>
      </c>
      <c r="LR30" s="120">
        <v>0</v>
      </c>
      <c r="LS30" s="321">
        <v>0</v>
      </c>
      <c r="LT30" s="142">
        <v>0</v>
      </c>
      <c r="LU30" s="119">
        <v>0</v>
      </c>
      <c r="LV30" s="120">
        <v>0</v>
      </c>
      <c r="LW30" s="145"/>
      <c r="LX30" s="119">
        <v>0</v>
      </c>
      <c r="LY30" s="119">
        <v>0</v>
      </c>
      <c r="LZ30" s="119">
        <v>0</v>
      </c>
      <c r="MA30" s="119">
        <v>0</v>
      </c>
      <c r="MB30" s="119">
        <v>0</v>
      </c>
      <c r="MC30" s="120">
        <v>0</v>
      </c>
      <c r="MD30" s="121">
        <v>0</v>
      </c>
      <c r="ME30" s="142">
        <v>0</v>
      </c>
      <c r="MF30" s="119">
        <v>0</v>
      </c>
      <c r="MG30" s="120">
        <v>0</v>
      </c>
      <c r="MH30" s="145"/>
      <c r="MI30" s="119">
        <v>4885276</v>
      </c>
      <c r="MJ30" s="119">
        <v>7361094</v>
      </c>
      <c r="MK30" s="119">
        <v>23312674</v>
      </c>
      <c r="ML30" s="119">
        <v>35312191</v>
      </c>
      <c r="MM30" s="119">
        <v>21024601</v>
      </c>
      <c r="MN30" s="120">
        <v>91895836</v>
      </c>
      <c r="MO30" s="143">
        <v>91895836</v>
      </c>
      <c r="MP30" s="142">
        <v>0</v>
      </c>
      <c r="MQ30" s="119">
        <v>0</v>
      </c>
      <c r="MR30" s="120">
        <v>0</v>
      </c>
      <c r="MS30" s="145"/>
      <c r="MT30" s="119">
        <v>678634</v>
      </c>
      <c r="MU30" s="119">
        <v>2365528</v>
      </c>
      <c r="MV30" s="119">
        <v>16402979</v>
      </c>
      <c r="MW30" s="119">
        <v>18387005</v>
      </c>
      <c r="MX30" s="119">
        <v>14956269</v>
      </c>
      <c r="MY30" s="120">
        <v>52790415</v>
      </c>
      <c r="MZ30" s="143">
        <v>52790415</v>
      </c>
      <c r="NA30" s="142">
        <v>0</v>
      </c>
      <c r="NB30" s="119">
        <v>0</v>
      </c>
      <c r="NC30" s="120">
        <v>0</v>
      </c>
      <c r="ND30" s="145"/>
      <c r="NE30" s="119">
        <v>4206642</v>
      </c>
      <c r="NF30" s="119">
        <v>4995566</v>
      </c>
      <c r="NG30" s="119">
        <v>6909695</v>
      </c>
      <c r="NH30" s="119">
        <v>16534621</v>
      </c>
      <c r="NI30" s="119">
        <v>5725839</v>
      </c>
      <c r="NJ30" s="120">
        <v>38372363</v>
      </c>
      <c r="NK30" s="321">
        <v>38372363</v>
      </c>
      <c r="NL30" s="142">
        <v>0</v>
      </c>
      <c r="NM30" s="119">
        <v>0</v>
      </c>
      <c r="NN30" s="120">
        <v>0</v>
      </c>
      <c r="NO30" s="145"/>
      <c r="NP30" s="119">
        <v>0</v>
      </c>
      <c r="NQ30" s="119">
        <v>0</v>
      </c>
      <c r="NR30" s="119">
        <v>0</v>
      </c>
      <c r="NS30" s="119">
        <v>0</v>
      </c>
      <c r="NT30" s="119">
        <v>342493</v>
      </c>
      <c r="NU30" s="120">
        <v>342493</v>
      </c>
      <c r="NV30" s="121">
        <v>342493</v>
      </c>
      <c r="NW30" s="142">
        <v>0</v>
      </c>
      <c r="NX30" s="119">
        <v>0</v>
      </c>
      <c r="NY30" s="120">
        <v>0</v>
      </c>
      <c r="NZ30" s="145"/>
      <c r="OA30" s="119">
        <v>0</v>
      </c>
      <c r="OB30" s="119">
        <v>0</v>
      </c>
      <c r="OC30" s="119">
        <v>0</v>
      </c>
      <c r="OD30" s="119">
        <v>390565</v>
      </c>
      <c r="OE30" s="119">
        <v>0</v>
      </c>
      <c r="OF30" s="120">
        <v>390565</v>
      </c>
      <c r="OG30" s="121">
        <v>390565</v>
      </c>
      <c r="OH30" s="142">
        <v>1513763</v>
      </c>
      <c r="OI30" s="119">
        <v>4105190</v>
      </c>
      <c r="OJ30" s="141">
        <v>5618953</v>
      </c>
      <c r="OK30" s="118">
        <v>0</v>
      </c>
      <c r="OL30" s="119">
        <v>40959594</v>
      </c>
      <c r="OM30" s="119">
        <v>38532535</v>
      </c>
      <c r="ON30" s="119">
        <v>44633063</v>
      </c>
      <c r="OO30" s="119">
        <v>65157974</v>
      </c>
      <c r="OP30" s="119">
        <v>37753732</v>
      </c>
      <c r="OQ30" s="120">
        <v>227036898</v>
      </c>
      <c r="OR30" s="143">
        <v>232655851</v>
      </c>
    </row>
    <row r="31" spans="1:408" ht="18.75" customHeight="1" x14ac:dyDescent="0.2">
      <c r="A31" s="62" t="s">
        <v>26</v>
      </c>
      <c r="B31" s="110">
        <v>1567445</v>
      </c>
      <c r="C31" s="114">
        <v>2002514</v>
      </c>
      <c r="D31" s="113">
        <v>3569959</v>
      </c>
      <c r="E31" s="109">
        <v>0</v>
      </c>
      <c r="F31" s="114">
        <v>21121614</v>
      </c>
      <c r="G31" s="114">
        <v>24492583</v>
      </c>
      <c r="H31" s="114">
        <v>19971212</v>
      </c>
      <c r="I31" s="114">
        <v>19706235</v>
      </c>
      <c r="J31" s="114">
        <v>20752956</v>
      </c>
      <c r="K31" s="173">
        <v>106044600</v>
      </c>
      <c r="L31" s="116">
        <v>109614559</v>
      </c>
      <c r="M31" s="110">
        <v>323171</v>
      </c>
      <c r="N31" s="114">
        <v>594872</v>
      </c>
      <c r="O31" s="113">
        <v>918043</v>
      </c>
      <c r="P31" s="110">
        <v>0</v>
      </c>
      <c r="Q31" s="114">
        <v>6051647</v>
      </c>
      <c r="R31" s="114">
        <v>7211051</v>
      </c>
      <c r="S31" s="114">
        <v>5466384</v>
      </c>
      <c r="T31" s="114">
        <v>8186190</v>
      </c>
      <c r="U31" s="114">
        <v>11471558</v>
      </c>
      <c r="V31" s="113">
        <v>38386830</v>
      </c>
      <c r="W31" s="116">
        <v>39304873</v>
      </c>
      <c r="X31" s="110">
        <v>0</v>
      </c>
      <c r="Y31" s="114">
        <v>0</v>
      </c>
      <c r="Z31" s="113">
        <v>0</v>
      </c>
      <c r="AA31" s="110">
        <v>0</v>
      </c>
      <c r="AB31" s="114">
        <v>2619477</v>
      </c>
      <c r="AC31" s="114">
        <v>4236905</v>
      </c>
      <c r="AD31" s="114">
        <v>2760975</v>
      </c>
      <c r="AE31" s="114">
        <v>5021533</v>
      </c>
      <c r="AF31" s="114">
        <v>7338938</v>
      </c>
      <c r="AG31" s="113">
        <v>21977828</v>
      </c>
      <c r="AH31" s="116">
        <v>21977828</v>
      </c>
      <c r="AI31" s="110">
        <v>0</v>
      </c>
      <c r="AJ31" s="114">
        <v>0</v>
      </c>
      <c r="AK31" s="113">
        <v>0</v>
      </c>
      <c r="AL31" s="110">
        <v>0</v>
      </c>
      <c r="AM31" s="114">
        <v>0</v>
      </c>
      <c r="AN31" s="114">
        <v>126207</v>
      </c>
      <c r="AO31" s="114">
        <v>299242</v>
      </c>
      <c r="AP31" s="114">
        <v>487515</v>
      </c>
      <c r="AQ31" s="114">
        <v>1120894</v>
      </c>
      <c r="AR31" s="113">
        <v>2033858</v>
      </c>
      <c r="AS31" s="116">
        <v>2033858</v>
      </c>
      <c r="AT31" s="110">
        <v>173475</v>
      </c>
      <c r="AU31" s="114">
        <v>557172</v>
      </c>
      <c r="AV31" s="113">
        <v>730647</v>
      </c>
      <c r="AW31" s="110">
        <v>0</v>
      </c>
      <c r="AX31" s="114">
        <v>2352099</v>
      </c>
      <c r="AY31" s="114">
        <v>1845937</v>
      </c>
      <c r="AZ31" s="114">
        <v>1484656</v>
      </c>
      <c r="BA31" s="114">
        <v>1842376</v>
      </c>
      <c r="BB31" s="114">
        <v>2281825</v>
      </c>
      <c r="BC31" s="113">
        <v>9806893</v>
      </c>
      <c r="BD31" s="116">
        <v>10537540</v>
      </c>
      <c r="BE31" s="110">
        <v>0</v>
      </c>
      <c r="BF31" s="114">
        <v>0</v>
      </c>
      <c r="BG31" s="112">
        <v>0</v>
      </c>
      <c r="BH31" s="111">
        <v>0</v>
      </c>
      <c r="BI31" s="114">
        <v>302486</v>
      </c>
      <c r="BJ31" s="114">
        <v>245942</v>
      </c>
      <c r="BK31" s="114">
        <v>6004</v>
      </c>
      <c r="BL31" s="114">
        <v>5977</v>
      </c>
      <c r="BM31" s="114">
        <v>64119</v>
      </c>
      <c r="BN31" s="113">
        <v>624528</v>
      </c>
      <c r="BO31" s="116">
        <v>624528</v>
      </c>
      <c r="BP31" s="110">
        <v>149696</v>
      </c>
      <c r="BQ31" s="114">
        <v>37700</v>
      </c>
      <c r="BR31" s="113">
        <v>187396</v>
      </c>
      <c r="BS31" s="110">
        <v>0</v>
      </c>
      <c r="BT31" s="114">
        <v>777585</v>
      </c>
      <c r="BU31" s="114">
        <v>756060</v>
      </c>
      <c r="BV31" s="114">
        <v>915507</v>
      </c>
      <c r="BW31" s="114">
        <v>828789</v>
      </c>
      <c r="BX31" s="114">
        <v>665782</v>
      </c>
      <c r="BY31" s="113">
        <v>3943723</v>
      </c>
      <c r="BZ31" s="116">
        <v>4131119</v>
      </c>
      <c r="CA31" s="110">
        <v>66146</v>
      </c>
      <c r="CB31" s="114">
        <v>195716</v>
      </c>
      <c r="CC31" s="113">
        <v>261862</v>
      </c>
      <c r="CD31" s="110">
        <v>0</v>
      </c>
      <c r="CE31" s="114">
        <v>6297914</v>
      </c>
      <c r="CF31" s="114">
        <v>7136054</v>
      </c>
      <c r="CG31" s="114">
        <v>5505988</v>
      </c>
      <c r="CH31" s="114">
        <v>2640627</v>
      </c>
      <c r="CI31" s="114">
        <v>2812053</v>
      </c>
      <c r="CJ31" s="113">
        <v>24392636</v>
      </c>
      <c r="CK31" s="116">
        <v>24654498</v>
      </c>
      <c r="CL31" s="110">
        <v>0</v>
      </c>
      <c r="CM31" s="114">
        <v>0</v>
      </c>
      <c r="CN31" s="113">
        <v>0</v>
      </c>
      <c r="CO31" s="111">
        <v>0</v>
      </c>
      <c r="CP31" s="114">
        <v>5273707</v>
      </c>
      <c r="CQ31" s="114">
        <v>5577701</v>
      </c>
      <c r="CR31" s="114">
        <v>4211390</v>
      </c>
      <c r="CS31" s="114">
        <v>2116228</v>
      </c>
      <c r="CT31" s="114">
        <v>1999336</v>
      </c>
      <c r="CU31" s="113">
        <v>19178362</v>
      </c>
      <c r="CV31" s="116">
        <v>19178362</v>
      </c>
      <c r="CW31" s="110">
        <v>66146</v>
      </c>
      <c r="CX31" s="114">
        <v>195716</v>
      </c>
      <c r="CY31" s="113">
        <v>261862</v>
      </c>
      <c r="CZ31" s="110">
        <v>0</v>
      </c>
      <c r="DA31" s="114">
        <v>1024207</v>
      </c>
      <c r="DB31" s="114">
        <v>1558353</v>
      </c>
      <c r="DC31" s="114">
        <v>1294598</v>
      </c>
      <c r="DD31" s="114">
        <v>524399</v>
      </c>
      <c r="DE31" s="114">
        <v>812717</v>
      </c>
      <c r="DF31" s="113">
        <v>5214274</v>
      </c>
      <c r="DG31" s="116">
        <v>5476136</v>
      </c>
      <c r="DH31" s="110">
        <v>0</v>
      </c>
      <c r="DI31" s="114">
        <v>129984</v>
      </c>
      <c r="DJ31" s="112">
        <v>129984</v>
      </c>
      <c r="DK31" s="111">
        <v>0</v>
      </c>
      <c r="DL31" s="114">
        <v>398413</v>
      </c>
      <c r="DM31" s="114">
        <v>541713</v>
      </c>
      <c r="DN31" s="114">
        <v>1186986</v>
      </c>
      <c r="DO31" s="114">
        <v>1762022</v>
      </c>
      <c r="DP31" s="114">
        <v>1305362</v>
      </c>
      <c r="DQ31" s="113">
        <v>5194496</v>
      </c>
      <c r="DR31" s="116">
        <v>5324480</v>
      </c>
      <c r="DS31" s="110">
        <v>0</v>
      </c>
      <c r="DT31" s="114">
        <v>129984</v>
      </c>
      <c r="DU31" s="113">
        <v>129984</v>
      </c>
      <c r="DV31" s="110">
        <v>0</v>
      </c>
      <c r="DW31" s="114">
        <v>361811</v>
      </c>
      <c r="DX31" s="114">
        <v>448997</v>
      </c>
      <c r="DY31" s="114">
        <v>1012594</v>
      </c>
      <c r="DZ31" s="114">
        <v>1492972</v>
      </c>
      <c r="EA31" s="114">
        <v>1089004</v>
      </c>
      <c r="EB31" s="113">
        <v>4405378</v>
      </c>
      <c r="EC31" s="116">
        <v>4535362</v>
      </c>
      <c r="ED31" s="110">
        <v>0</v>
      </c>
      <c r="EE31" s="112">
        <v>0</v>
      </c>
      <c r="EF31" s="113">
        <v>0</v>
      </c>
      <c r="EG31" s="110">
        <v>0</v>
      </c>
      <c r="EH31" s="114">
        <v>36602</v>
      </c>
      <c r="EI31" s="114">
        <v>92716</v>
      </c>
      <c r="EJ31" s="114">
        <v>174392</v>
      </c>
      <c r="EK31" s="114">
        <v>269050</v>
      </c>
      <c r="EL31" s="114">
        <v>216358</v>
      </c>
      <c r="EM31" s="112">
        <v>789118</v>
      </c>
      <c r="EN31" s="116">
        <v>789118</v>
      </c>
      <c r="EO31" s="110">
        <v>0</v>
      </c>
      <c r="EP31" s="114">
        <v>0</v>
      </c>
      <c r="EQ31" s="112">
        <v>0</v>
      </c>
      <c r="ER31" s="111">
        <v>0</v>
      </c>
      <c r="ES31" s="114">
        <v>0</v>
      </c>
      <c r="ET31" s="114">
        <v>0</v>
      </c>
      <c r="EU31" s="114">
        <v>0</v>
      </c>
      <c r="EV31" s="114">
        <v>0</v>
      </c>
      <c r="EW31" s="114">
        <v>0</v>
      </c>
      <c r="EX31" s="113">
        <v>0</v>
      </c>
      <c r="EY31" s="116">
        <v>0</v>
      </c>
      <c r="EZ31" s="110">
        <v>0</v>
      </c>
      <c r="FA31" s="114">
        <v>0</v>
      </c>
      <c r="FB31" s="112">
        <v>0</v>
      </c>
      <c r="FC31" s="348"/>
      <c r="FD31" s="114">
        <v>0</v>
      </c>
      <c r="FE31" s="114">
        <v>0</v>
      </c>
      <c r="FF31" s="114">
        <v>0</v>
      </c>
      <c r="FG31" s="114">
        <v>0</v>
      </c>
      <c r="FH31" s="114">
        <v>0</v>
      </c>
      <c r="FI31" s="113">
        <v>0</v>
      </c>
      <c r="FJ31" s="116">
        <v>0</v>
      </c>
      <c r="FK31" s="110">
        <v>280704</v>
      </c>
      <c r="FL31" s="114">
        <v>552626</v>
      </c>
      <c r="FM31" s="113">
        <v>833330</v>
      </c>
      <c r="FN31" s="110">
        <v>0</v>
      </c>
      <c r="FO31" s="114">
        <v>1186328</v>
      </c>
      <c r="FP31" s="114">
        <v>2568188</v>
      </c>
      <c r="FQ31" s="114">
        <v>1620521</v>
      </c>
      <c r="FR31" s="114">
        <v>1711191</v>
      </c>
      <c r="FS31" s="114">
        <v>1624994</v>
      </c>
      <c r="FT31" s="113">
        <v>8711222</v>
      </c>
      <c r="FU31" s="116">
        <v>9544552</v>
      </c>
      <c r="FV31" s="115">
        <v>206004</v>
      </c>
      <c r="FW31" s="114">
        <v>462536</v>
      </c>
      <c r="FX31" s="112">
        <v>668540</v>
      </c>
      <c r="FY31" s="111">
        <v>0</v>
      </c>
      <c r="FZ31" s="114">
        <v>1020474</v>
      </c>
      <c r="GA31" s="114">
        <v>2229904</v>
      </c>
      <c r="GB31" s="114">
        <v>1543521</v>
      </c>
      <c r="GC31" s="114">
        <v>1526061</v>
      </c>
      <c r="GD31" s="114">
        <v>1624994</v>
      </c>
      <c r="GE31" s="113">
        <v>7944954</v>
      </c>
      <c r="GF31" s="319">
        <v>8613494</v>
      </c>
      <c r="GG31" s="115">
        <v>0</v>
      </c>
      <c r="GH31" s="114">
        <v>0</v>
      </c>
      <c r="GI31" s="112">
        <v>0</v>
      </c>
      <c r="GJ31" s="111">
        <v>0</v>
      </c>
      <c r="GK31" s="114">
        <v>50600</v>
      </c>
      <c r="GL31" s="114">
        <v>0</v>
      </c>
      <c r="GM31" s="114">
        <v>0</v>
      </c>
      <c r="GN31" s="114">
        <v>37620</v>
      </c>
      <c r="GO31" s="114">
        <v>0</v>
      </c>
      <c r="GP31" s="113">
        <v>88220</v>
      </c>
      <c r="GQ31" s="116">
        <v>88220</v>
      </c>
      <c r="GR31" s="110">
        <v>74700</v>
      </c>
      <c r="GS31" s="114">
        <v>90090</v>
      </c>
      <c r="GT31" s="113">
        <v>164790</v>
      </c>
      <c r="GU31" s="110">
        <v>0</v>
      </c>
      <c r="GV31" s="114">
        <v>115254</v>
      </c>
      <c r="GW31" s="114">
        <v>338284</v>
      </c>
      <c r="GX31" s="114">
        <v>77000</v>
      </c>
      <c r="GY31" s="114">
        <v>147510</v>
      </c>
      <c r="GZ31" s="114">
        <v>0</v>
      </c>
      <c r="HA31" s="112">
        <v>678048</v>
      </c>
      <c r="HB31" s="116">
        <v>842838</v>
      </c>
      <c r="HC31" s="110">
        <v>576588</v>
      </c>
      <c r="HD31" s="114">
        <v>75419</v>
      </c>
      <c r="HE31" s="112">
        <v>652007</v>
      </c>
      <c r="HF31" s="111">
        <v>0</v>
      </c>
      <c r="HG31" s="114">
        <v>3207685</v>
      </c>
      <c r="HH31" s="114">
        <v>3902336</v>
      </c>
      <c r="HI31" s="114">
        <v>4018800</v>
      </c>
      <c r="HJ31" s="114">
        <v>3898406</v>
      </c>
      <c r="HK31" s="114">
        <v>2289750</v>
      </c>
      <c r="HL31" s="113">
        <v>17316977</v>
      </c>
      <c r="HM31" s="109">
        <v>17968984</v>
      </c>
      <c r="HN31" s="115">
        <v>320836</v>
      </c>
      <c r="HO31" s="114">
        <v>453897</v>
      </c>
      <c r="HP31" s="113">
        <v>774733</v>
      </c>
      <c r="HQ31" s="110">
        <v>0</v>
      </c>
      <c r="HR31" s="114">
        <v>3979627</v>
      </c>
      <c r="HS31" s="114">
        <v>3133241</v>
      </c>
      <c r="HT31" s="114">
        <v>2172533</v>
      </c>
      <c r="HU31" s="114">
        <v>1507799</v>
      </c>
      <c r="HV31" s="114">
        <v>1249239</v>
      </c>
      <c r="HW31" s="112">
        <v>12042439</v>
      </c>
      <c r="HX31" s="116">
        <v>12817172</v>
      </c>
      <c r="HY31" s="131">
        <v>53875</v>
      </c>
      <c r="HZ31" s="132">
        <v>0</v>
      </c>
      <c r="IA31" s="133">
        <v>53875</v>
      </c>
      <c r="IB31" s="146">
        <v>0</v>
      </c>
      <c r="IC31" s="132">
        <v>5551937</v>
      </c>
      <c r="ID31" s="147">
        <v>6262608</v>
      </c>
      <c r="IE31" s="133">
        <v>8862471</v>
      </c>
      <c r="IF31" s="132">
        <v>4265106</v>
      </c>
      <c r="IG31" s="133">
        <v>4016063</v>
      </c>
      <c r="IH31" s="148">
        <v>28958185</v>
      </c>
      <c r="II31" s="139">
        <v>29012060</v>
      </c>
      <c r="IJ31" s="232">
        <v>0</v>
      </c>
      <c r="IK31" s="236">
        <v>0</v>
      </c>
      <c r="IL31" s="237">
        <v>0</v>
      </c>
      <c r="IM31" s="140"/>
      <c r="IN31" s="119">
        <v>0</v>
      </c>
      <c r="IO31" s="119">
        <v>0</v>
      </c>
      <c r="IP31" s="119">
        <v>0</v>
      </c>
      <c r="IQ31" s="119">
        <v>0</v>
      </c>
      <c r="IR31" s="119">
        <v>0</v>
      </c>
      <c r="IS31" s="141">
        <v>0</v>
      </c>
      <c r="IT31" s="321">
        <v>0</v>
      </c>
      <c r="IU31" s="142">
        <v>0</v>
      </c>
      <c r="IV31" s="119">
        <v>0</v>
      </c>
      <c r="IW31" s="120">
        <v>0</v>
      </c>
      <c r="IX31" s="144"/>
      <c r="IY31" s="119">
        <v>0</v>
      </c>
      <c r="IZ31" s="119">
        <v>0</v>
      </c>
      <c r="JA31" s="119">
        <v>0</v>
      </c>
      <c r="JB31" s="119">
        <v>0</v>
      </c>
      <c r="JC31" s="119">
        <v>0</v>
      </c>
      <c r="JD31" s="120">
        <v>0</v>
      </c>
      <c r="JE31" s="121">
        <v>0</v>
      </c>
      <c r="JF31" s="142">
        <v>0</v>
      </c>
      <c r="JG31" s="119">
        <v>0</v>
      </c>
      <c r="JH31" s="141">
        <v>0</v>
      </c>
      <c r="JI31" s="118">
        <v>0</v>
      </c>
      <c r="JJ31" s="119">
        <v>2308708</v>
      </c>
      <c r="JK31" s="119">
        <v>2562221</v>
      </c>
      <c r="JL31" s="119">
        <v>2025959</v>
      </c>
      <c r="JM31" s="119">
        <v>1399233</v>
      </c>
      <c r="JN31" s="119">
        <v>1552098</v>
      </c>
      <c r="JO31" s="120">
        <v>9848219</v>
      </c>
      <c r="JP31" s="321">
        <v>9848219</v>
      </c>
      <c r="JQ31" s="142">
        <v>0</v>
      </c>
      <c r="JR31" s="119">
        <v>0</v>
      </c>
      <c r="JS31" s="141">
        <v>0</v>
      </c>
      <c r="JT31" s="118">
        <v>0</v>
      </c>
      <c r="JU31" s="119">
        <v>73678</v>
      </c>
      <c r="JV31" s="119">
        <v>211310</v>
      </c>
      <c r="JW31" s="119">
        <v>646631</v>
      </c>
      <c r="JX31" s="119">
        <v>166880</v>
      </c>
      <c r="JY31" s="119">
        <v>520999</v>
      </c>
      <c r="JZ31" s="120">
        <v>1619498</v>
      </c>
      <c r="KA31" s="321">
        <v>1619498</v>
      </c>
      <c r="KB31" s="234">
        <v>53875</v>
      </c>
      <c r="KC31" s="230">
        <v>0</v>
      </c>
      <c r="KD31" s="120">
        <v>53875</v>
      </c>
      <c r="KE31" s="118">
        <v>0</v>
      </c>
      <c r="KF31" s="119">
        <v>837076</v>
      </c>
      <c r="KG31" s="119">
        <v>1155921</v>
      </c>
      <c r="KH31" s="119">
        <v>1254746</v>
      </c>
      <c r="KI31" s="119">
        <v>283948</v>
      </c>
      <c r="KJ31" s="119">
        <v>955404</v>
      </c>
      <c r="KK31" s="120">
        <v>4487095</v>
      </c>
      <c r="KL31" s="143">
        <v>4540970</v>
      </c>
      <c r="KM31" s="232">
        <v>0</v>
      </c>
      <c r="KN31" s="236">
        <v>0</v>
      </c>
      <c r="KO31" s="237">
        <v>0</v>
      </c>
      <c r="KP31" s="140"/>
      <c r="KQ31" s="119">
        <v>2332475</v>
      </c>
      <c r="KR31" s="119">
        <v>2109273</v>
      </c>
      <c r="KS31" s="119">
        <v>4935135</v>
      </c>
      <c r="KT31" s="119">
        <v>2415045</v>
      </c>
      <c r="KU31" s="119">
        <v>987562</v>
      </c>
      <c r="KV31" s="120">
        <v>12779490</v>
      </c>
      <c r="KW31" s="321">
        <v>12779490</v>
      </c>
      <c r="KX31" s="142">
        <v>0</v>
      </c>
      <c r="KY31" s="119">
        <v>0</v>
      </c>
      <c r="KZ31" s="120">
        <v>0</v>
      </c>
      <c r="LA31" s="145"/>
      <c r="LB31" s="119">
        <v>0</v>
      </c>
      <c r="LC31" s="119">
        <v>0</v>
      </c>
      <c r="LD31" s="119">
        <v>0</v>
      </c>
      <c r="LE31" s="119">
        <v>0</v>
      </c>
      <c r="LF31" s="119">
        <v>0</v>
      </c>
      <c r="LG31" s="120">
        <v>0</v>
      </c>
      <c r="LH31" s="121">
        <v>0</v>
      </c>
      <c r="LI31" s="142">
        <v>0</v>
      </c>
      <c r="LJ31" s="119">
        <v>0</v>
      </c>
      <c r="LK31" s="120">
        <v>0</v>
      </c>
      <c r="LL31" s="145"/>
      <c r="LM31" s="119">
        <v>0</v>
      </c>
      <c r="LN31" s="119">
        <v>223883</v>
      </c>
      <c r="LO31" s="119">
        <v>0</v>
      </c>
      <c r="LP31" s="119">
        <v>0</v>
      </c>
      <c r="LQ31" s="119">
        <v>0</v>
      </c>
      <c r="LR31" s="120">
        <v>223883</v>
      </c>
      <c r="LS31" s="321">
        <v>223883</v>
      </c>
      <c r="LT31" s="142">
        <v>0</v>
      </c>
      <c r="LU31" s="119">
        <v>0</v>
      </c>
      <c r="LV31" s="120">
        <v>0</v>
      </c>
      <c r="LW31" s="145"/>
      <c r="LX31" s="119">
        <v>0</v>
      </c>
      <c r="LY31" s="119">
        <v>0</v>
      </c>
      <c r="LZ31" s="119">
        <v>0</v>
      </c>
      <c r="MA31" s="119">
        <v>0</v>
      </c>
      <c r="MB31" s="119">
        <v>0</v>
      </c>
      <c r="MC31" s="120">
        <v>0</v>
      </c>
      <c r="MD31" s="121">
        <v>0</v>
      </c>
      <c r="ME31" s="142">
        <v>0</v>
      </c>
      <c r="MF31" s="119">
        <v>0</v>
      </c>
      <c r="MG31" s="120">
        <v>0</v>
      </c>
      <c r="MH31" s="145"/>
      <c r="MI31" s="119">
        <v>2306026</v>
      </c>
      <c r="MJ31" s="119">
        <v>7854455</v>
      </c>
      <c r="MK31" s="119">
        <v>14982302</v>
      </c>
      <c r="ML31" s="119">
        <v>22983112</v>
      </c>
      <c r="MM31" s="119">
        <v>19458326</v>
      </c>
      <c r="MN31" s="120">
        <v>67584221</v>
      </c>
      <c r="MO31" s="143">
        <v>67584221</v>
      </c>
      <c r="MP31" s="142">
        <v>0</v>
      </c>
      <c r="MQ31" s="119">
        <v>0</v>
      </c>
      <c r="MR31" s="120">
        <v>0</v>
      </c>
      <c r="MS31" s="145"/>
      <c r="MT31" s="119">
        <v>0</v>
      </c>
      <c r="MU31" s="119">
        <v>1448678</v>
      </c>
      <c r="MV31" s="119">
        <v>8264135</v>
      </c>
      <c r="MW31" s="119">
        <v>17635072</v>
      </c>
      <c r="MX31" s="119">
        <v>15076932</v>
      </c>
      <c r="MY31" s="120">
        <v>42424817</v>
      </c>
      <c r="MZ31" s="143">
        <v>42424817</v>
      </c>
      <c r="NA31" s="142">
        <v>0</v>
      </c>
      <c r="NB31" s="119">
        <v>0</v>
      </c>
      <c r="NC31" s="120">
        <v>0</v>
      </c>
      <c r="ND31" s="145"/>
      <c r="NE31" s="119">
        <v>2306026</v>
      </c>
      <c r="NF31" s="119">
        <v>6405777</v>
      </c>
      <c r="NG31" s="119">
        <v>6718167</v>
      </c>
      <c r="NH31" s="119">
        <v>5348040</v>
      </c>
      <c r="NI31" s="119">
        <v>3590021</v>
      </c>
      <c r="NJ31" s="120">
        <v>24368031</v>
      </c>
      <c r="NK31" s="321">
        <v>24368031</v>
      </c>
      <c r="NL31" s="142">
        <v>0</v>
      </c>
      <c r="NM31" s="119">
        <v>0</v>
      </c>
      <c r="NN31" s="120">
        <v>0</v>
      </c>
      <c r="NO31" s="145"/>
      <c r="NP31" s="119">
        <v>0</v>
      </c>
      <c r="NQ31" s="119">
        <v>0</v>
      </c>
      <c r="NR31" s="119">
        <v>0</v>
      </c>
      <c r="NS31" s="119">
        <v>0</v>
      </c>
      <c r="NT31" s="119">
        <v>340279</v>
      </c>
      <c r="NU31" s="120">
        <v>340279</v>
      </c>
      <c r="NV31" s="121">
        <v>340279</v>
      </c>
      <c r="NW31" s="142">
        <v>0</v>
      </c>
      <c r="NX31" s="119">
        <v>0</v>
      </c>
      <c r="NY31" s="120">
        <v>0</v>
      </c>
      <c r="NZ31" s="145"/>
      <c r="OA31" s="119">
        <v>0</v>
      </c>
      <c r="OB31" s="119">
        <v>0</v>
      </c>
      <c r="OC31" s="119">
        <v>0</v>
      </c>
      <c r="OD31" s="119">
        <v>0</v>
      </c>
      <c r="OE31" s="119">
        <v>451094</v>
      </c>
      <c r="OF31" s="120">
        <v>451094</v>
      </c>
      <c r="OG31" s="121">
        <v>451094</v>
      </c>
      <c r="OH31" s="142">
        <v>1621320</v>
      </c>
      <c r="OI31" s="119">
        <v>2002514</v>
      </c>
      <c r="OJ31" s="141">
        <v>3623834</v>
      </c>
      <c r="OK31" s="118">
        <v>0</v>
      </c>
      <c r="OL31" s="119">
        <v>28979577</v>
      </c>
      <c r="OM31" s="119">
        <v>38609646</v>
      </c>
      <c r="ON31" s="119">
        <v>43815985</v>
      </c>
      <c r="OO31" s="119">
        <v>46954453</v>
      </c>
      <c r="OP31" s="119">
        <v>44227345</v>
      </c>
      <c r="OQ31" s="120">
        <v>202587006</v>
      </c>
      <c r="OR31" s="143">
        <v>206210840</v>
      </c>
    </row>
    <row r="32" spans="1:408" ht="18.75" customHeight="1" x14ac:dyDescent="0.2">
      <c r="A32" s="62" t="s">
        <v>27</v>
      </c>
      <c r="B32" s="110">
        <v>2587889</v>
      </c>
      <c r="C32" s="114">
        <v>6020742</v>
      </c>
      <c r="D32" s="113">
        <v>8608631</v>
      </c>
      <c r="E32" s="109">
        <v>0</v>
      </c>
      <c r="F32" s="114">
        <v>20980199</v>
      </c>
      <c r="G32" s="114">
        <v>24061426</v>
      </c>
      <c r="H32" s="114">
        <v>22465590</v>
      </c>
      <c r="I32" s="114">
        <v>24704453</v>
      </c>
      <c r="J32" s="114">
        <v>13493575</v>
      </c>
      <c r="K32" s="173">
        <v>105705243</v>
      </c>
      <c r="L32" s="116">
        <v>114313874</v>
      </c>
      <c r="M32" s="110">
        <v>673937</v>
      </c>
      <c r="N32" s="114">
        <v>1309432</v>
      </c>
      <c r="O32" s="113">
        <v>1983369</v>
      </c>
      <c r="P32" s="110">
        <v>0</v>
      </c>
      <c r="Q32" s="114">
        <v>4596071</v>
      </c>
      <c r="R32" s="114">
        <v>4795265</v>
      </c>
      <c r="S32" s="114">
        <v>6424279</v>
      </c>
      <c r="T32" s="114">
        <v>7417253</v>
      </c>
      <c r="U32" s="114">
        <v>7016209</v>
      </c>
      <c r="V32" s="113">
        <v>30249077</v>
      </c>
      <c r="W32" s="116">
        <v>32232446</v>
      </c>
      <c r="X32" s="110">
        <v>0</v>
      </c>
      <c r="Y32" s="114">
        <v>0</v>
      </c>
      <c r="Z32" s="113">
        <v>0</v>
      </c>
      <c r="AA32" s="110">
        <v>0</v>
      </c>
      <c r="AB32" s="114">
        <v>2632592</v>
      </c>
      <c r="AC32" s="114">
        <v>2481435</v>
      </c>
      <c r="AD32" s="114">
        <v>3834762</v>
      </c>
      <c r="AE32" s="114">
        <v>3705664</v>
      </c>
      <c r="AF32" s="114">
        <v>3938560</v>
      </c>
      <c r="AG32" s="113">
        <v>16593013</v>
      </c>
      <c r="AH32" s="116">
        <v>16593013</v>
      </c>
      <c r="AI32" s="110">
        <v>0</v>
      </c>
      <c r="AJ32" s="114">
        <v>0</v>
      </c>
      <c r="AK32" s="113">
        <v>0</v>
      </c>
      <c r="AL32" s="110">
        <v>0</v>
      </c>
      <c r="AM32" s="114">
        <v>0</v>
      </c>
      <c r="AN32" s="114">
        <v>101241</v>
      </c>
      <c r="AO32" s="114">
        <v>225810</v>
      </c>
      <c r="AP32" s="114">
        <v>805269</v>
      </c>
      <c r="AQ32" s="114">
        <v>939218</v>
      </c>
      <c r="AR32" s="113">
        <v>2071538</v>
      </c>
      <c r="AS32" s="116">
        <v>2071538</v>
      </c>
      <c r="AT32" s="110">
        <v>554329</v>
      </c>
      <c r="AU32" s="114">
        <v>1032867</v>
      </c>
      <c r="AV32" s="113">
        <v>1587196</v>
      </c>
      <c r="AW32" s="110">
        <v>0</v>
      </c>
      <c r="AX32" s="114">
        <v>1112996</v>
      </c>
      <c r="AY32" s="114">
        <v>1409809</v>
      </c>
      <c r="AZ32" s="114">
        <v>1307831</v>
      </c>
      <c r="BA32" s="114">
        <v>1925499</v>
      </c>
      <c r="BB32" s="114">
        <v>1634989</v>
      </c>
      <c r="BC32" s="113">
        <v>7391124</v>
      </c>
      <c r="BD32" s="116">
        <v>8978320</v>
      </c>
      <c r="BE32" s="110">
        <v>0</v>
      </c>
      <c r="BF32" s="114">
        <v>73438</v>
      </c>
      <c r="BG32" s="112">
        <v>73438</v>
      </c>
      <c r="BH32" s="111">
        <v>0</v>
      </c>
      <c r="BI32" s="114">
        <v>0</v>
      </c>
      <c r="BJ32" s="114">
        <v>44439</v>
      </c>
      <c r="BK32" s="114">
        <v>26663</v>
      </c>
      <c r="BL32" s="114">
        <v>0</v>
      </c>
      <c r="BM32" s="114">
        <v>0</v>
      </c>
      <c r="BN32" s="113">
        <v>71102</v>
      </c>
      <c r="BO32" s="116">
        <v>144540</v>
      </c>
      <c r="BP32" s="110">
        <v>119608</v>
      </c>
      <c r="BQ32" s="114">
        <v>203127</v>
      </c>
      <c r="BR32" s="113">
        <v>322735</v>
      </c>
      <c r="BS32" s="110">
        <v>0</v>
      </c>
      <c r="BT32" s="114">
        <v>850483</v>
      </c>
      <c r="BU32" s="114">
        <v>758341</v>
      </c>
      <c r="BV32" s="114">
        <v>1029213</v>
      </c>
      <c r="BW32" s="114">
        <v>980821</v>
      </c>
      <c r="BX32" s="114">
        <v>503442</v>
      </c>
      <c r="BY32" s="113">
        <v>4122300</v>
      </c>
      <c r="BZ32" s="116">
        <v>4445035</v>
      </c>
      <c r="CA32" s="110">
        <v>221211</v>
      </c>
      <c r="CB32" s="114">
        <v>1180289</v>
      </c>
      <c r="CC32" s="113">
        <v>1401500</v>
      </c>
      <c r="CD32" s="110">
        <v>0</v>
      </c>
      <c r="CE32" s="114">
        <v>7019569</v>
      </c>
      <c r="CF32" s="114">
        <v>7602949</v>
      </c>
      <c r="CG32" s="114">
        <v>4577859</v>
      </c>
      <c r="CH32" s="114">
        <v>3463747</v>
      </c>
      <c r="CI32" s="114">
        <v>1953819</v>
      </c>
      <c r="CJ32" s="113">
        <v>24617943</v>
      </c>
      <c r="CK32" s="116">
        <v>26019443</v>
      </c>
      <c r="CL32" s="110">
        <v>0</v>
      </c>
      <c r="CM32" s="114">
        <v>0</v>
      </c>
      <c r="CN32" s="113">
        <v>0</v>
      </c>
      <c r="CO32" s="111">
        <v>0</v>
      </c>
      <c r="CP32" s="114">
        <v>5828939</v>
      </c>
      <c r="CQ32" s="114">
        <v>6004657</v>
      </c>
      <c r="CR32" s="114">
        <v>3514287</v>
      </c>
      <c r="CS32" s="114">
        <v>3016839</v>
      </c>
      <c r="CT32" s="114">
        <v>1473419</v>
      </c>
      <c r="CU32" s="113">
        <v>19838141</v>
      </c>
      <c r="CV32" s="116">
        <v>19838141</v>
      </c>
      <c r="CW32" s="110">
        <v>221211</v>
      </c>
      <c r="CX32" s="114">
        <v>1180289</v>
      </c>
      <c r="CY32" s="113">
        <v>1401500</v>
      </c>
      <c r="CZ32" s="110">
        <v>0</v>
      </c>
      <c r="DA32" s="114">
        <v>1190630</v>
      </c>
      <c r="DB32" s="114">
        <v>1598292</v>
      </c>
      <c r="DC32" s="114">
        <v>1063572</v>
      </c>
      <c r="DD32" s="114">
        <v>446908</v>
      </c>
      <c r="DE32" s="114">
        <v>480400</v>
      </c>
      <c r="DF32" s="113">
        <v>4779802</v>
      </c>
      <c r="DG32" s="116">
        <v>6181302</v>
      </c>
      <c r="DH32" s="110">
        <v>0</v>
      </c>
      <c r="DI32" s="114">
        <v>145265</v>
      </c>
      <c r="DJ32" s="112">
        <v>145265</v>
      </c>
      <c r="DK32" s="111">
        <v>0</v>
      </c>
      <c r="DL32" s="114">
        <v>950678</v>
      </c>
      <c r="DM32" s="114">
        <v>1078497</v>
      </c>
      <c r="DN32" s="114">
        <v>881409</v>
      </c>
      <c r="DO32" s="114">
        <v>1721878</v>
      </c>
      <c r="DP32" s="114">
        <v>484051</v>
      </c>
      <c r="DQ32" s="113">
        <v>5116513</v>
      </c>
      <c r="DR32" s="116">
        <v>5261778</v>
      </c>
      <c r="DS32" s="110">
        <v>0</v>
      </c>
      <c r="DT32" s="114">
        <v>52241</v>
      </c>
      <c r="DU32" s="113">
        <v>52241</v>
      </c>
      <c r="DV32" s="110">
        <v>0</v>
      </c>
      <c r="DW32" s="114">
        <v>690435</v>
      </c>
      <c r="DX32" s="114">
        <v>1056312</v>
      </c>
      <c r="DY32" s="114">
        <v>793537</v>
      </c>
      <c r="DZ32" s="114">
        <v>1476231</v>
      </c>
      <c r="EA32" s="114">
        <v>336093</v>
      </c>
      <c r="EB32" s="113">
        <v>4352608</v>
      </c>
      <c r="EC32" s="116">
        <v>4404849</v>
      </c>
      <c r="ED32" s="110">
        <v>0</v>
      </c>
      <c r="EE32" s="112">
        <v>93024</v>
      </c>
      <c r="EF32" s="113">
        <v>93024</v>
      </c>
      <c r="EG32" s="110">
        <v>0</v>
      </c>
      <c r="EH32" s="114">
        <v>260243</v>
      </c>
      <c r="EI32" s="114">
        <v>22185</v>
      </c>
      <c r="EJ32" s="114">
        <v>87872</v>
      </c>
      <c r="EK32" s="114">
        <v>245647</v>
      </c>
      <c r="EL32" s="114">
        <v>147958</v>
      </c>
      <c r="EM32" s="112">
        <v>763905</v>
      </c>
      <c r="EN32" s="116">
        <v>856929</v>
      </c>
      <c r="EO32" s="110">
        <v>0</v>
      </c>
      <c r="EP32" s="114">
        <v>0</v>
      </c>
      <c r="EQ32" s="112">
        <v>0</v>
      </c>
      <c r="ER32" s="111">
        <v>0</v>
      </c>
      <c r="ES32" s="114">
        <v>0</v>
      </c>
      <c r="ET32" s="114">
        <v>0</v>
      </c>
      <c r="EU32" s="114">
        <v>0</v>
      </c>
      <c r="EV32" s="114">
        <v>0</v>
      </c>
      <c r="EW32" s="114">
        <v>0</v>
      </c>
      <c r="EX32" s="113">
        <v>0</v>
      </c>
      <c r="EY32" s="116">
        <v>0</v>
      </c>
      <c r="EZ32" s="110">
        <v>0</v>
      </c>
      <c r="FA32" s="114">
        <v>0</v>
      </c>
      <c r="FB32" s="112">
        <v>0</v>
      </c>
      <c r="FC32" s="348"/>
      <c r="FD32" s="114">
        <v>0</v>
      </c>
      <c r="FE32" s="114">
        <v>0</v>
      </c>
      <c r="FF32" s="114">
        <v>0</v>
      </c>
      <c r="FG32" s="114">
        <v>0</v>
      </c>
      <c r="FH32" s="114">
        <v>0</v>
      </c>
      <c r="FI32" s="113">
        <v>0</v>
      </c>
      <c r="FJ32" s="116">
        <v>0</v>
      </c>
      <c r="FK32" s="110">
        <v>483162</v>
      </c>
      <c r="FL32" s="114">
        <v>1369828</v>
      </c>
      <c r="FM32" s="113">
        <v>1852990</v>
      </c>
      <c r="FN32" s="110">
        <v>0</v>
      </c>
      <c r="FO32" s="114">
        <v>500508</v>
      </c>
      <c r="FP32" s="114">
        <v>2220844</v>
      </c>
      <c r="FQ32" s="114">
        <v>1607758</v>
      </c>
      <c r="FR32" s="114">
        <v>1610082</v>
      </c>
      <c r="FS32" s="114">
        <v>347072</v>
      </c>
      <c r="FT32" s="113">
        <v>6286264</v>
      </c>
      <c r="FU32" s="116">
        <v>8139254</v>
      </c>
      <c r="FV32" s="115">
        <v>364668</v>
      </c>
      <c r="FW32" s="114">
        <v>766660</v>
      </c>
      <c r="FX32" s="112">
        <v>1131328</v>
      </c>
      <c r="FY32" s="111">
        <v>0</v>
      </c>
      <c r="FZ32" s="114">
        <v>406508</v>
      </c>
      <c r="GA32" s="114">
        <v>2144812</v>
      </c>
      <c r="GB32" s="114">
        <v>1435086</v>
      </c>
      <c r="GC32" s="114">
        <v>1350396</v>
      </c>
      <c r="GD32" s="114">
        <v>347072</v>
      </c>
      <c r="GE32" s="113">
        <v>5683874</v>
      </c>
      <c r="GF32" s="319">
        <v>6815202</v>
      </c>
      <c r="GG32" s="115">
        <v>21384</v>
      </c>
      <c r="GH32" s="114">
        <v>139364</v>
      </c>
      <c r="GI32" s="112">
        <v>160748</v>
      </c>
      <c r="GJ32" s="111">
        <v>0</v>
      </c>
      <c r="GK32" s="114">
        <v>22720</v>
      </c>
      <c r="GL32" s="114">
        <v>0</v>
      </c>
      <c r="GM32" s="114">
        <v>12672</v>
      </c>
      <c r="GN32" s="114">
        <v>40896</v>
      </c>
      <c r="GO32" s="114">
        <v>0</v>
      </c>
      <c r="GP32" s="113">
        <v>76288</v>
      </c>
      <c r="GQ32" s="116">
        <v>237036</v>
      </c>
      <c r="GR32" s="110">
        <v>97110</v>
      </c>
      <c r="GS32" s="114">
        <v>463804</v>
      </c>
      <c r="GT32" s="113">
        <v>560914</v>
      </c>
      <c r="GU32" s="110">
        <v>0</v>
      </c>
      <c r="GV32" s="114">
        <v>71280</v>
      </c>
      <c r="GW32" s="114">
        <v>76032</v>
      </c>
      <c r="GX32" s="114">
        <v>160000</v>
      </c>
      <c r="GY32" s="114">
        <v>218790</v>
      </c>
      <c r="GZ32" s="114">
        <v>0</v>
      </c>
      <c r="HA32" s="112">
        <v>526102</v>
      </c>
      <c r="HB32" s="116">
        <v>1087016</v>
      </c>
      <c r="HC32" s="110">
        <v>749901</v>
      </c>
      <c r="HD32" s="114">
        <v>1292154</v>
      </c>
      <c r="HE32" s="112">
        <v>2042055</v>
      </c>
      <c r="HF32" s="111">
        <v>0</v>
      </c>
      <c r="HG32" s="114">
        <v>5060737</v>
      </c>
      <c r="HH32" s="114">
        <v>5515427</v>
      </c>
      <c r="HI32" s="114">
        <v>6990645</v>
      </c>
      <c r="HJ32" s="114">
        <v>9153724</v>
      </c>
      <c r="HK32" s="114">
        <v>2860156</v>
      </c>
      <c r="HL32" s="113">
        <v>29580689</v>
      </c>
      <c r="HM32" s="109">
        <v>31622744</v>
      </c>
      <c r="HN32" s="115">
        <v>459678</v>
      </c>
      <c r="HO32" s="114">
        <v>723774</v>
      </c>
      <c r="HP32" s="113">
        <v>1183452</v>
      </c>
      <c r="HQ32" s="110">
        <v>0</v>
      </c>
      <c r="HR32" s="114">
        <v>2852636</v>
      </c>
      <c r="HS32" s="114">
        <v>2848444</v>
      </c>
      <c r="HT32" s="114">
        <v>1983640</v>
      </c>
      <c r="HU32" s="114">
        <v>1337769</v>
      </c>
      <c r="HV32" s="114">
        <v>832268</v>
      </c>
      <c r="HW32" s="112">
        <v>9854757</v>
      </c>
      <c r="HX32" s="116">
        <v>11038209</v>
      </c>
      <c r="HY32" s="150">
        <v>0</v>
      </c>
      <c r="HZ32" s="135">
        <v>0</v>
      </c>
      <c r="IA32" s="150">
        <v>0</v>
      </c>
      <c r="IB32" s="134">
        <v>0</v>
      </c>
      <c r="IC32" s="135">
        <v>6231075</v>
      </c>
      <c r="ID32" s="136">
        <v>2647683</v>
      </c>
      <c r="IE32" s="137">
        <v>5204034</v>
      </c>
      <c r="IF32" s="135">
        <v>2802777</v>
      </c>
      <c r="IG32" s="137">
        <v>1492058</v>
      </c>
      <c r="IH32" s="138">
        <v>18377627</v>
      </c>
      <c r="II32" s="150">
        <v>18377627</v>
      </c>
      <c r="IJ32" s="232">
        <v>0</v>
      </c>
      <c r="IK32" s="236">
        <v>0</v>
      </c>
      <c r="IL32" s="237">
        <v>0</v>
      </c>
      <c r="IM32" s="140"/>
      <c r="IN32" s="119">
        <v>0</v>
      </c>
      <c r="IO32" s="119">
        <v>214251</v>
      </c>
      <c r="IP32" s="119">
        <v>0</v>
      </c>
      <c r="IQ32" s="119">
        <v>0</v>
      </c>
      <c r="IR32" s="119">
        <v>0</v>
      </c>
      <c r="IS32" s="141">
        <v>214251</v>
      </c>
      <c r="IT32" s="321">
        <v>214251</v>
      </c>
      <c r="IU32" s="142">
        <v>0</v>
      </c>
      <c r="IV32" s="119">
        <v>0</v>
      </c>
      <c r="IW32" s="120">
        <v>0</v>
      </c>
      <c r="IX32" s="144"/>
      <c r="IY32" s="119">
        <v>0</v>
      </c>
      <c r="IZ32" s="119">
        <v>0</v>
      </c>
      <c r="JA32" s="119">
        <v>0</v>
      </c>
      <c r="JB32" s="119">
        <v>0</v>
      </c>
      <c r="JC32" s="119">
        <v>0</v>
      </c>
      <c r="JD32" s="120">
        <v>0</v>
      </c>
      <c r="JE32" s="121">
        <v>0</v>
      </c>
      <c r="JF32" s="142">
        <v>0</v>
      </c>
      <c r="JG32" s="119">
        <v>0</v>
      </c>
      <c r="JH32" s="141">
        <v>0</v>
      </c>
      <c r="JI32" s="118">
        <v>0</v>
      </c>
      <c r="JJ32" s="119">
        <v>1620423</v>
      </c>
      <c r="JK32" s="119">
        <v>837465</v>
      </c>
      <c r="JL32" s="119">
        <v>708013</v>
      </c>
      <c r="JM32" s="119">
        <v>50003</v>
      </c>
      <c r="JN32" s="119">
        <v>65357</v>
      </c>
      <c r="JO32" s="120">
        <v>3281261</v>
      </c>
      <c r="JP32" s="321">
        <v>3281261</v>
      </c>
      <c r="JQ32" s="142">
        <v>0</v>
      </c>
      <c r="JR32" s="119">
        <v>0</v>
      </c>
      <c r="JS32" s="141">
        <v>0</v>
      </c>
      <c r="JT32" s="118">
        <v>0</v>
      </c>
      <c r="JU32" s="119">
        <v>156871</v>
      </c>
      <c r="JV32" s="119">
        <v>149848</v>
      </c>
      <c r="JW32" s="119">
        <v>257265</v>
      </c>
      <c r="JX32" s="119">
        <v>289188</v>
      </c>
      <c r="JY32" s="119">
        <v>75897</v>
      </c>
      <c r="JZ32" s="120">
        <v>929069</v>
      </c>
      <c r="KA32" s="321">
        <v>929069</v>
      </c>
      <c r="KB32" s="234">
        <v>0</v>
      </c>
      <c r="KC32" s="230">
        <v>0</v>
      </c>
      <c r="KD32" s="120">
        <v>0</v>
      </c>
      <c r="KE32" s="118">
        <v>0</v>
      </c>
      <c r="KF32" s="119">
        <v>0</v>
      </c>
      <c r="KG32" s="119">
        <v>195943</v>
      </c>
      <c r="KH32" s="119">
        <v>0</v>
      </c>
      <c r="KI32" s="119">
        <v>0</v>
      </c>
      <c r="KJ32" s="119">
        <v>0</v>
      </c>
      <c r="KK32" s="120">
        <v>195943</v>
      </c>
      <c r="KL32" s="143">
        <v>195943</v>
      </c>
      <c r="KM32" s="232">
        <v>0</v>
      </c>
      <c r="KN32" s="236">
        <v>0</v>
      </c>
      <c r="KO32" s="237">
        <v>0</v>
      </c>
      <c r="KP32" s="140"/>
      <c r="KQ32" s="119">
        <v>4453781</v>
      </c>
      <c r="KR32" s="119">
        <v>1250176</v>
      </c>
      <c r="KS32" s="119">
        <v>1583271</v>
      </c>
      <c r="KT32" s="119">
        <v>273807</v>
      </c>
      <c r="KU32" s="119">
        <v>771936</v>
      </c>
      <c r="KV32" s="120">
        <v>8332971</v>
      </c>
      <c r="KW32" s="321">
        <v>8332971</v>
      </c>
      <c r="KX32" s="142">
        <v>0</v>
      </c>
      <c r="KY32" s="119">
        <v>0</v>
      </c>
      <c r="KZ32" s="120">
        <v>0</v>
      </c>
      <c r="LA32" s="145"/>
      <c r="LB32" s="119">
        <v>0</v>
      </c>
      <c r="LC32" s="119">
        <v>0</v>
      </c>
      <c r="LD32" s="119">
        <v>0</v>
      </c>
      <c r="LE32" s="119">
        <v>0</v>
      </c>
      <c r="LF32" s="119">
        <v>0</v>
      </c>
      <c r="LG32" s="120">
        <v>0</v>
      </c>
      <c r="LH32" s="121">
        <v>0</v>
      </c>
      <c r="LI32" s="142">
        <v>0</v>
      </c>
      <c r="LJ32" s="119">
        <v>0</v>
      </c>
      <c r="LK32" s="120">
        <v>0</v>
      </c>
      <c r="LL32" s="145"/>
      <c r="LM32" s="119">
        <v>0</v>
      </c>
      <c r="LN32" s="119">
        <v>0</v>
      </c>
      <c r="LO32" s="119">
        <v>2375082</v>
      </c>
      <c r="LP32" s="119">
        <v>2189779</v>
      </c>
      <c r="LQ32" s="119">
        <v>578868</v>
      </c>
      <c r="LR32" s="120">
        <v>5143729</v>
      </c>
      <c r="LS32" s="321">
        <v>5143729</v>
      </c>
      <c r="LT32" s="142">
        <v>0</v>
      </c>
      <c r="LU32" s="119">
        <v>0</v>
      </c>
      <c r="LV32" s="120">
        <v>0</v>
      </c>
      <c r="LW32" s="145"/>
      <c r="LX32" s="119">
        <v>0</v>
      </c>
      <c r="LY32" s="119">
        <v>0</v>
      </c>
      <c r="LZ32" s="119">
        <v>280403</v>
      </c>
      <c r="MA32" s="119">
        <v>0</v>
      </c>
      <c r="MB32" s="119">
        <v>0</v>
      </c>
      <c r="MC32" s="120">
        <v>280403</v>
      </c>
      <c r="MD32" s="121">
        <v>280403</v>
      </c>
      <c r="ME32" s="142">
        <v>0</v>
      </c>
      <c r="MF32" s="119">
        <v>0</v>
      </c>
      <c r="MG32" s="120">
        <v>0</v>
      </c>
      <c r="MH32" s="145"/>
      <c r="MI32" s="119">
        <v>1830222</v>
      </c>
      <c r="MJ32" s="119">
        <v>3527244</v>
      </c>
      <c r="MK32" s="119">
        <v>15335373</v>
      </c>
      <c r="ML32" s="119">
        <v>20368353</v>
      </c>
      <c r="MM32" s="119">
        <v>16753239</v>
      </c>
      <c r="MN32" s="120">
        <v>57814431</v>
      </c>
      <c r="MO32" s="143">
        <v>57814431</v>
      </c>
      <c r="MP32" s="142">
        <v>0</v>
      </c>
      <c r="MQ32" s="119">
        <v>0</v>
      </c>
      <c r="MR32" s="120">
        <v>0</v>
      </c>
      <c r="MS32" s="145"/>
      <c r="MT32" s="119">
        <v>401422</v>
      </c>
      <c r="MU32" s="119">
        <v>445458</v>
      </c>
      <c r="MV32" s="119">
        <v>7962432</v>
      </c>
      <c r="MW32" s="119">
        <v>14459100</v>
      </c>
      <c r="MX32" s="119">
        <v>12345873</v>
      </c>
      <c r="MY32" s="120">
        <v>35614285</v>
      </c>
      <c r="MZ32" s="143">
        <v>35614285</v>
      </c>
      <c r="NA32" s="142">
        <v>0</v>
      </c>
      <c r="NB32" s="119">
        <v>0</v>
      </c>
      <c r="NC32" s="120">
        <v>0</v>
      </c>
      <c r="ND32" s="145"/>
      <c r="NE32" s="119">
        <v>1428800</v>
      </c>
      <c r="NF32" s="119">
        <v>3081786</v>
      </c>
      <c r="NG32" s="119">
        <v>7372941</v>
      </c>
      <c r="NH32" s="119">
        <v>5211524</v>
      </c>
      <c r="NI32" s="119">
        <v>3955119</v>
      </c>
      <c r="NJ32" s="120">
        <v>21050170</v>
      </c>
      <c r="NK32" s="321">
        <v>21050170</v>
      </c>
      <c r="NL32" s="142">
        <v>0</v>
      </c>
      <c r="NM32" s="119">
        <v>0</v>
      </c>
      <c r="NN32" s="120">
        <v>0</v>
      </c>
      <c r="NO32" s="145"/>
      <c r="NP32" s="119">
        <v>0</v>
      </c>
      <c r="NQ32" s="119">
        <v>0</v>
      </c>
      <c r="NR32" s="119">
        <v>0</v>
      </c>
      <c r="NS32" s="119">
        <v>0</v>
      </c>
      <c r="NT32" s="119">
        <v>0</v>
      </c>
      <c r="NU32" s="120">
        <v>0</v>
      </c>
      <c r="NV32" s="121">
        <v>0</v>
      </c>
      <c r="NW32" s="142">
        <v>0</v>
      </c>
      <c r="NX32" s="119">
        <v>0</v>
      </c>
      <c r="NY32" s="120">
        <v>0</v>
      </c>
      <c r="NZ32" s="145"/>
      <c r="OA32" s="119">
        <v>0</v>
      </c>
      <c r="OB32" s="119">
        <v>0</v>
      </c>
      <c r="OC32" s="119">
        <v>0</v>
      </c>
      <c r="OD32" s="119">
        <v>697729</v>
      </c>
      <c r="OE32" s="119">
        <v>452247</v>
      </c>
      <c r="OF32" s="120">
        <v>1149976</v>
      </c>
      <c r="OG32" s="121">
        <v>1149976</v>
      </c>
      <c r="OH32" s="142">
        <v>2587889</v>
      </c>
      <c r="OI32" s="119">
        <v>6020742</v>
      </c>
      <c r="OJ32" s="141">
        <v>8608631</v>
      </c>
      <c r="OK32" s="118">
        <v>0</v>
      </c>
      <c r="OL32" s="119">
        <v>29041496</v>
      </c>
      <c r="OM32" s="119">
        <v>30236353</v>
      </c>
      <c r="ON32" s="119">
        <v>43004997</v>
      </c>
      <c r="OO32" s="119">
        <v>47875583</v>
      </c>
      <c r="OP32" s="119">
        <v>31738872</v>
      </c>
      <c r="OQ32" s="120">
        <v>181897301</v>
      </c>
      <c r="OR32" s="143">
        <v>190505932</v>
      </c>
    </row>
    <row r="33" spans="1:408" ht="18.75" customHeight="1" x14ac:dyDescent="0.2">
      <c r="A33" s="62" t="s">
        <v>28</v>
      </c>
      <c r="B33" s="110">
        <v>84290</v>
      </c>
      <c r="C33" s="114">
        <v>421439</v>
      </c>
      <c r="D33" s="113">
        <v>505729</v>
      </c>
      <c r="E33" s="109">
        <v>0</v>
      </c>
      <c r="F33" s="114">
        <v>5428067</v>
      </c>
      <c r="G33" s="114">
        <v>8245946</v>
      </c>
      <c r="H33" s="114">
        <v>6325815</v>
      </c>
      <c r="I33" s="114">
        <v>5743618</v>
      </c>
      <c r="J33" s="114">
        <v>5612545</v>
      </c>
      <c r="K33" s="173">
        <v>31355991</v>
      </c>
      <c r="L33" s="116">
        <v>31861720</v>
      </c>
      <c r="M33" s="110">
        <v>32670</v>
      </c>
      <c r="N33" s="114">
        <v>75868</v>
      </c>
      <c r="O33" s="113">
        <v>108538</v>
      </c>
      <c r="P33" s="110">
        <v>0</v>
      </c>
      <c r="Q33" s="114">
        <v>1258370</v>
      </c>
      <c r="R33" s="114">
        <v>1654544</v>
      </c>
      <c r="S33" s="114">
        <v>1009319</v>
      </c>
      <c r="T33" s="114">
        <v>1055091</v>
      </c>
      <c r="U33" s="114">
        <v>2316519</v>
      </c>
      <c r="V33" s="113">
        <v>7293843</v>
      </c>
      <c r="W33" s="116">
        <v>7402381</v>
      </c>
      <c r="X33" s="110">
        <v>0</v>
      </c>
      <c r="Y33" s="114">
        <v>0</v>
      </c>
      <c r="Z33" s="113">
        <v>0</v>
      </c>
      <c r="AA33" s="110">
        <v>0</v>
      </c>
      <c r="AB33" s="114">
        <v>655379</v>
      </c>
      <c r="AC33" s="114">
        <v>716712</v>
      </c>
      <c r="AD33" s="114">
        <v>382635</v>
      </c>
      <c r="AE33" s="114">
        <v>222222</v>
      </c>
      <c r="AF33" s="114">
        <v>1042897</v>
      </c>
      <c r="AG33" s="113">
        <v>3019845</v>
      </c>
      <c r="AH33" s="116">
        <v>3019845</v>
      </c>
      <c r="AI33" s="110">
        <v>0</v>
      </c>
      <c r="AJ33" s="114">
        <v>0</v>
      </c>
      <c r="AK33" s="113">
        <v>0</v>
      </c>
      <c r="AL33" s="110">
        <v>0</v>
      </c>
      <c r="AM33" s="114">
        <v>0</v>
      </c>
      <c r="AN33" s="114">
        <v>0</v>
      </c>
      <c r="AO33" s="114">
        <v>50715</v>
      </c>
      <c r="AP33" s="114">
        <v>142719</v>
      </c>
      <c r="AQ33" s="114">
        <v>152145</v>
      </c>
      <c r="AR33" s="113">
        <v>345579</v>
      </c>
      <c r="AS33" s="116">
        <v>345579</v>
      </c>
      <c r="AT33" s="110">
        <v>29988</v>
      </c>
      <c r="AU33" s="114">
        <v>70504</v>
      </c>
      <c r="AV33" s="113">
        <v>100492</v>
      </c>
      <c r="AW33" s="110">
        <v>0</v>
      </c>
      <c r="AX33" s="114">
        <v>255587</v>
      </c>
      <c r="AY33" s="114">
        <v>670776</v>
      </c>
      <c r="AZ33" s="114">
        <v>341303</v>
      </c>
      <c r="BA33" s="114">
        <v>458072</v>
      </c>
      <c r="BB33" s="114">
        <v>876702</v>
      </c>
      <c r="BC33" s="113">
        <v>2602440</v>
      </c>
      <c r="BD33" s="116">
        <v>2702932</v>
      </c>
      <c r="BE33" s="110">
        <v>0</v>
      </c>
      <c r="BF33" s="114">
        <v>0</v>
      </c>
      <c r="BG33" s="112">
        <v>0</v>
      </c>
      <c r="BH33" s="111">
        <v>0</v>
      </c>
      <c r="BI33" s="114">
        <v>181181</v>
      </c>
      <c r="BJ33" s="114">
        <v>0</v>
      </c>
      <c r="BK33" s="114">
        <v>0</v>
      </c>
      <c r="BL33" s="114">
        <v>8887</v>
      </c>
      <c r="BM33" s="114">
        <v>62214</v>
      </c>
      <c r="BN33" s="113">
        <v>252282</v>
      </c>
      <c r="BO33" s="116">
        <v>252282</v>
      </c>
      <c r="BP33" s="110">
        <v>2682</v>
      </c>
      <c r="BQ33" s="114">
        <v>5364</v>
      </c>
      <c r="BR33" s="113">
        <v>8046</v>
      </c>
      <c r="BS33" s="110">
        <v>0</v>
      </c>
      <c r="BT33" s="114">
        <v>166223</v>
      </c>
      <c r="BU33" s="114">
        <v>267056</v>
      </c>
      <c r="BV33" s="114">
        <v>234666</v>
      </c>
      <c r="BW33" s="114">
        <v>223191</v>
      </c>
      <c r="BX33" s="114">
        <v>182561</v>
      </c>
      <c r="BY33" s="113">
        <v>1073697</v>
      </c>
      <c r="BZ33" s="116">
        <v>1081743</v>
      </c>
      <c r="CA33" s="110">
        <v>0</v>
      </c>
      <c r="CB33" s="114">
        <v>164496</v>
      </c>
      <c r="CC33" s="113">
        <v>164496</v>
      </c>
      <c r="CD33" s="110">
        <v>0</v>
      </c>
      <c r="CE33" s="114">
        <v>1940478</v>
      </c>
      <c r="CF33" s="114">
        <v>3323570</v>
      </c>
      <c r="CG33" s="114">
        <v>2403167</v>
      </c>
      <c r="CH33" s="114">
        <v>2149589</v>
      </c>
      <c r="CI33" s="114">
        <v>1551831</v>
      </c>
      <c r="CJ33" s="113">
        <v>11368635</v>
      </c>
      <c r="CK33" s="116">
        <v>11533131</v>
      </c>
      <c r="CL33" s="110">
        <v>0</v>
      </c>
      <c r="CM33" s="114">
        <v>0</v>
      </c>
      <c r="CN33" s="113">
        <v>0</v>
      </c>
      <c r="CO33" s="111">
        <v>0</v>
      </c>
      <c r="CP33" s="114">
        <v>1826688</v>
      </c>
      <c r="CQ33" s="114">
        <v>2512296</v>
      </c>
      <c r="CR33" s="114">
        <v>1746710</v>
      </c>
      <c r="CS33" s="114">
        <v>1444711</v>
      </c>
      <c r="CT33" s="114">
        <v>997027</v>
      </c>
      <c r="CU33" s="113">
        <v>8527432</v>
      </c>
      <c r="CV33" s="116">
        <v>8527432</v>
      </c>
      <c r="CW33" s="110">
        <v>0</v>
      </c>
      <c r="CX33" s="114">
        <v>164496</v>
      </c>
      <c r="CY33" s="113">
        <v>164496</v>
      </c>
      <c r="CZ33" s="110">
        <v>0</v>
      </c>
      <c r="DA33" s="114">
        <v>113790</v>
      </c>
      <c r="DB33" s="114">
        <v>811274</v>
      </c>
      <c r="DC33" s="114">
        <v>656457</v>
      </c>
      <c r="DD33" s="114">
        <v>704878</v>
      </c>
      <c r="DE33" s="114">
        <v>554804</v>
      </c>
      <c r="DF33" s="113">
        <v>2841203</v>
      </c>
      <c r="DG33" s="116">
        <v>3005699</v>
      </c>
      <c r="DH33" s="110">
        <v>0</v>
      </c>
      <c r="DI33" s="114">
        <v>29555</v>
      </c>
      <c r="DJ33" s="112">
        <v>29555</v>
      </c>
      <c r="DK33" s="111">
        <v>0</v>
      </c>
      <c r="DL33" s="114">
        <v>64233</v>
      </c>
      <c r="DM33" s="114">
        <v>182101</v>
      </c>
      <c r="DN33" s="114">
        <v>864098</v>
      </c>
      <c r="DO33" s="114">
        <v>531906</v>
      </c>
      <c r="DP33" s="114">
        <v>211686</v>
      </c>
      <c r="DQ33" s="113">
        <v>1854024</v>
      </c>
      <c r="DR33" s="116">
        <v>1883579</v>
      </c>
      <c r="DS33" s="110">
        <v>0</v>
      </c>
      <c r="DT33" s="114">
        <v>29555</v>
      </c>
      <c r="DU33" s="113">
        <v>29555</v>
      </c>
      <c r="DV33" s="110">
        <v>0</v>
      </c>
      <c r="DW33" s="114">
        <v>20376</v>
      </c>
      <c r="DX33" s="114">
        <v>96510</v>
      </c>
      <c r="DY33" s="114">
        <v>753272</v>
      </c>
      <c r="DZ33" s="114">
        <v>421629</v>
      </c>
      <c r="EA33" s="114">
        <v>176541</v>
      </c>
      <c r="EB33" s="113">
        <v>1468328</v>
      </c>
      <c r="EC33" s="116">
        <v>1497883</v>
      </c>
      <c r="ED33" s="110">
        <v>0</v>
      </c>
      <c r="EE33" s="112">
        <v>0</v>
      </c>
      <c r="EF33" s="113">
        <v>0</v>
      </c>
      <c r="EG33" s="110">
        <v>0</v>
      </c>
      <c r="EH33" s="114">
        <v>43857</v>
      </c>
      <c r="EI33" s="114">
        <v>85591</v>
      </c>
      <c r="EJ33" s="114">
        <v>110826</v>
      </c>
      <c r="EK33" s="114">
        <v>110277</v>
      </c>
      <c r="EL33" s="114">
        <v>35145</v>
      </c>
      <c r="EM33" s="112">
        <v>385696</v>
      </c>
      <c r="EN33" s="116">
        <v>385696</v>
      </c>
      <c r="EO33" s="110">
        <v>0</v>
      </c>
      <c r="EP33" s="114">
        <v>0</v>
      </c>
      <c r="EQ33" s="112">
        <v>0</v>
      </c>
      <c r="ER33" s="111">
        <v>0</v>
      </c>
      <c r="ES33" s="114">
        <v>0</v>
      </c>
      <c r="ET33" s="114">
        <v>0</v>
      </c>
      <c r="EU33" s="114">
        <v>0</v>
      </c>
      <c r="EV33" s="114">
        <v>0</v>
      </c>
      <c r="EW33" s="114">
        <v>0</v>
      </c>
      <c r="EX33" s="113">
        <v>0</v>
      </c>
      <c r="EY33" s="116">
        <v>0</v>
      </c>
      <c r="EZ33" s="110">
        <v>0</v>
      </c>
      <c r="FA33" s="114">
        <v>0</v>
      </c>
      <c r="FB33" s="112">
        <v>0</v>
      </c>
      <c r="FC33" s="348"/>
      <c r="FD33" s="114">
        <v>0</v>
      </c>
      <c r="FE33" s="114">
        <v>0</v>
      </c>
      <c r="FF33" s="114">
        <v>0</v>
      </c>
      <c r="FG33" s="114">
        <v>0</v>
      </c>
      <c r="FH33" s="114">
        <v>0</v>
      </c>
      <c r="FI33" s="113">
        <v>0</v>
      </c>
      <c r="FJ33" s="116">
        <v>0</v>
      </c>
      <c r="FK33" s="110">
        <v>20960</v>
      </c>
      <c r="FL33" s="114">
        <v>77060</v>
      </c>
      <c r="FM33" s="113">
        <v>98020</v>
      </c>
      <c r="FN33" s="110">
        <v>0</v>
      </c>
      <c r="FO33" s="114">
        <v>207638</v>
      </c>
      <c r="FP33" s="114">
        <v>840410</v>
      </c>
      <c r="FQ33" s="114">
        <v>421440</v>
      </c>
      <c r="FR33" s="114">
        <v>392994</v>
      </c>
      <c r="FS33" s="114">
        <v>511319</v>
      </c>
      <c r="FT33" s="113">
        <v>2373801</v>
      </c>
      <c r="FU33" s="116">
        <v>2471821</v>
      </c>
      <c r="FV33" s="115">
        <v>20960</v>
      </c>
      <c r="FW33" s="114">
        <v>77060</v>
      </c>
      <c r="FX33" s="112">
        <v>98020</v>
      </c>
      <c r="FY33" s="111">
        <v>0</v>
      </c>
      <c r="FZ33" s="114">
        <v>207638</v>
      </c>
      <c r="GA33" s="114">
        <v>787770</v>
      </c>
      <c r="GB33" s="114">
        <v>421440</v>
      </c>
      <c r="GC33" s="114">
        <v>392994</v>
      </c>
      <c r="GD33" s="114">
        <v>511319</v>
      </c>
      <c r="GE33" s="113">
        <v>2321161</v>
      </c>
      <c r="GF33" s="319">
        <v>2419181</v>
      </c>
      <c r="GG33" s="115">
        <v>0</v>
      </c>
      <c r="GH33" s="114">
        <v>0</v>
      </c>
      <c r="GI33" s="112">
        <v>0</v>
      </c>
      <c r="GJ33" s="111">
        <v>0</v>
      </c>
      <c r="GK33" s="114">
        <v>0</v>
      </c>
      <c r="GL33" s="114">
        <v>52640</v>
      </c>
      <c r="GM33" s="114">
        <v>0</v>
      </c>
      <c r="GN33" s="114">
        <v>0</v>
      </c>
      <c r="GO33" s="114">
        <v>0</v>
      </c>
      <c r="GP33" s="113">
        <v>52640</v>
      </c>
      <c r="GQ33" s="116">
        <v>52640</v>
      </c>
      <c r="GR33" s="110">
        <v>0</v>
      </c>
      <c r="GS33" s="114">
        <v>0</v>
      </c>
      <c r="GT33" s="113">
        <v>0</v>
      </c>
      <c r="GU33" s="110">
        <v>0</v>
      </c>
      <c r="GV33" s="114">
        <v>0</v>
      </c>
      <c r="GW33" s="114">
        <v>0</v>
      </c>
      <c r="GX33" s="114">
        <v>0</v>
      </c>
      <c r="GY33" s="114">
        <v>0</v>
      </c>
      <c r="GZ33" s="114">
        <v>0</v>
      </c>
      <c r="HA33" s="112">
        <v>0</v>
      </c>
      <c r="HB33" s="116">
        <v>0</v>
      </c>
      <c r="HC33" s="110">
        <v>0</v>
      </c>
      <c r="HD33" s="114">
        <v>0</v>
      </c>
      <c r="HE33" s="112">
        <v>0</v>
      </c>
      <c r="HF33" s="111">
        <v>0</v>
      </c>
      <c r="HG33" s="114">
        <v>967287</v>
      </c>
      <c r="HH33" s="114">
        <v>1125109</v>
      </c>
      <c r="HI33" s="114">
        <v>996834</v>
      </c>
      <c r="HJ33" s="114">
        <v>1161177</v>
      </c>
      <c r="HK33" s="114">
        <v>700201</v>
      </c>
      <c r="HL33" s="113">
        <v>4950608</v>
      </c>
      <c r="HM33" s="109">
        <v>4950608</v>
      </c>
      <c r="HN33" s="115">
        <v>30660</v>
      </c>
      <c r="HO33" s="114">
        <v>74460</v>
      </c>
      <c r="HP33" s="113">
        <v>105120</v>
      </c>
      <c r="HQ33" s="110">
        <v>0</v>
      </c>
      <c r="HR33" s="114">
        <v>990061</v>
      </c>
      <c r="HS33" s="114">
        <v>1120212</v>
      </c>
      <c r="HT33" s="114">
        <v>630957</v>
      </c>
      <c r="HU33" s="114">
        <v>452861</v>
      </c>
      <c r="HV33" s="114">
        <v>320989</v>
      </c>
      <c r="HW33" s="112">
        <v>3515080</v>
      </c>
      <c r="HX33" s="116">
        <v>3620200</v>
      </c>
      <c r="HY33" s="131">
        <v>0</v>
      </c>
      <c r="HZ33" s="132">
        <v>0</v>
      </c>
      <c r="IA33" s="133">
        <v>0</v>
      </c>
      <c r="IB33" s="146">
        <v>0</v>
      </c>
      <c r="IC33" s="132">
        <v>856809</v>
      </c>
      <c r="ID33" s="147">
        <v>1714353</v>
      </c>
      <c r="IE33" s="133">
        <v>2248551</v>
      </c>
      <c r="IF33" s="132">
        <v>542853</v>
      </c>
      <c r="IG33" s="133">
        <v>1037423</v>
      </c>
      <c r="IH33" s="148">
        <v>6399989</v>
      </c>
      <c r="II33" s="139">
        <v>6399989</v>
      </c>
      <c r="IJ33" s="232">
        <v>0</v>
      </c>
      <c r="IK33" s="236">
        <v>0</v>
      </c>
      <c r="IL33" s="237">
        <v>0</v>
      </c>
      <c r="IM33" s="140"/>
      <c r="IN33" s="119">
        <v>0</v>
      </c>
      <c r="IO33" s="119">
        <v>0</v>
      </c>
      <c r="IP33" s="119">
        <v>0</v>
      </c>
      <c r="IQ33" s="119">
        <v>0</v>
      </c>
      <c r="IR33" s="119">
        <v>0</v>
      </c>
      <c r="IS33" s="141">
        <v>0</v>
      </c>
      <c r="IT33" s="321">
        <v>0</v>
      </c>
      <c r="IU33" s="142">
        <v>0</v>
      </c>
      <c r="IV33" s="119">
        <v>0</v>
      </c>
      <c r="IW33" s="120">
        <v>0</v>
      </c>
      <c r="IX33" s="144"/>
      <c r="IY33" s="119">
        <v>0</v>
      </c>
      <c r="IZ33" s="119">
        <v>0</v>
      </c>
      <c r="JA33" s="119">
        <v>0</v>
      </c>
      <c r="JB33" s="119">
        <v>0</v>
      </c>
      <c r="JC33" s="119">
        <v>0</v>
      </c>
      <c r="JD33" s="120">
        <v>0</v>
      </c>
      <c r="JE33" s="121">
        <v>0</v>
      </c>
      <c r="JF33" s="142">
        <v>0</v>
      </c>
      <c r="JG33" s="119">
        <v>0</v>
      </c>
      <c r="JH33" s="141">
        <v>0</v>
      </c>
      <c r="JI33" s="118">
        <v>0</v>
      </c>
      <c r="JJ33" s="119">
        <v>706077</v>
      </c>
      <c r="JK33" s="119">
        <v>568662</v>
      </c>
      <c r="JL33" s="119">
        <v>74547</v>
      </c>
      <c r="JM33" s="119">
        <v>269046</v>
      </c>
      <c r="JN33" s="119">
        <v>51255</v>
      </c>
      <c r="JO33" s="120">
        <v>1669587</v>
      </c>
      <c r="JP33" s="321">
        <v>1669587</v>
      </c>
      <c r="JQ33" s="142">
        <v>0</v>
      </c>
      <c r="JR33" s="119">
        <v>0</v>
      </c>
      <c r="JS33" s="141">
        <v>0</v>
      </c>
      <c r="JT33" s="118">
        <v>0</v>
      </c>
      <c r="JU33" s="119">
        <v>150732</v>
      </c>
      <c r="JV33" s="119">
        <v>106821</v>
      </c>
      <c r="JW33" s="119">
        <v>317385</v>
      </c>
      <c r="JX33" s="119">
        <v>0</v>
      </c>
      <c r="JY33" s="119">
        <v>13496</v>
      </c>
      <c r="JZ33" s="120">
        <v>588434</v>
      </c>
      <c r="KA33" s="321">
        <v>588434</v>
      </c>
      <c r="KB33" s="234">
        <v>0</v>
      </c>
      <c r="KC33" s="230">
        <v>0</v>
      </c>
      <c r="KD33" s="120">
        <v>0</v>
      </c>
      <c r="KE33" s="118">
        <v>0</v>
      </c>
      <c r="KF33" s="119">
        <v>0</v>
      </c>
      <c r="KG33" s="119">
        <v>0</v>
      </c>
      <c r="KH33" s="119">
        <v>0</v>
      </c>
      <c r="KI33" s="119">
        <v>0</v>
      </c>
      <c r="KJ33" s="119">
        <v>0</v>
      </c>
      <c r="KK33" s="120">
        <v>0</v>
      </c>
      <c r="KL33" s="143">
        <v>0</v>
      </c>
      <c r="KM33" s="232">
        <v>0</v>
      </c>
      <c r="KN33" s="236">
        <v>0</v>
      </c>
      <c r="KO33" s="237">
        <v>0</v>
      </c>
      <c r="KP33" s="140"/>
      <c r="KQ33" s="119">
        <v>0</v>
      </c>
      <c r="KR33" s="119">
        <v>1038870</v>
      </c>
      <c r="KS33" s="119">
        <v>1613250</v>
      </c>
      <c r="KT33" s="119">
        <v>273807</v>
      </c>
      <c r="KU33" s="119">
        <v>972672</v>
      </c>
      <c r="KV33" s="120">
        <v>3898599</v>
      </c>
      <c r="KW33" s="321">
        <v>3898599</v>
      </c>
      <c r="KX33" s="142">
        <v>0</v>
      </c>
      <c r="KY33" s="119">
        <v>0</v>
      </c>
      <c r="KZ33" s="120">
        <v>0</v>
      </c>
      <c r="LA33" s="145"/>
      <c r="LB33" s="119">
        <v>0</v>
      </c>
      <c r="LC33" s="119">
        <v>0</v>
      </c>
      <c r="LD33" s="119">
        <v>0</v>
      </c>
      <c r="LE33" s="119">
        <v>0</v>
      </c>
      <c r="LF33" s="119">
        <v>0</v>
      </c>
      <c r="LG33" s="120">
        <v>0</v>
      </c>
      <c r="LH33" s="121">
        <v>0</v>
      </c>
      <c r="LI33" s="142">
        <v>0</v>
      </c>
      <c r="LJ33" s="119">
        <v>0</v>
      </c>
      <c r="LK33" s="120">
        <v>0</v>
      </c>
      <c r="LL33" s="145"/>
      <c r="LM33" s="119">
        <v>0</v>
      </c>
      <c r="LN33" s="119">
        <v>0</v>
      </c>
      <c r="LO33" s="119">
        <v>243369</v>
      </c>
      <c r="LP33" s="119">
        <v>0</v>
      </c>
      <c r="LQ33" s="119">
        <v>0</v>
      </c>
      <c r="LR33" s="120">
        <v>243369</v>
      </c>
      <c r="LS33" s="321">
        <v>243369</v>
      </c>
      <c r="LT33" s="142">
        <v>0</v>
      </c>
      <c r="LU33" s="119">
        <v>0</v>
      </c>
      <c r="LV33" s="120">
        <v>0</v>
      </c>
      <c r="LW33" s="145"/>
      <c r="LX33" s="119">
        <v>0</v>
      </c>
      <c r="LY33" s="119">
        <v>0</v>
      </c>
      <c r="LZ33" s="119">
        <v>0</v>
      </c>
      <c r="MA33" s="119">
        <v>0</v>
      </c>
      <c r="MB33" s="119">
        <v>0</v>
      </c>
      <c r="MC33" s="120">
        <v>0</v>
      </c>
      <c r="MD33" s="121">
        <v>0</v>
      </c>
      <c r="ME33" s="142">
        <v>0</v>
      </c>
      <c r="MF33" s="119">
        <v>0</v>
      </c>
      <c r="MG33" s="120">
        <v>0</v>
      </c>
      <c r="MH33" s="145"/>
      <c r="MI33" s="119">
        <v>504925</v>
      </c>
      <c r="MJ33" s="119">
        <v>2504789</v>
      </c>
      <c r="MK33" s="119">
        <v>4921167</v>
      </c>
      <c r="ML33" s="119">
        <v>7606127</v>
      </c>
      <c r="MM33" s="119">
        <v>4159815</v>
      </c>
      <c r="MN33" s="120">
        <v>19696823</v>
      </c>
      <c r="MO33" s="143">
        <v>19696823</v>
      </c>
      <c r="MP33" s="142">
        <v>0</v>
      </c>
      <c r="MQ33" s="119">
        <v>0</v>
      </c>
      <c r="MR33" s="120">
        <v>0</v>
      </c>
      <c r="MS33" s="145"/>
      <c r="MT33" s="119">
        <v>0</v>
      </c>
      <c r="MU33" s="119">
        <v>204354</v>
      </c>
      <c r="MV33" s="119">
        <v>3333997</v>
      </c>
      <c r="MW33" s="119">
        <v>4018574</v>
      </c>
      <c r="MX33" s="119">
        <v>3571086</v>
      </c>
      <c r="MY33" s="120">
        <v>11128011</v>
      </c>
      <c r="MZ33" s="143">
        <v>11128011</v>
      </c>
      <c r="NA33" s="142">
        <v>0</v>
      </c>
      <c r="NB33" s="119">
        <v>0</v>
      </c>
      <c r="NC33" s="120">
        <v>0</v>
      </c>
      <c r="ND33" s="145"/>
      <c r="NE33" s="119">
        <v>504925</v>
      </c>
      <c r="NF33" s="119">
        <v>2300435</v>
      </c>
      <c r="NG33" s="119">
        <v>1587170</v>
      </c>
      <c r="NH33" s="119">
        <v>3587553</v>
      </c>
      <c r="NI33" s="119">
        <v>588729</v>
      </c>
      <c r="NJ33" s="120">
        <v>8568812</v>
      </c>
      <c r="NK33" s="321">
        <v>8568812</v>
      </c>
      <c r="NL33" s="142">
        <v>0</v>
      </c>
      <c r="NM33" s="119">
        <v>0</v>
      </c>
      <c r="NN33" s="120">
        <v>0</v>
      </c>
      <c r="NO33" s="145"/>
      <c r="NP33" s="119">
        <v>0</v>
      </c>
      <c r="NQ33" s="119">
        <v>0</v>
      </c>
      <c r="NR33" s="119">
        <v>0</v>
      </c>
      <c r="NS33" s="119">
        <v>0</v>
      </c>
      <c r="NT33" s="119">
        <v>0</v>
      </c>
      <c r="NU33" s="120">
        <v>0</v>
      </c>
      <c r="NV33" s="121">
        <v>0</v>
      </c>
      <c r="NW33" s="142">
        <v>0</v>
      </c>
      <c r="NX33" s="119">
        <v>0</v>
      </c>
      <c r="NY33" s="120">
        <v>0</v>
      </c>
      <c r="NZ33" s="145"/>
      <c r="OA33" s="119">
        <v>0</v>
      </c>
      <c r="OB33" s="119">
        <v>0</v>
      </c>
      <c r="OC33" s="119">
        <v>0</v>
      </c>
      <c r="OD33" s="119">
        <v>0</v>
      </c>
      <c r="OE33" s="119">
        <v>0</v>
      </c>
      <c r="OF33" s="120">
        <v>0</v>
      </c>
      <c r="OG33" s="121">
        <v>0</v>
      </c>
      <c r="OH33" s="142">
        <v>84290</v>
      </c>
      <c r="OI33" s="119">
        <v>421439</v>
      </c>
      <c r="OJ33" s="141">
        <v>505729</v>
      </c>
      <c r="OK33" s="118">
        <v>0</v>
      </c>
      <c r="OL33" s="119">
        <v>6789801</v>
      </c>
      <c r="OM33" s="119">
        <v>12465088</v>
      </c>
      <c r="ON33" s="119">
        <v>13495533</v>
      </c>
      <c r="OO33" s="119">
        <v>13892598</v>
      </c>
      <c r="OP33" s="119">
        <v>10809783</v>
      </c>
      <c r="OQ33" s="120">
        <v>57452803</v>
      </c>
      <c r="OR33" s="143">
        <v>57958532</v>
      </c>
    </row>
    <row r="34" spans="1:408" ht="18.75" customHeight="1" x14ac:dyDescent="0.2">
      <c r="A34" s="62" t="s">
        <v>29</v>
      </c>
      <c r="B34" s="110">
        <v>551801</v>
      </c>
      <c r="C34" s="114">
        <v>972163</v>
      </c>
      <c r="D34" s="113">
        <v>1523964</v>
      </c>
      <c r="E34" s="109">
        <v>0</v>
      </c>
      <c r="F34" s="114">
        <v>6812055</v>
      </c>
      <c r="G34" s="114">
        <v>9889736</v>
      </c>
      <c r="H34" s="114">
        <v>6835720</v>
      </c>
      <c r="I34" s="114">
        <v>8468784</v>
      </c>
      <c r="J34" s="114">
        <v>6162813</v>
      </c>
      <c r="K34" s="173">
        <v>38169108</v>
      </c>
      <c r="L34" s="116">
        <v>39693072</v>
      </c>
      <c r="M34" s="110">
        <v>64827</v>
      </c>
      <c r="N34" s="114">
        <v>234433</v>
      </c>
      <c r="O34" s="113">
        <v>299260</v>
      </c>
      <c r="P34" s="110">
        <v>0</v>
      </c>
      <c r="Q34" s="114">
        <v>1570205</v>
      </c>
      <c r="R34" s="114">
        <v>2356269</v>
      </c>
      <c r="S34" s="114">
        <v>1747649</v>
      </c>
      <c r="T34" s="114">
        <v>2982602</v>
      </c>
      <c r="U34" s="114">
        <v>2114008</v>
      </c>
      <c r="V34" s="113">
        <v>10770733</v>
      </c>
      <c r="W34" s="116">
        <v>11069993</v>
      </c>
      <c r="X34" s="110">
        <v>0</v>
      </c>
      <c r="Y34" s="114">
        <v>0</v>
      </c>
      <c r="Z34" s="113">
        <v>0</v>
      </c>
      <c r="AA34" s="110">
        <v>0</v>
      </c>
      <c r="AB34" s="114">
        <v>761907</v>
      </c>
      <c r="AC34" s="114">
        <v>1187302</v>
      </c>
      <c r="AD34" s="114">
        <v>1002644</v>
      </c>
      <c r="AE34" s="114">
        <v>2146509</v>
      </c>
      <c r="AF34" s="114">
        <v>1293489</v>
      </c>
      <c r="AG34" s="113">
        <v>6391851</v>
      </c>
      <c r="AH34" s="116">
        <v>6391851</v>
      </c>
      <c r="AI34" s="110">
        <v>0</v>
      </c>
      <c r="AJ34" s="114">
        <v>0</v>
      </c>
      <c r="AK34" s="113">
        <v>0</v>
      </c>
      <c r="AL34" s="110">
        <v>0</v>
      </c>
      <c r="AM34" s="114">
        <v>109512</v>
      </c>
      <c r="AN34" s="114">
        <v>213361</v>
      </c>
      <c r="AO34" s="114">
        <v>37856</v>
      </c>
      <c r="AP34" s="114">
        <v>25357</v>
      </c>
      <c r="AQ34" s="114">
        <v>314478</v>
      </c>
      <c r="AR34" s="113">
        <v>700564</v>
      </c>
      <c r="AS34" s="116">
        <v>700564</v>
      </c>
      <c r="AT34" s="110">
        <v>21582</v>
      </c>
      <c r="AU34" s="114">
        <v>197830</v>
      </c>
      <c r="AV34" s="113">
        <v>219412</v>
      </c>
      <c r="AW34" s="110">
        <v>0</v>
      </c>
      <c r="AX34" s="114">
        <v>475979</v>
      </c>
      <c r="AY34" s="114">
        <v>598505</v>
      </c>
      <c r="AZ34" s="114">
        <v>591892</v>
      </c>
      <c r="BA34" s="114">
        <v>467388</v>
      </c>
      <c r="BB34" s="114">
        <v>350856</v>
      </c>
      <c r="BC34" s="113">
        <v>2484620</v>
      </c>
      <c r="BD34" s="116">
        <v>2704032</v>
      </c>
      <c r="BE34" s="110">
        <v>0</v>
      </c>
      <c r="BF34" s="114">
        <v>26028</v>
      </c>
      <c r="BG34" s="112">
        <v>26028</v>
      </c>
      <c r="BH34" s="111">
        <v>0</v>
      </c>
      <c r="BI34" s="114">
        <v>68832</v>
      </c>
      <c r="BJ34" s="114">
        <v>64919</v>
      </c>
      <c r="BK34" s="114">
        <v>0</v>
      </c>
      <c r="BL34" s="114">
        <v>84999</v>
      </c>
      <c r="BM34" s="114">
        <v>0</v>
      </c>
      <c r="BN34" s="113">
        <v>218750</v>
      </c>
      <c r="BO34" s="116">
        <v>244778</v>
      </c>
      <c r="BP34" s="110">
        <v>43245</v>
      </c>
      <c r="BQ34" s="114">
        <v>10575</v>
      </c>
      <c r="BR34" s="113">
        <v>53820</v>
      </c>
      <c r="BS34" s="110">
        <v>0</v>
      </c>
      <c r="BT34" s="114">
        <v>153975</v>
      </c>
      <c r="BU34" s="114">
        <v>292182</v>
      </c>
      <c r="BV34" s="114">
        <v>115257</v>
      </c>
      <c r="BW34" s="114">
        <v>258349</v>
      </c>
      <c r="BX34" s="114">
        <v>155185</v>
      </c>
      <c r="BY34" s="113">
        <v>974948</v>
      </c>
      <c r="BZ34" s="116">
        <v>1028768</v>
      </c>
      <c r="CA34" s="110">
        <v>44199</v>
      </c>
      <c r="CB34" s="114">
        <v>121365</v>
      </c>
      <c r="CC34" s="113">
        <v>165564</v>
      </c>
      <c r="CD34" s="110">
        <v>0</v>
      </c>
      <c r="CE34" s="114">
        <v>2902844</v>
      </c>
      <c r="CF34" s="114">
        <v>2952478</v>
      </c>
      <c r="CG34" s="114">
        <v>2155740</v>
      </c>
      <c r="CH34" s="114">
        <v>2322148</v>
      </c>
      <c r="CI34" s="114">
        <v>1027136</v>
      </c>
      <c r="CJ34" s="113">
        <v>11360346</v>
      </c>
      <c r="CK34" s="116">
        <v>11525910</v>
      </c>
      <c r="CL34" s="110">
        <v>0</v>
      </c>
      <c r="CM34" s="114">
        <v>0</v>
      </c>
      <c r="CN34" s="113">
        <v>0</v>
      </c>
      <c r="CO34" s="111">
        <v>0</v>
      </c>
      <c r="CP34" s="114">
        <v>2025303</v>
      </c>
      <c r="CQ34" s="114">
        <v>2212479</v>
      </c>
      <c r="CR34" s="114">
        <v>1663068</v>
      </c>
      <c r="CS34" s="114">
        <v>1869355</v>
      </c>
      <c r="CT34" s="114">
        <v>630164</v>
      </c>
      <c r="CU34" s="113">
        <v>8400369</v>
      </c>
      <c r="CV34" s="116">
        <v>8400369</v>
      </c>
      <c r="CW34" s="110">
        <v>44199</v>
      </c>
      <c r="CX34" s="114">
        <v>121365</v>
      </c>
      <c r="CY34" s="113">
        <v>165564</v>
      </c>
      <c r="CZ34" s="110">
        <v>0</v>
      </c>
      <c r="DA34" s="114">
        <v>877541</v>
      </c>
      <c r="DB34" s="114">
        <v>739999</v>
      </c>
      <c r="DC34" s="114">
        <v>492672</v>
      </c>
      <c r="DD34" s="114">
        <v>452793</v>
      </c>
      <c r="DE34" s="114">
        <v>396972</v>
      </c>
      <c r="DF34" s="113">
        <v>2959977</v>
      </c>
      <c r="DG34" s="116">
        <v>3125541</v>
      </c>
      <c r="DH34" s="110">
        <v>0</v>
      </c>
      <c r="DI34" s="114">
        <v>0</v>
      </c>
      <c r="DJ34" s="112">
        <v>0</v>
      </c>
      <c r="DK34" s="111">
        <v>0</v>
      </c>
      <c r="DL34" s="114">
        <v>105230</v>
      </c>
      <c r="DM34" s="114">
        <v>472451</v>
      </c>
      <c r="DN34" s="114">
        <v>1104302</v>
      </c>
      <c r="DO34" s="114">
        <v>724895</v>
      </c>
      <c r="DP34" s="114">
        <v>1026448</v>
      </c>
      <c r="DQ34" s="113">
        <v>3433326</v>
      </c>
      <c r="DR34" s="116">
        <v>3433326</v>
      </c>
      <c r="DS34" s="110">
        <v>0</v>
      </c>
      <c r="DT34" s="114">
        <v>0</v>
      </c>
      <c r="DU34" s="113">
        <v>0</v>
      </c>
      <c r="DV34" s="110">
        <v>0</v>
      </c>
      <c r="DW34" s="114">
        <v>105230</v>
      </c>
      <c r="DX34" s="114">
        <v>393989</v>
      </c>
      <c r="DY34" s="114">
        <v>1072208</v>
      </c>
      <c r="DZ34" s="114">
        <v>640317</v>
      </c>
      <c r="EA34" s="114">
        <v>828846</v>
      </c>
      <c r="EB34" s="113">
        <v>3040590</v>
      </c>
      <c r="EC34" s="116">
        <v>3040590</v>
      </c>
      <c r="ED34" s="110">
        <v>0</v>
      </c>
      <c r="EE34" s="112">
        <v>0</v>
      </c>
      <c r="EF34" s="113">
        <v>0</v>
      </c>
      <c r="EG34" s="110">
        <v>0</v>
      </c>
      <c r="EH34" s="114">
        <v>0</v>
      </c>
      <c r="EI34" s="114">
        <v>78462</v>
      </c>
      <c r="EJ34" s="114">
        <v>32094</v>
      </c>
      <c r="EK34" s="114">
        <v>84578</v>
      </c>
      <c r="EL34" s="114">
        <v>197602</v>
      </c>
      <c r="EM34" s="112">
        <v>392736</v>
      </c>
      <c r="EN34" s="116">
        <v>392736</v>
      </c>
      <c r="EO34" s="110">
        <v>0</v>
      </c>
      <c r="EP34" s="114">
        <v>0</v>
      </c>
      <c r="EQ34" s="112">
        <v>0</v>
      </c>
      <c r="ER34" s="111">
        <v>0</v>
      </c>
      <c r="ES34" s="114">
        <v>0</v>
      </c>
      <c r="ET34" s="114">
        <v>0</v>
      </c>
      <c r="EU34" s="114">
        <v>0</v>
      </c>
      <c r="EV34" s="114">
        <v>0</v>
      </c>
      <c r="EW34" s="114">
        <v>0</v>
      </c>
      <c r="EX34" s="113">
        <v>0</v>
      </c>
      <c r="EY34" s="116">
        <v>0</v>
      </c>
      <c r="EZ34" s="110">
        <v>0</v>
      </c>
      <c r="FA34" s="114">
        <v>0</v>
      </c>
      <c r="FB34" s="112">
        <v>0</v>
      </c>
      <c r="FC34" s="348"/>
      <c r="FD34" s="114">
        <v>0</v>
      </c>
      <c r="FE34" s="114">
        <v>0</v>
      </c>
      <c r="FF34" s="114">
        <v>0</v>
      </c>
      <c r="FG34" s="114">
        <v>0</v>
      </c>
      <c r="FH34" s="114">
        <v>0</v>
      </c>
      <c r="FI34" s="113">
        <v>0</v>
      </c>
      <c r="FJ34" s="116">
        <v>0</v>
      </c>
      <c r="FK34" s="110">
        <v>314135</v>
      </c>
      <c r="FL34" s="114">
        <v>455685</v>
      </c>
      <c r="FM34" s="113">
        <v>769820</v>
      </c>
      <c r="FN34" s="110">
        <v>0</v>
      </c>
      <c r="FO34" s="114">
        <v>269350</v>
      </c>
      <c r="FP34" s="114">
        <v>829632</v>
      </c>
      <c r="FQ34" s="114">
        <v>476061</v>
      </c>
      <c r="FR34" s="114">
        <v>742486</v>
      </c>
      <c r="FS34" s="114">
        <v>570696</v>
      </c>
      <c r="FT34" s="113">
        <v>2888225</v>
      </c>
      <c r="FU34" s="116">
        <v>3658045</v>
      </c>
      <c r="FV34" s="115">
        <v>160685</v>
      </c>
      <c r="FW34" s="114">
        <v>210345</v>
      </c>
      <c r="FX34" s="112">
        <v>371030</v>
      </c>
      <c r="FY34" s="111">
        <v>0</v>
      </c>
      <c r="FZ34" s="114">
        <v>269350</v>
      </c>
      <c r="GA34" s="114">
        <v>829632</v>
      </c>
      <c r="GB34" s="114">
        <v>446757</v>
      </c>
      <c r="GC34" s="114">
        <v>742486</v>
      </c>
      <c r="GD34" s="114">
        <v>570696</v>
      </c>
      <c r="GE34" s="113">
        <v>2858921</v>
      </c>
      <c r="GF34" s="319">
        <v>3229951</v>
      </c>
      <c r="GG34" s="115">
        <v>0</v>
      </c>
      <c r="GH34" s="114">
        <v>0</v>
      </c>
      <c r="GI34" s="112">
        <v>0</v>
      </c>
      <c r="GJ34" s="111">
        <v>0</v>
      </c>
      <c r="GK34" s="114">
        <v>0</v>
      </c>
      <c r="GL34" s="114">
        <v>0</v>
      </c>
      <c r="GM34" s="114">
        <v>29304</v>
      </c>
      <c r="GN34" s="114">
        <v>0</v>
      </c>
      <c r="GO34" s="114">
        <v>0</v>
      </c>
      <c r="GP34" s="113">
        <v>29304</v>
      </c>
      <c r="GQ34" s="116">
        <v>29304</v>
      </c>
      <c r="GR34" s="110">
        <v>153450</v>
      </c>
      <c r="GS34" s="114">
        <v>245340</v>
      </c>
      <c r="GT34" s="113">
        <v>398790</v>
      </c>
      <c r="GU34" s="110">
        <v>0</v>
      </c>
      <c r="GV34" s="114">
        <v>0</v>
      </c>
      <c r="GW34" s="114">
        <v>0</v>
      </c>
      <c r="GX34" s="114">
        <v>0</v>
      </c>
      <c r="GY34" s="114">
        <v>0</v>
      </c>
      <c r="GZ34" s="114">
        <v>0</v>
      </c>
      <c r="HA34" s="112">
        <v>0</v>
      </c>
      <c r="HB34" s="116">
        <v>398790</v>
      </c>
      <c r="HC34" s="110">
        <v>0</v>
      </c>
      <c r="HD34" s="114">
        <v>0</v>
      </c>
      <c r="HE34" s="112">
        <v>0</v>
      </c>
      <c r="HF34" s="111">
        <v>0</v>
      </c>
      <c r="HG34" s="114">
        <v>956028</v>
      </c>
      <c r="HH34" s="114">
        <v>2021613</v>
      </c>
      <c r="HI34" s="114">
        <v>589967</v>
      </c>
      <c r="HJ34" s="114">
        <v>1093149</v>
      </c>
      <c r="HK34" s="114">
        <v>984408</v>
      </c>
      <c r="HL34" s="113">
        <v>5645165</v>
      </c>
      <c r="HM34" s="109">
        <v>5645165</v>
      </c>
      <c r="HN34" s="115">
        <v>128640</v>
      </c>
      <c r="HO34" s="114">
        <v>160680</v>
      </c>
      <c r="HP34" s="113">
        <v>289320</v>
      </c>
      <c r="HQ34" s="110">
        <v>0</v>
      </c>
      <c r="HR34" s="114">
        <v>1008398</v>
      </c>
      <c r="HS34" s="114">
        <v>1257293</v>
      </c>
      <c r="HT34" s="114">
        <v>762001</v>
      </c>
      <c r="HU34" s="114">
        <v>603504</v>
      </c>
      <c r="HV34" s="114">
        <v>440117</v>
      </c>
      <c r="HW34" s="112">
        <v>4071313</v>
      </c>
      <c r="HX34" s="116">
        <v>4360633</v>
      </c>
      <c r="HY34" s="150">
        <v>51453</v>
      </c>
      <c r="HZ34" s="135">
        <v>173466</v>
      </c>
      <c r="IA34" s="150">
        <v>224919</v>
      </c>
      <c r="IB34" s="134">
        <v>0</v>
      </c>
      <c r="IC34" s="135">
        <v>2059226</v>
      </c>
      <c r="ID34" s="136">
        <v>3307177</v>
      </c>
      <c r="IE34" s="137">
        <v>3602920</v>
      </c>
      <c r="IF34" s="135">
        <v>4001901</v>
      </c>
      <c r="IG34" s="137">
        <v>2053836</v>
      </c>
      <c r="IH34" s="138">
        <v>15025060</v>
      </c>
      <c r="II34" s="150">
        <v>15249979</v>
      </c>
      <c r="IJ34" s="232">
        <v>0</v>
      </c>
      <c r="IK34" s="236">
        <v>0</v>
      </c>
      <c r="IL34" s="237">
        <v>0</v>
      </c>
      <c r="IM34" s="140"/>
      <c r="IN34" s="119">
        <v>0</v>
      </c>
      <c r="IO34" s="119">
        <v>0</v>
      </c>
      <c r="IP34" s="119">
        <v>0</v>
      </c>
      <c r="IQ34" s="119">
        <v>0</v>
      </c>
      <c r="IR34" s="119">
        <v>0</v>
      </c>
      <c r="IS34" s="141">
        <v>0</v>
      </c>
      <c r="IT34" s="321">
        <v>0</v>
      </c>
      <c r="IU34" s="142">
        <v>0</v>
      </c>
      <c r="IV34" s="119">
        <v>0</v>
      </c>
      <c r="IW34" s="120">
        <v>0</v>
      </c>
      <c r="IX34" s="144"/>
      <c r="IY34" s="119">
        <v>0</v>
      </c>
      <c r="IZ34" s="119">
        <v>0</v>
      </c>
      <c r="JA34" s="119">
        <v>0</v>
      </c>
      <c r="JB34" s="119">
        <v>0</v>
      </c>
      <c r="JC34" s="119">
        <v>0</v>
      </c>
      <c r="JD34" s="120">
        <v>0</v>
      </c>
      <c r="JE34" s="121">
        <v>0</v>
      </c>
      <c r="JF34" s="142">
        <v>0</v>
      </c>
      <c r="JG34" s="119">
        <v>0</v>
      </c>
      <c r="JH34" s="141">
        <v>0</v>
      </c>
      <c r="JI34" s="118">
        <v>0</v>
      </c>
      <c r="JJ34" s="119">
        <v>774891</v>
      </c>
      <c r="JK34" s="119">
        <v>1056988</v>
      </c>
      <c r="JL34" s="119">
        <v>315559</v>
      </c>
      <c r="JM34" s="119">
        <v>95751</v>
      </c>
      <c r="JN34" s="119">
        <v>0</v>
      </c>
      <c r="JO34" s="120">
        <v>2243189</v>
      </c>
      <c r="JP34" s="321">
        <v>2243189</v>
      </c>
      <c r="JQ34" s="142">
        <v>0</v>
      </c>
      <c r="JR34" s="119">
        <v>0</v>
      </c>
      <c r="JS34" s="141">
        <v>0</v>
      </c>
      <c r="JT34" s="118">
        <v>0</v>
      </c>
      <c r="JU34" s="119">
        <v>0</v>
      </c>
      <c r="JV34" s="119">
        <v>83088</v>
      </c>
      <c r="JW34" s="119">
        <v>354361</v>
      </c>
      <c r="JX34" s="119">
        <v>28152</v>
      </c>
      <c r="JY34" s="119">
        <v>0</v>
      </c>
      <c r="JZ34" s="120">
        <v>465601</v>
      </c>
      <c r="KA34" s="321">
        <v>465601</v>
      </c>
      <c r="KB34" s="234">
        <v>51453</v>
      </c>
      <c r="KC34" s="230">
        <v>173466</v>
      </c>
      <c r="KD34" s="120">
        <v>224919</v>
      </c>
      <c r="KE34" s="118">
        <v>0</v>
      </c>
      <c r="KF34" s="119">
        <v>396107</v>
      </c>
      <c r="KG34" s="119">
        <v>564642</v>
      </c>
      <c r="KH34" s="119">
        <v>782019</v>
      </c>
      <c r="KI34" s="119">
        <v>1498248</v>
      </c>
      <c r="KJ34" s="119">
        <v>314622</v>
      </c>
      <c r="KK34" s="120">
        <v>3555638</v>
      </c>
      <c r="KL34" s="143">
        <v>3780557</v>
      </c>
      <c r="KM34" s="232">
        <v>0</v>
      </c>
      <c r="KN34" s="236">
        <v>0</v>
      </c>
      <c r="KO34" s="237">
        <v>0</v>
      </c>
      <c r="KP34" s="140"/>
      <c r="KQ34" s="119">
        <v>888228</v>
      </c>
      <c r="KR34" s="119">
        <v>780147</v>
      </c>
      <c r="KS34" s="119">
        <v>533358</v>
      </c>
      <c r="KT34" s="119">
        <v>271584</v>
      </c>
      <c r="KU34" s="119">
        <v>599706</v>
      </c>
      <c r="KV34" s="120">
        <v>3073023</v>
      </c>
      <c r="KW34" s="321">
        <v>3073023</v>
      </c>
      <c r="KX34" s="142">
        <v>0</v>
      </c>
      <c r="KY34" s="119">
        <v>0</v>
      </c>
      <c r="KZ34" s="120">
        <v>0</v>
      </c>
      <c r="LA34" s="145"/>
      <c r="LB34" s="119">
        <v>0</v>
      </c>
      <c r="LC34" s="119">
        <v>0</v>
      </c>
      <c r="LD34" s="119">
        <v>0</v>
      </c>
      <c r="LE34" s="119">
        <v>0</v>
      </c>
      <c r="LF34" s="119">
        <v>0</v>
      </c>
      <c r="LG34" s="120">
        <v>0</v>
      </c>
      <c r="LH34" s="121">
        <v>0</v>
      </c>
      <c r="LI34" s="142">
        <v>0</v>
      </c>
      <c r="LJ34" s="119">
        <v>0</v>
      </c>
      <c r="LK34" s="120">
        <v>0</v>
      </c>
      <c r="LL34" s="145"/>
      <c r="LM34" s="119">
        <v>0</v>
      </c>
      <c r="LN34" s="119">
        <v>822312</v>
      </c>
      <c r="LO34" s="119">
        <v>1617623</v>
      </c>
      <c r="LP34" s="119">
        <v>2108166</v>
      </c>
      <c r="LQ34" s="119">
        <v>1139508</v>
      </c>
      <c r="LR34" s="120">
        <v>5687609</v>
      </c>
      <c r="LS34" s="321">
        <v>5687609</v>
      </c>
      <c r="LT34" s="142">
        <v>0</v>
      </c>
      <c r="LU34" s="119">
        <v>0</v>
      </c>
      <c r="LV34" s="120">
        <v>0</v>
      </c>
      <c r="LW34" s="145"/>
      <c r="LX34" s="119">
        <v>0</v>
      </c>
      <c r="LY34" s="119">
        <v>0</v>
      </c>
      <c r="LZ34" s="119">
        <v>0</v>
      </c>
      <c r="MA34" s="119">
        <v>0</v>
      </c>
      <c r="MB34" s="119">
        <v>0</v>
      </c>
      <c r="MC34" s="120">
        <v>0</v>
      </c>
      <c r="MD34" s="121">
        <v>0</v>
      </c>
      <c r="ME34" s="142">
        <v>0</v>
      </c>
      <c r="MF34" s="119">
        <v>0</v>
      </c>
      <c r="MG34" s="120">
        <v>0</v>
      </c>
      <c r="MH34" s="145"/>
      <c r="MI34" s="119">
        <v>472789</v>
      </c>
      <c r="MJ34" s="119">
        <v>2285680</v>
      </c>
      <c r="MK34" s="119">
        <v>7355285</v>
      </c>
      <c r="ML34" s="119">
        <v>12173196</v>
      </c>
      <c r="MM34" s="119">
        <v>9218952</v>
      </c>
      <c r="MN34" s="120">
        <v>31505902</v>
      </c>
      <c r="MO34" s="143">
        <v>31505902</v>
      </c>
      <c r="MP34" s="142">
        <v>0</v>
      </c>
      <c r="MQ34" s="119">
        <v>0</v>
      </c>
      <c r="MR34" s="120">
        <v>0</v>
      </c>
      <c r="MS34" s="145"/>
      <c r="MT34" s="119">
        <v>0</v>
      </c>
      <c r="MU34" s="119">
        <v>457247</v>
      </c>
      <c r="MV34" s="119">
        <v>4674379</v>
      </c>
      <c r="MW34" s="119">
        <v>7914450</v>
      </c>
      <c r="MX34" s="119">
        <v>5845779</v>
      </c>
      <c r="MY34" s="120">
        <v>18891855</v>
      </c>
      <c r="MZ34" s="143">
        <v>18891855</v>
      </c>
      <c r="NA34" s="142">
        <v>0</v>
      </c>
      <c r="NB34" s="119">
        <v>0</v>
      </c>
      <c r="NC34" s="120">
        <v>0</v>
      </c>
      <c r="ND34" s="145"/>
      <c r="NE34" s="119">
        <v>472789</v>
      </c>
      <c r="NF34" s="119">
        <v>1828433</v>
      </c>
      <c r="NG34" s="119">
        <v>2680906</v>
      </c>
      <c r="NH34" s="119">
        <v>4258746</v>
      </c>
      <c r="NI34" s="119">
        <v>2630254</v>
      </c>
      <c r="NJ34" s="120">
        <v>11871128</v>
      </c>
      <c r="NK34" s="321">
        <v>11871128</v>
      </c>
      <c r="NL34" s="142">
        <v>0</v>
      </c>
      <c r="NM34" s="119">
        <v>0</v>
      </c>
      <c r="NN34" s="120">
        <v>0</v>
      </c>
      <c r="NO34" s="145"/>
      <c r="NP34" s="119">
        <v>0</v>
      </c>
      <c r="NQ34" s="119">
        <v>0</v>
      </c>
      <c r="NR34" s="119">
        <v>0</v>
      </c>
      <c r="NS34" s="119">
        <v>0</v>
      </c>
      <c r="NT34" s="119">
        <v>353248</v>
      </c>
      <c r="NU34" s="120">
        <v>353248</v>
      </c>
      <c r="NV34" s="121">
        <v>353248</v>
      </c>
      <c r="NW34" s="142">
        <v>0</v>
      </c>
      <c r="NX34" s="119">
        <v>0</v>
      </c>
      <c r="NY34" s="120">
        <v>0</v>
      </c>
      <c r="NZ34" s="145"/>
      <c r="OA34" s="119">
        <v>0</v>
      </c>
      <c r="OB34" s="119">
        <v>0</v>
      </c>
      <c r="OC34" s="119">
        <v>0</v>
      </c>
      <c r="OD34" s="119">
        <v>0</v>
      </c>
      <c r="OE34" s="119">
        <v>389671</v>
      </c>
      <c r="OF34" s="120">
        <v>389671</v>
      </c>
      <c r="OG34" s="121">
        <v>389671</v>
      </c>
      <c r="OH34" s="142">
        <v>603254</v>
      </c>
      <c r="OI34" s="119">
        <v>1145629</v>
      </c>
      <c r="OJ34" s="141">
        <v>1748883</v>
      </c>
      <c r="OK34" s="118">
        <v>0</v>
      </c>
      <c r="OL34" s="119">
        <v>9344070</v>
      </c>
      <c r="OM34" s="119">
        <v>15482593</v>
      </c>
      <c r="ON34" s="119">
        <v>17793925</v>
      </c>
      <c r="OO34" s="119">
        <v>24643881</v>
      </c>
      <c r="OP34" s="119">
        <v>17435601</v>
      </c>
      <c r="OQ34" s="120">
        <v>84700070</v>
      </c>
      <c r="OR34" s="143">
        <v>86448953</v>
      </c>
    </row>
    <row r="35" spans="1:408" ht="18.75" customHeight="1" x14ac:dyDescent="0.2">
      <c r="A35" s="62" t="s">
        <v>30</v>
      </c>
      <c r="B35" s="110">
        <v>613433</v>
      </c>
      <c r="C35" s="114">
        <v>535564</v>
      </c>
      <c r="D35" s="174">
        <v>1148997</v>
      </c>
      <c r="E35" s="175">
        <v>0</v>
      </c>
      <c r="F35" s="176">
        <v>6647243</v>
      </c>
      <c r="G35" s="176">
        <v>7200745</v>
      </c>
      <c r="H35" s="176">
        <v>8502830</v>
      </c>
      <c r="I35" s="176">
        <v>8031548</v>
      </c>
      <c r="J35" s="176">
        <v>3405120</v>
      </c>
      <c r="K35" s="177">
        <v>33787486</v>
      </c>
      <c r="L35" s="116">
        <v>34936483</v>
      </c>
      <c r="M35" s="110">
        <v>137366</v>
      </c>
      <c r="N35" s="114">
        <v>190425</v>
      </c>
      <c r="O35" s="113">
        <v>327791</v>
      </c>
      <c r="P35" s="110">
        <v>0</v>
      </c>
      <c r="Q35" s="114">
        <v>1548706</v>
      </c>
      <c r="R35" s="114">
        <v>2141741</v>
      </c>
      <c r="S35" s="114">
        <v>2743562</v>
      </c>
      <c r="T35" s="114">
        <v>3131096</v>
      </c>
      <c r="U35" s="114">
        <v>1914340</v>
      </c>
      <c r="V35" s="113">
        <v>11479445</v>
      </c>
      <c r="W35" s="116">
        <v>11807236</v>
      </c>
      <c r="X35" s="110">
        <v>0</v>
      </c>
      <c r="Y35" s="114">
        <v>0</v>
      </c>
      <c r="Z35" s="113">
        <v>0</v>
      </c>
      <c r="AA35" s="110">
        <v>0</v>
      </c>
      <c r="AB35" s="114">
        <v>503705</v>
      </c>
      <c r="AC35" s="114">
        <v>1044425</v>
      </c>
      <c r="AD35" s="114">
        <v>1464668</v>
      </c>
      <c r="AE35" s="114">
        <v>1615994</v>
      </c>
      <c r="AF35" s="114">
        <v>1059855</v>
      </c>
      <c r="AG35" s="113">
        <v>5688647</v>
      </c>
      <c r="AH35" s="116">
        <v>5688647</v>
      </c>
      <c r="AI35" s="110">
        <v>0</v>
      </c>
      <c r="AJ35" s="114">
        <v>0</v>
      </c>
      <c r="AK35" s="113">
        <v>0</v>
      </c>
      <c r="AL35" s="110">
        <v>0</v>
      </c>
      <c r="AM35" s="114">
        <v>63395</v>
      </c>
      <c r="AN35" s="114">
        <v>40052</v>
      </c>
      <c r="AO35" s="114">
        <v>147548</v>
      </c>
      <c r="AP35" s="114">
        <v>395536</v>
      </c>
      <c r="AQ35" s="114">
        <v>408587</v>
      </c>
      <c r="AR35" s="113">
        <v>1055118</v>
      </c>
      <c r="AS35" s="116">
        <v>1055118</v>
      </c>
      <c r="AT35" s="110">
        <v>97190</v>
      </c>
      <c r="AU35" s="114">
        <v>175755</v>
      </c>
      <c r="AV35" s="113">
        <v>272945</v>
      </c>
      <c r="AW35" s="110">
        <v>0</v>
      </c>
      <c r="AX35" s="114">
        <v>624990</v>
      </c>
      <c r="AY35" s="114">
        <v>846043</v>
      </c>
      <c r="AZ35" s="114">
        <v>821491</v>
      </c>
      <c r="BA35" s="114">
        <v>796814</v>
      </c>
      <c r="BB35" s="114">
        <v>285959</v>
      </c>
      <c r="BC35" s="113">
        <v>3375297</v>
      </c>
      <c r="BD35" s="116">
        <v>3648242</v>
      </c>
      <c r="BE35" s="110">
        <v>0</v>
      </c>
      <c r="BF35" s="114">
        <v>0</v>
      </c>
      <c r="BG35" s="112">
        <v>0</v>
      </c>
      <c r="BH35" s="111">
        <v>0</v>
      </c>
      <c r="BI35" s="114">
        <v>92754</v>
      </c>
      <c r="BJ35" s="114">
        <v>0</v>
      </c>
      <c r="BK35" s="114">
        <v>34416</v>
      </c>
      <c r="BL35" s="114">
        <v>26768</v>
      </c>
      <c r="BM35" s="114">
        <v>0</v>
      </c>
      <c r="BN35" s="113">
        <v>153938</v>
      </c>
      <c r="BO35" s="116">
        <v>153938</v>
      </c>
      <c r="BP35" s="110">
        <v>40176</v>
      </c>
      <c r="BQ35" s="114">
        <v>14670</v>
      </c>
      <c r="BR35" s="113">
        <v>54846</v>
      </c>
      <c r="BS35" s="110">
        <v>0</v>
      </c>
      <c r="BT35" s="114">
        <v>263862</v>
      </c>
      <c r="BU35" s="114">
        <v>211221</v>
      </c>
      <c r="BV35" s="114">
        <v>275439</v>
      </c>
      <c r="BW35" s="114">
        <v>295984</v>
      </c>
      <c r="BX35" s="114">
        <v>159939</v>
      </c>
      <c r="BY35" s="113">
        <v>1206445</v>
      </c>
      <c r="BZ35" s="116">
        <v>1261291</v>
      </c>
      <c r="CA35" s="110">
        <v>30402</v>
      </c>
      <c r="CB35" s="114">
        <v>43649</v>
      </c>
      <c r="CC35" s="113">
        <v>74051</v>
      </c>
      <c r="CD35" s="110">
        <v>0</v>
      </c>
      <c r="CE35" s="114">
        <v>2242752</v>
      </c>
      <c r="CF35" s="114">
        <v>2084459</v>
      </c>
      <c r="CG35" s="114">
        <v>2847380</v>
      </c>
      <c r="CH35" s="114">
        <v>1640888</v>
      </c>
      <c r="CI35" s="114">
        <v>32142</v>
      </c>
      <c r="CJ35" s="113">
        <v>8847621</v>
      </c>
      <c r="CK35" s="116">
        <v>8921672</v>
      </c>
      <c r="CL35" s="110">
        <v>0</v>
      </c>
      <c r="CM35" s="114">
        <v>0</v>
      </c>
      <c r="CN35" s="113">
        <v>0</v>
      </c>
      <c r="CO35" s="111">
        <v>0</v>
      </c>
      <c r="CP35" s="114">
        <v>1916833</v>
      </c>
      <c r="CQ35" s="114">
        <v>1478918</v>
      </c>
      <c r="CR35" s="114">
        <v>2469052</v>
      </c>
      <c r="CS35" s="114">
        <v>1081905</v>
      </c>
      <c r="CT35" s="114">
        <v>32142</v>
      </c>
      <c r="CU35" s="113">
        <v>6978850</v>
      </c>
      <c r="CV35" s="116">
        <v>6978850</v>
      </c>
      <c r="CW35" s="110">
        <v>30402</v>
      </c>
      <c r="CX35" s="114">
        <v>43649</v>
      </c>
      <c r="CY35" s="113">
        <v>74051</v>
      </c>
      <c r="CZ35" s="110">
        <v>0</v>
      </c>
      <c r="DA35" s="114">
        <v>325919</v>
      </c>
      <c r="DB35" s="114">
        <v>605541</v>
      </c>
      <c r="DC35" s="114">
        <v>378328</v>
      </c>
      <c r="DD35" s="114">
        <v>558983</v>
      </c>
      <c r="DE35" s="114">
        <v>0</v>
      </c>
      <c r="DF35" s="113">
        <v>1868771</v>
      </c>
      <c r="DG35" s="116">
        <v>1942822</v>
      </c>
      <c r="DH35" s="110">
        <v>0</v>
      </c>
      <c r="DI35" s="114">
        <v>0</v>
      </c>
      <c r="DJ35" s="112">
        <v>0</v>
      </c>
      <c r="DK35" s="111">
        <v>0</v>
      </c>
      <c r="DL35" s="114">
        <v>140863</v>
      </c>
      <c r="DM35" s="114">
        <v>170671</v>
      </c>
      <c r="DN35" s="114">
        <v>730127</v>
      </c>
      <c r="DO35" s="114">
        <v>1006836</v>
      </c>
      <c r="DP35" s="114">
        <v>304364</v>
      </c>
      <c r="DQ35" s="113">
        <v>2352861</v>
      </c>
      <c r="DR35" s="116">
        <v>2352861</v>
      </c>
      <c r="DS35" s="110">
        <v>0</v>
      </c>
      <c r="DT35" s="114">
        <v>0</v>
      </c>
      <c r="DU35" s="113">
        <v>0</v>
      </c>
      <c r="DV35" s="110">
        <v>0</v>
      </c>
      <c r="DW35" s="114">
        <v>140863</v>
      </c>
      <c r="DX35" s="114">
        <v>140287</v>
      </c>
      <c r="DY35" s="114">
        <v>696063</v>
      </c>
      <c r="DZ35" s="114">
        <v>875130</v>
      </c>
      <c r="EA35" s="114">
        <v>209610</v>
      </c>
      <c r="EB35" s="113">
        <v>2061953</v>
      </c>
      <c r="EC35" s="116">
        <v>2061953</v>
      </c>
      <c r="ED35" s="110">
        <v>0</v>
      </c>
      <c r="EE35" s="112">
        <v>0</v>
      </c>
      <c r="EF35" s="113">
        <v>0</v>
      </c>
      <c r="EG35" s="110">
        <v>0</v>
      </c>
      <c r="EH35" s="114">
        <v>0</v>
      </c>
      <c r="EI35" s="114">
        <v>30384</v>
      </c>
      <c r="EJ35" s="114">
        <v>34064</v>
      </c>
      <c r="EK35" s="114">
        <v>131706</v>
      </c>
      <c r="EL35" s="114">
        <v>94754</v>
      </c>
      <c r="EM35" s="112">
        <v>290908</v>
      </c>
      <c r="EN35" s="116">
        <v>290908</v>
      </c>
      <c r="EO35" s="110">
        <v>0</v>
      </c>
      <c r="EP35" s="114">
        <v>0</v>
      </c>
      <c r="EQ35" s="112">
        <v>0</v>
      </c>
      <c r="ER35" s="111">
        <v>0</v>
      </c>
      <c r="ES35" s="114">
        <v>0</v>
      </c>
      <c r="ET35" s="114">
        <v>0</v>
      </c>
      <c r="EU35" s="114">
        <v>0</v>
      </c>
      <c r="EV35" s="114">
        <v>0</v>
      </c>
      <c r="EW35" s="114">
        <v>0</v>
      </c>
      <c r="EX35" s="113">
        <v>0</v>
      </c>
      <c r="EY35" s="116">
        <v>0</v>
      </c>
      <c r="EZ35" s="110">
        <v>0</v>
      </c>
      <c r="FA35" s="114">
        <v>0</v>
      </c>
      <c r="FB35" s="112">
        <v>0</v>
      </c>
      <c r="FC35" s="348"/>
      <c r="FD35" s="114">
        <v>0</v>
      </c>
      <c r="FE35" s="114">
        <v>0</v>
      </c>
      <c r="FF35" s="114">
        <v>0</v>
      </c>
      <c r="FG35" s="114">
        <v>0</v>
      </c>
      <c r="FH35" s="114">
        <v>0</v>
      </c>
      <c r="FI35" s="113">
        <v>0</v>
      </c>
      <c r="FJ35" s="116">
        <v>0</v>
      </c>
      <c r="FK35" s="110">
        <v>211655</v>
      </c>
      <c r="FL35" s="114">
        <v>150950</v>
      </c>
      <c r="FM35" s="113">
        <v>362605</v>
      </c>
      <c r="FN35" s="110">
        <v>0</v>
      </c>
      <c r="FO35" s="114">
        <v>723326</v>
      </c>
      <c r="FP35" s="114">
        <v>723680</v>
      </c>
      <c r="FQ35" s="114">
        <v>878484</v>
      </c>
      <c r="FR35" s="114">
        <v>759343</v>
      </c>
      <c r="FS35" s="114">
        <v>393489</v>
      </c>
      <c r="FT35" s="113">
        <v>3478322</v>
      </c>
      <c r="FU35" s="116">
        <v>3840927</v>
      </c>
      <c r="FV35" s="115">
        <v>122960</v>
      </c>
      <c r="FW35" s="114">
        <v>150950</v>
      </c>
      <c r="FX35" s="112">
        <v>273910</v>
      </c>
      <c r="FY35" s="111">
        <v>0</v>
      </c>
      <c r="FZ35" s="114">
        <v>383326</v>
      </c>
      <c r="GA35" s="114">
        <v>723680</v>
      </c>
      <c r="GB35" s="114">
        <v>878484</v>
      </c>
      <c r="GC35" s="114">
        <v>759343</v>
      </c>
      <c r="GD35" s="114">
        <v>303912</v>
      </c>
      <c r="GE35" s="113">
        <v>3048745</v>
      </c>
      <c r="GF35" s="319">
        <v>3322655</v>
      </c>
      <c r="GG35" s="115">
        <v>88695</v>
      </c>
      <c r="GH35" s="114">
        <v>0</v>
      </c>
      <c r="GI35" s="112">
        <v>88695</v>
      </c>
      <c r="GJ35" s="111">
        <v>0</v>
      </c>
      <c r="GK35" s="114">
        <v>0</v>
      </c>
      <c r="GL35" s="114">
        <v>0</v>
      </c>
      <c r="GM35" s="114">
        <v>0</v>
      </c>
      <c r="GN35" s="114">
        <v>0</v>
      </c>
      <c r="GO35" s="114">
        <v>0</v>
      </c>
      <c r="GP35" s="113">
        <v>0</v>
      </c>
      <c r="GQ35" s="116">
        <v>88695</v>
      </c>
      <c r="GR35" s="110">
        <v>0</v>
      </c>
      <c r="GS35" s="114">
        <v>0</v>
      </c>
      <c r="GT35" s="113">
        <v>0</v>
      </c>
      <c r="GU35" s="110">
        <v>0</v>
      </c>
      <c r="GV35" s="114">
        <v>340000</v>
      </c>
      <c r="GW35" s="114">
        <v>0</v>
      </c>
      <c r="GX35" s="114">
        <v>0</v>
      </c>
      <c r="GY35" s="114">
        <v>0</v>
      </c>
      <c r="GZ35" s="114">
        <v>89577</v>
      </c>
      <c r="HA35" s="112">
        <v>429577</v>
      </c>
      <c r="HB35" s="116">
        <v>429577</v>
      </c>
      <c r="HC35" s="110">
        <v>112750</v>
      </c>
      <c r="HD35" s="114">
        <v>0</v>
      </c>
      <c r="HE35" s="112">
        <v>112750</v>
      </c>
      <c r="HF35" s="111">
        <v>0</v>
      </c>
      <c r="HG35" s="114">
        <v>861955</v>
      </c>
      <c r="HH35" s="114">
        <v>1120345</v>
      </c>
      <c r="HI35" s="114">
        <v>423873</v>
      </c>
      <c r="HJ35" s="114">
        <v>773230</v>
      </c>
      <c r="HK35" s="114">
        <v>510865</v>
      </c>
      <c r="HL35" s="113">
        <v>3690268</v>
      </c>
      <c r="HM35" s="109">
        <v>3803018</v>
      </c>
      <c r="HN35" s="115">
        <v>121260</v>
      </c>
      <c r="HO35" s="114">
        <v>150540</v>
      </c>
      <c r="HP35" s="113">
        <v>271800</v>
      </c>
      <c r="HQ35" s="110">
        <v>0</v>
      </c>
      <c r="HR35" s="114">
        <v>1129641</v>
      </c>
      <c r="HS35" s="114">
        <v>959849</v>
      </c>
      <c r="HT35" s="114">
        <v>879404</v>
      </c>
      <c r="HU35" s="114">
        <v>720155</v>
      </c>
      <c r="HV35" s="114">
        <v>249920</v>
      </c>
      <c r="HW35" s="112">
        <v>3938969</v>
      </c>
      <c r="HX35" s="116">
        <v>4210769</v>
      </c>
      <c r="HY35" s="131">
        <v>26231</v>
      </c>
      <c r="HZ35" s="132">
        <v>0</v>
      </c>
      <c r="IA35" s="133">
        <v>26231</v>
      </c>
      <c r="IB35" s="146">
        <v>0</v>
      </c>
      <c r="IC35" s="132">
        <v>3138971</v>
      </c>
      <c r="ID35" s="147">
        <v>1845127</v>
      </c>
      <c r="IE35" s="133">
        <v>2739813</v>
      </c>
      <c r="IF35" s="132">
        <v>2207954</v>
      </c>
      <c r="IG35" s="133">
        <v>557689</v>
      </c>
      <c r="IH35" s="148">
        <v>10489554</v>
      </c>
      <c r="II35" s="139">
        <v>10515785</v>
      </c>
      <c r="IJ35" s="232">
        <v>0</v>
      </c>
      <c r="IK35" s="236">
        <v>0</v>
      </c>
      <c r="IL35" s="237">
        <v>0</v>
      </c>
      <c r="IM35" s="140"/>
      <c r="IN35" s="119">
        <v>143883</v>
      </c>
      <c r="IO35" s="119">
        <v>0</v>
      </c>
      <c r="IP35" s="119">
        <v>177669</v>
      </c>
      <c r="IQ35" s="119">
        <v>0</v>
      </c>
      <c r="IR35" s="119">
        <v>0</v>
      </c>
      <c r="IS35" s="141">
        <v>321552</v>
      </c>
      <c r="IT35" s="321">
        <v>321552</v>
      </c>
      <c r="IU35" s="142">
        <v>0</v>
      </c>
      <c r="IV35" s="119">
        <v>0</v>
      </c>
      <c r="IW35" s="120">
        <v>0</v>
      </c>
      <c r="IX35" s="144"/>
      <c r="IY35" s="119">
        <v>0</v>
      </c>
      <c r="IZ35" s="119">
        <v>0</v>
      </c>
      <c r="JA35" s="119">
        <v>0</v>
      </c>
      <c r="JB35" s="119">
        <v>0</v>
      </c>
      <c r="JC35" s="119">
        <v>0</v>
      </c>
      <c r="JD35" s="120">
        <v>0</v>
      </c>
      <c r="JE35" s="121">
        <v>0</v>
      </c>
      <c r="JF35" s="142">
        <v>0</v>
      </c>
      <c r="JG35" s="119">
        <v>0</v>
      </c>
      <c r="JH35" s="141">
        <v>0</v>
      </c>
      <c r="JI35" s="118">
        <v>0</v>
      </c>
      <c r="JJ35" s="119">
        <v>1125267</v>
      </c>
      <c r="JK35" s="119">
        <v>1062909</v>
      </c>
      <c r="JL35" s="119">
        <v>885466</v>
      </c>
      <c r="JM35" s="119">
        <v>843696</v>
      </c>
      <c r="JN35" s="119">
        <v>0</v>
      </c>
      <c r="JO35" s="120">
        <v>3917338</v>
      </c>
      <c r="JP35" s="321">
        <v>3917338</v>
      </c>
      <c r="JQ35" s="142">
        <v>26231</v>
      </c>
      <c r="JR35" s="119">
        <v>0</v>
      </c>
      <c r="JS35" s="141">
        <v>26231</v>
      </c>
      <c r="JT35" s="118">
        <v>0</v>
      </c>
      <c r="JU35" s="119">
        <v>53829</v>
      </c>
      <c r="JV35" s="119">
        <v>84400</v>
      </c>
      <c r="JW35" s="119">
        <v>258935</v>
      </c>
      <c r="JX35" s="119">
        <v>0</v>
      </c>
      <c r="JY35" s="119">
        <v>0</v>
      </c>
      <c r="JZ35" s="120">
        <v>397164</v>
      </c>
      <c r="KA35" s="321">
        <v>423395</v>
      </c>
      <c r="KB35" s="234">
        <v>0</v>
      </c>
      <c r="KC35" s="230">
        <v>0</v>
      </c>
      <c r="KD35" s="120">
        <v>0</v>
      </c>
      <c r="KE35" s="118">
        <v>0</v>
      </c>
      <c r="KF35" s="119">
        <v>0</v>
      </c>
      <c r="KG35" s="119">
        <v>0</v>
      </c>
      <c r="KH35" s="119">
        <v>0</v>
      </c>
      <c r="KI35" s="119">
        <v>592534</v>
      </c>
      <c r="KJ35" s="119">
        <v>0</v>
      </c>
      <c r="KK35" s="120">
        <v>592534</v>
      </c>
      <c r="KL35" s="143">
        <v>592534</v>
      </c>
      <c r="KM35" s="232">
        <v>0</v>
      </c>
      <c r="KN35" s="236">
        <v>0</v>
      </c>
      <c r="KO35" s="237">
        <v>0</v>
      </c>
      <c r="KP35" s="140"/>
      <c r="KQ35" s="119">
        <v>1815992</v>
      </c>
      <c r="KR35" s="119">
        <v>697818</v>
      </c>
      <c r="KS35" s="119">
        <v>1417743</v>
      </c>
      <c r="KT35" s="119">
        <v>771724</v>
      </c>
      <c r="KU35" s="119">
        <v>557689</v>
      </c>
      <c r="KV35" s="120">
        <v>5260966</v>
      </c>
      <c r="KW35" s="321">
        <v>5260966</v>
      </c>
      <c r="KX35" s="142">
        <v>0</v>
      </c>
      <c r="KY35" s="119">
        <v>0</v>
      </c>
      <c r="KZ35" s="120">
        <v>0</v>
      </c>
      <c r="LA35" s="145"/>
      <c r="LB35" s="119">
        <v>0</v>
      </c>
      <c r="LC35" s="119">
        <v>0</v>
      </c>
      <c r="LD35" s="119">
        <v>0</v>
      </c>
      <c r="LE35" s="119">
        <v>0</v>
      </c>
      <c r="LF35" s="119">
        <v>0</v>
      </c>
      <c r="LG35" s="120">
        <v>0</v>
      </c>
      <c r="LH35" s="121">
        <v>0</v>
      </c>
      <c r="LI35" s="142">
        <v>0</v>
      </c>
      <c r="LJ35" s="119">
        <v>0</v>
      </c>
      <c r="LK35" s="120">
        <v>0</v>
      </c>
      <c r="LL35" s="145"/>
      <c r="LM35" s="119">
        <v>0</v>
      </c>
      <c r="LN35" s="119">
        <v>0</v>
      </c>
      <c r="LO35" s="119">
        <v>0</v>
      </c>
      <c r="LP35" s="119">
        <v>0</v>
      </c>
      <c r="LQ35" s="119">
        <v>0</v>
      </c>
      <c r="LR35" s="120">
        <v>0</v>
      </c>
      <c r="LS35" s="321">
        <v>0</v>
      </c>
      <c r="LT35" s="142">
        <v>0</v>
      </c>
      <c r="LU35" s="119">
        <v>0</v>
      </c>
      <c r="LV35" s="120">
        <v>0</v>
      </c>
      <c r="LW35" s="145"/>
      <c r="LX35" s="119">
        <v>0</v>
      </c>
      <c r="LY35" s="119">
        <v>0</v>
      </c>
      <c r="LZ35" s="119">
        <v>0</v>
      </c>
      <c r="MA35" s="119">
        <v>0</v>
      </c>
      <c r="MB35" s="119">
        <v>0</v>
      </c>
      <c r="MC35" s="120">
        <v>0</v>
      </c>
      <c r="MD35" s="121">
        <v>0</v>
      </c>
      <c r="ME35" s="142">
        <v>0</v>
      </c>
      <c r="MF35" s="119">
        <v>0</v>
      </c>
      <c r="MG35" s="120">
        <v>0</v>
      </c>
      <c r="MH35" s="145"/>
      <c r="MI35" s="119">
        <v>1380970</v>
      </c>
      <c r="MJ35" s="119">
        <v>1984443</v>
      </c>
      <c r="MK35" s="119">
        <v>8946959</v>
      </c>
      <c r="ML35" s="119">
        <v>11191826</v>
      </c>
      <c r="MM35" s="119">
        <v>7406411</v>
      </c>
      <c r="MN35" s="120">
        <v>30910609</v>
      </c>
      <c r="MO35" s="143">
        <v>30910609</v>
      </c>
      <c r="MP35" s="142">
        <v>0</v>
      </c>
      <c r="MQ35" s="119">
        <v>0</v>
      </c>
      <c r="MR35" s="120">
        <v>0</v>
      </c>
      <c r="MS35" s="145"/>
      <c r="MT35" s="119">
        <v>222075</v>
      </c>
      <c r="MU35" s="119">
        <v>446238</v>
      </c>
      <c r="MV35" s="119">
        <v>5750268</v>
      </c>
      <c r="MW35" s="119">
        <v>5282237</v>
      </c>
      <c r="MX35" s="119">
        <v>5099189</v>
      </c>
      <c r="MY35" s="120">
        <v>16800007</v>
      </c>
      <c r="MZ35" s="143">
        <v>16800007</v>
      </c>
      <c r="NA35" s="142">
        <v>0</v>
      </c>
      <c r="NB35" s="119">
        <v>0</v>
      </c>
      <c r="NC35" s="120">
        <v>0</v>
      </c>
      <c r="ND35" s="145"/>
      <c r="NE35" s="119">
        <v>1158895</v>
      </c>
      <c r="NF35" s="119">
        <v>1286889</v>
      </c>
      <c r="NG35" s="119">
        <v>3196691</v>
      </c>
      <c r="NH35" s="119">
        <v>5909589</v>
      </c>
      <c r="NI35" s="119">
        <v>1460597</v>
      </c>
      <c r="NJ35" s="120">
        <v>13012661</v>
      </c>
      <c r="NK35" s="321">
        <v>13012661</v>
      </c>
      <c r="NL35" s="142">
        <v>0</v>
      </c>
      <c r="NM35" s="119">
        <v>0</v>
      </c>
      <c r="NN35" s="120">
        <v>0</v>
      </c>
      <c r="NO35" s="145"/>
      <c r="NP35" s="119">
        <v>0</v>
      </c>
      <c r="NQ35" s="119">
        <v>0</v>
      </c>
      <c r="NR35" s="119">
        <v>0</v>
      </c>
      <c r="NS35" s="119">
        <v>0</v>
      </c>
      <c r="NT35" s="119">
        <v>0</v>
      </c>
      <c r="NU35" s="120">
        <v>0</v>
      </c>
      <c r="NV35" s="121">
        <v>0</v>
      </c>
      <c r="NW35" s="142">
        <v>0</v>
      </c>
      <c r="NX35" s="119">
        <v>0</v>
      </c>
      <c r="NY35" s="120">
        <v>0</v>
      </c>
      <c r="NZ35" s="145"/>
      <c r="OA35" s="119">
        <v>0</v>
      </c>
      <c r="OB35" s="119">
        <v>251316</v>
      </c>
      <c r="OC35" s="119">
        <v>0</v>
      </c>
      <c r="OD35" s="119">
        <v>0</v>
      </c>
      <c r="OE35" s="119">
        <v>846625</v>
      </c>
      <c r="OF35" s="120">
        <v>1097941</v>
      </c>
      <c r="OG35" s="121">
        <v>1097941</v>
      </c>
      <c r="OH35" s="142">
        <v>639664</v>
      </c>
      <c r="OI35" s="119">
        <v>535564</v>
      </c>
      <c r="OJ35" s="141">
        <v>1175228</v>
      </c>
      <c r="OK35" s="118">
        <v>0</v>
      </c>
      <c r="OL35" s="119">
        <v>11167184</v>
      </c>
      <c r="OM35" s="119">
        <v>11030315</v>
      </c>
      <c r="ON35" s="119">
        <v>20189602</v>
      </c>
      <c r="OO35" s="119">
        <v>21431328</v>
      </c>
      <c r="OP35" s="119">
        <v>11369220</v>
      </c>
      <c r="OQ35" s="120">
        <v>75187649</v>
      </c>
      <c r="OR35" s="143">
        <v>76362877</v>
      </c>
    </row>
    <row r="36" spans="1:408" ht="18.75" customHeight="1" x14ac:dyDescent="0.2">
      <c r="A36" s="62" t="s">
        <v>31</v>
      </c>
      <c r="B36" s="110">
        <v>368894</v>
      </c>
      <c r="C36" s="114">
        <v>964277</v>
      </c>
      <c r="D36" s="113">
        <v>1333171</v>
      </c>
      <c r="E36" s="109">
        <v>0</v>
      </c>
      <c r="F36" s="114">
        <v>6860638</v>
      </c>
      <c r="G36" s="114">
        <v>10403835</v>
      </c>
      <c r="H36" s="114">
        <v>8962671</v>
      </c>
      <c r="I36" s="114">
        <v>5866484</v>
      </c>
      <c r="J36" s="114">
        <v>3712428</v>
      </c>
      <c r="K36" s="173">
        <v>35806056</v>
      </c>
      <c r="L36" s="116">
        <v>37139227</v>
      </c>
      <c r="M36" s="110">
        <v>87445</v>
      </c>
      <c r="N36" s="114">
        <v>135792</v>
      </c>
      <c r="O36" s="113">
        <v>223237</v>
      </c>
      <c r="P36" s="110">
        <v>0</v>
      </c>
      <c r="Q36" s="114">
        <v>1257179</v>
      </c>
      <c r="R36" s="114">
        <v>1564544</v>
      </c>
      <c r="S36" s="114">
        <v>1432174</v>
      </c>
      <c r="T36" s="114">
        <v>1624915</v>
      </c>
      <c r="U36" s="114">
        <v>1581439</v>
      </c>
      <c r="V36" s="113">
        <v>7460251</v>
      </c>
      <c r="W36" s="116">
        <v>7683488</v>
      </c>
      <c r="X36" s="110">
        <v>0</v>
      </c>
      <c r="Y36" s="114">
        <v>0</v>
      </c>
      <c r="Z36" s="113">
        <v>0</v>
      </c>
      <c r="AA36" s="110">
        <v>0</v>
      </c>
      <c r="AB36" s="114">
        <v>638094</v>
      </c>
      <c r="AC36" s="114">
        <v>434250</v>
      </c>
      <c r="AD36" s="114">
        <v>177346</v>
      </c>
      <c r="AE36" s="114">
        <v>258073</v>
      </c>
      <c r="AF36" s="114">
        <v>946708</v>
      </c>
      <c r="AG36" s="113">
        <v>2454471</v>
      </c>
      <c r="AH36" s="116">
        <v>2454471</v>
      </c>
      <c r="AI36" s="110">
        <v>0</v>
      </c>
      <c r="AJ36" s="114">
        <v>0</v>
      </c>
      <c r="AK36" s="113">
        <v>0</v>
      </c>
      <c r="AL36" s="110">
        <v>0</v>
      </c>
      <c r="AM36" s="114">
        <v>12536</v>
      </c>
      <c r="AN36" s="114">
        <v>116272</v>
      </c>
      <c r="AO36" s="114">
        <v>267687</v>
      </c>
      <c r="AP36" s="114">
        <v>537327</v>
      </c>
      <c r="AQ36" s="114">
        <v>158819</v>
      </c>
      <c r="AR36" s="113">
        <v>1092641</v>
      </c>
      <c r="AS36" s="116">
        <v>1092641</v>
      </c>
      <c r="AT36" s="110">
        <v>60364</v>
      </c>
      <c r="AU36" s="114">
        <v>93132</v>
      </c>
      <c r="AV36" s="113">
        <v>153496</v>
      </c>
      <c r="AW36" s="110">
        <v>0</v>
      </c>
      <c r="AX36" s="114">
        <v>381935</v>
      </c>
      <c r="AY36" s="114">
        <v>613881</v>
      </c>
      <c r="AZ36" s="114">
        <v>648886</v>
      </c>
      <c r="BA36" s="114">
        <v>555873</v>
      </c>
      <c r="BB36" s="114">
        <v>357531</v>
      </c>
      <c r="BC36" s="113">
        <v>2558106</v>
      </c>
      <c r="BD36" s="116">
        <v>2711602</v>
      </c>
      <c r="BE36" s="110">
        <v>0</v>
      </c>
      <c r="BF36" s="114">
        <v>42660</v>
      </c>
      <c r="BG36" s="112">
        <v>42660</v>
      </c>
      <c r="BH36" s="111">
        <v>0</v>
      </c>
      <c r="BI36" s="114">
        <v>34416</v>
      </c>
      <c r="BJ36" s="114">
        <v>195316</v>
      </c>
      <c r="BK36" s="114">
        <v>150155</v>
      </c>
      <c r="BL36" s="114">
        <v>191704</v>
      </c>
      <c r="BM36" s="114">
        <v>84717</v>
      </c>
      <c r="BN36" s="113">
        <v>656308</v>
      </c>
      <c r="BO36" s="116">
        <v>698968</v>
      </c>
      <c r="BP36" s="110">
        <v>27081</v>
      </c>
      <c r="BQ36" s="114">
        <v>0</v>
      </c>
      <c r="BR36" s="113">
        <v>27081</v>
      </c>
      <c r="BS36" s="110">
        <v>0</v>
      </c>
      <c r="BT36" s="114">
        <v>190198</v>
      </c>
      <c r="BU36" s="114">
        <v>204825</v>
      </c>
      <c r="BV36" s="114">
        <v>188100</v>
      </c>
      <c r="BW36" s="114">
        <v>81938</v>
      </c>
      <c r="BX36" s="114">
        <v>33664</v>
      </c>
      <c r="BY36" s="113">
        <v>698725</v>
      </c>
      <c r="BZ36" s="116">
        <v>725806</v>
      </c>
      <c r="CA36" s="110">
        <v>0</v>
      </c>
      <c r="CB36" s="114">
        <v>41517</v>
      </c>
      <c r="CC36" s="113">
        <v>41517</v>
      </c>
      <c r="CD36" s="110">
        <v>0</v>
      </c>
      <c r="CE36" s="114">
        <v>2096784</v>
      </c>
      <c r="CF36" s="114">
        <v>3910244</v>
      </c>
      <c r="CG36" s="114">
        <v>2400891</v>
      </c>
      <c r="CH36" s="114">
        <v>1853793</v>
      </c>
      <c r="CI36" s="114">
        <v>580618</v>
      </c>
      <c r="CJ36" s="113">
        <v>10842330</v>
      </c>
      <c r="CK36" s="116">
        <v>10883847</v>
      </c>
      <c r="CL36" s="110">
        <v>0</v>
      </c>
      <c r="CM36" s="114">
        <v>0</v>
      </c>
      <c r="CN36" s="113">
        <v>0</v>
      </c>
      <c r="CO36" s="111">
        <v>0</v>
      </c>
      <c r="CP36" s="114">
        <v>1919743</v>
      </c>
      <c r="CQ36" s="114">
        <v>3282785</v>
      </c>
      <c r="CR36" s="114">
        <v>2112995</v>
      </c>
      <c r="CS36" s="114">
        <v>1620939</v>
      </c>
      <c r="CT36" s="114">
        <v>354487</v>
      </c>
      <c r="CU36" s="113">
        <v>9290949</v>
      </c>
      <c r="CV36" s="116">
        <v>9290949</v>
      </c>
      <c r="CW36" s="110">
        <v>0</v>
      </c>
      <c r="CX36" s="114">
        <v>41517</v>
      </c>
      <c r="CY36" s="113">
        <v>41517</v>
      </c>
      <c r="CZ36" s="110">
        <v>0</v>
      </c>
      <c r="DA36" s="114">
        <v>177041</v>
      </c>
      <c r="DB36" s="114">
        <v>627459</v>
      </c>
      <c r="DC36" s="114">
        <v>287896</v>
      </c>
      <c r="DD36" s="114">
        <v>232854</v>
      </c>
      <c r="DE36" s="114">
        <v>226131</v>
      </c>
      <c r="DF36" s="113">
        <v>1551381</v>
      </c>
      <c r="DG36" s="116">
        <v>1592898</v>
      </c>
      <c r="DH36" s="110">
        <v>0</v>
      </c>
      <c r="DI36" s="114">
        <v>0</v>
      </c>
      <c r="DJ36" s="112">
        <v>0</v>
      </c>
      <c r="DK36" s="111">
        <v>0</v>
      </c>
      <c r="DL36" s="114">
        <v>149381</v>
      </c>
      <c r="DM36" s="114">
        <v>1094333</v>
      </c>
      <c r="DN36" s="114">
        <v>2126414</v>
      </c>
      <c r="DO36" s="114">
        <v>840246</v>
      </c>
      <c r="DP36" s="114">
        <v>211480</v>
      </c>
      <c r="DQ36" s="113">
        <v>4421854</v>
      </c>
      <c r="DR36" s="116">
        <v>4421854</v>
      </c>
      <c r="DS36" s="110">
        <v>0</v>
      </c>
      <c r="DT36" s="114">
        <v>0</v>
      </c>
      <c r="DU36" s="113">
        <v>0</v>
      </c>
      <c r="DV36" s="110">
        <v>0</v>
      </c>
      <c r="DW36" s="114">
        <v>149381</v>
      </c>
      <c r="DX36" s="114">
        <v>1056965</v>
      </c>
      <c r="DY36" s="114">
        <v>2126414</v>
      </c>
      <c r="DZ36" s="114">
        <v>840246</v>
      </c>
      <c r="EA36" s="114">
        <v>147436</v>
      </c>
      <c r="EB36" s="113">
        <v>4320442</v>
      </c>
      <c r="EC36" s="116">
        <v>4320442</v>
      </c>
      <c r="ED36" s="110">
        <v>0</v>
      </c>
      <c r="EE36" s="112">
        <v>0</v>
      </c>
      <c r="EF36" s="113">
        <v>0</v>
      </c>
      <c r="EG36" s="110">
        <v>0</v>
      </c>
      <c r="EH36" s="114">
        <v>0</v>
      </c>
      <c r="EI36" s="114">
        <v>37368</v>
      </c>
      <c r="EJ36" s="114">
        <v>0</v>
      </c>
      <c r="EK36" s="114">
        <v>0</v>
      </c>
      <c r="EL36" s="114">
        <v>64044</v>
      </c>
      <c r="EM36" s="112">
        <v>101412</v>
      </c>
      <c r="EN36" s="116">
        <v>101412</v>
      </c>
      <c r="EO36" s="110">
        <v>0</v>
      </c>
      <c r="EP36" s="114">
        <v>0</v>
      </c>
      <c r="EQ36" s="112">
        <v>0</v>
      </c>
      <c r="ER36" s="111">
        <v>0</v>
      </c>
      <c r="ES36" s="114">
        <v>0</v>
      </c>
      <c r="ET36" s="114">
        <v>0</v>
      </c>
      <c r="EU36" s="114">
        <v>0</v>
      </c>
      <c r="EV36" s="114">
        <v>0</v>
      </c>
      <c r="EW36" s="114">
        <v>0</v>
      </c>
      <c r="EX36" s="113">
        <v>0</v>
      </c>
      <c r="EY36" s="116">
        <v>0</v>
      </c>
      <c r="EZ36" s="110">
        <v>0</v>
      </c>
      <c r="FA36" s="114">
        <v>0</v>
      </c>
      <c r="FB36" s="112">
        <v>0</v>
      </c>
      <c r="FC36" s="348"/>
      <c r="FD36" s="114">
        <v>0</v>
      </c>
      <c r="FE36" s="114">
        <v>0</v>
      </c>
      <c r="FF36" s="114">
        <v>0</v>
      </c>
      <c r="FG36" s="114">
        <v>0</v>
      </c>
      <c r="FH36" s="114">
        <v>0</v>
      </c>
      <c r="FI36" s="113">
        <v>0</v>
      </c>
      <c r="FJ36" s="116">
        <v>0</v>
      </c>
      <c r="FK36" s="110">
        <v>114654</v>
      </c>
      <c r="FL36" s="114">
        <v>367644</v>
      </c>
      <c r="FM36" s="113">
        <v>482298</v>
      </c>
      <c r="FN36" s="110">
        <v>0</v>
      </c>
      <c r="FO36" s="114">
        <v>659747</v>
      </c>
      <c r="FP36" s="114">
        <v>1180199</v>
      </c>
      <c r="FQ36" s="114">
        <v>1017701</v>
      </c>
      <c r="FR36" s="114">
        <v>580819</v>
      </c>
      <c r="FS36" s="114">
        <v>357250</v>
      </c>
      <c r="FT36" s="113">
        <v>3795716</v>
      </c>
      <c r="FU36" s="116">
        <v>4278014</v>
      </c>
      <c r="FV36" s="115">
        <v>114654</v>
      </c>
      <c r="FW36" s="114">
        <v>333714</v>
      </c>
      <c r="FX36" s="112">
        <v>448368</v>
      </c>
      <c r="FY36" s="111">
        <v>0</v>
      </c>
      <c r="FZ36" s="114">
        <v>497727</v>
      </c>
      <c r="GA36" s="114">
        <v>1162559</v>
      </c>
      <c r="GB36" s="114">
        <v>733481</v>
      </c>
      <c r="GC36" s="114">
        <v>566869</v>
      </c>
      <c r="GD36" s="114">
        <v>357250</v>
      </c>
      <c r="GE36" s="113">
        <v>3317886</v>
      </c>
      <c r="GF36" s="319">
        <v>3766254</v>
      </c>
      <c r="GG36" s="115">
        <v>0</v>
      </c>
      <c r="GH36" s="114">
        <v>23400</v>
      </c>
      <c r="GI36" s="112">
        <v>23400</v>
      </c>
      <c r="GJ36" s="111">
        <v>0</v>
      </c>
      <c r="GK36" s="114">
        <v>54020</v>
      </c>
      <c r="GL36" s="114">
        <v>17640</v>
      </c>
      <c r="GM36" s="114">
        <v>21420</v>
      </c>
      <c r="GN36" s="114">
        <v>13950</v>
      </c>
      <c r="GO36" s="114">
        <v>0</v>
      </c>
      <c r="GP36" s="113">
        <v>107030</v>
      </c>
      <c r="GQ36" s="116">
        <v>130430</v>
      </c>
      <c r="GR36" s="110">
        <v>0</v>
      </c>
      <c r="GS36" s="114">
        <v>10530</v>
      </c>
      <c r="GT36" s="113">
        <v>10530</v>
      </c>
      <c r="GU36" s="110">
        <v>0</v>
      </c>
      <c r="GV36" s="114">
        <v>108000</v>
      </c>
      <c r="GW36" s="114">
        <v>0</v>
      </c>
      <c r="GX36" s="114">
        <v>262800</v>
      </c>
      <c r="GY36" s="114">
        <v>0</v>
      </c>
      <c r="GZ36" s="114">
        <v>0</v>
      </c>
      <c r="HA36" s="112">
        <v>370800</v>
      </c>
      <c r="HB36" s="116">
        <v>381330</v>
      </c>
      <c r="HC36" s="110">
        <v>56428</v>
      </c>
      <c r="HD36" s="114">
        <v>189648</v>
      </c>
      <c r="HE36" s="112">
        <v>246076</v>
      </c>
      <c r="HF36" s="111">
        <v>0</v>
      </c>
      <c r="HG36" s="114">
        <v>1455840</v>
      </c>
      <c r="HH36" s="114">
        <v>1339326</v>
      </c>
      <c r="HI36" s="114">
        <v>1010274</v>
      </c>
      <c r="HJ36" s="114">
        <v>467883</v>
      </c>
      <c r="HK36" s="114">
        <v>778747</v>
      </c>
      <c r="HL36" s="113">
        <v>5052070</v>
      </c>
      <c r="HM36" s="109">
        <v>5298146</v>
      </c>
      <c r="HN36" s="115">
        <v>110367</v>
      </c>
      <c r="HO36" s="114">
        <v>229676</v>
      </c>
      <c r="HP36" s="113">
        <v>340043</v>
      </c>
      <c r="HQ36" s="110">
        <v>0</v>
      </c>
      <c r="HR36" s="114">
        <v>1241707</v>
      </c>
      <c r="HS36" s="114">
        <v>1315189</v>
      </c>
      <c r="HT36" s="114">
        <v>975217</v>
      </c>
      <c r="HU36" s="114">
        <v>498828</v>
      </c>
      <c r="HV36" s="114">
        <v>202894</v>
      </c>
      <c r="HW36" s="112">
        <v>4233835</v>
      </c>
      <c r="HX36" s="116">
        <v>4573878</v>
      </c>
      <c r="HY36" s="150">
        <v>0</v>
      </c>
      <c r="HZ36" s="135">
        <v>176414</v>
      </c>
      <c r="IA36" s="150">
        <v>176414</v>
      </c>
      <c r="IB36" s="134">
        <v>0</v>
      </c>
      <c r="IC36" s="135">
        <v>4004367</v>
      </c>
      <c r="ID36" s="136">
        <v>5131796</v>
      </c>
      <c r="IE36" s="137">
        <v>5944406</v>
      </c>
      <c r="IF36" s="135">
        <v>2744111</v>
      </c>
      <c r="IG36" s="137">
        <v>1258227</v>
      </c>
      <c r="IH36" s="138">
        <v>19082907</v>
      </c>
      <c r="II36" s="150">
        <v>19259321</v>
      </c>
      <c r="IJ36" s="232">
        <v>0</v>
      </c>
      <c r="IK36" s="236">
        <v>0</v>
      </c>
      <c r="IL36" s="237">
        <v>0</v>
      </c>
      <c r="IM36" s="140"/>
      <c r="IN36" s="119">
        <v>0</v>
      </c>
      <c r="IO36" s="119">
        <v>191219</v>
      </c>
      <c r="IP36" s="119">
        <v>0</v>
      </c>
      <c r="IQ36" s="119">
        <v>0</v>
      </c>
      <c r="IR36" s="119">
        <v>0</v>
      </c>
      <c r="IS36" s="141">
        <v>191219</v>
      </c>
      <c r="IT36" s="321">
        <v>191219</v>
      </c>
      <c r="IU36" s="142">
        <v>0</v>
      </c>
      <c r="IV36" s="119">
        <v>0</v>
      </c>
      <c r="IW36" s="120">
        <v>0</v>
      </c>
      <c r="IX36" s="144"/>
      <c r="IY36" s="119">
        <v>0</v>
      </c>
      <c r="IZ36" s="119">
        <v>0</v>
      </c>
      <c r="JA36" s="119">
        <v>0</v>
      </c>
      <c r="JB36" s="119">
        <v>0</v>
      </c>
      <c r="JC36" s="119">
        <v>0</v>
      </c>
      <c r="JD36" s="120">
        <v>0</v>
      </c>
      <c r="JE36" s="121">
        <v>0</v>
      </c>
      <c r="JF36" s="142">
        <v>0</v>
      </c>
      <c r="JG36" s="119">
        <v>0</v>
      </c>
      <c r="JH36" s="141">
        <v>0</v>
      </c>
      <c r="JI36" s="118">
        <v>0</v>
      </c>
      <c r="JJ36" s="119">
        <v>813289</v>
      </c>
      <c r="JK36" s="119">
        <v>716221</v>
      </c>
      <c r="JL36" s="119">
        <v>955909</v>
      </c>
      <c r="JM36" s="119">
        <v>35690</v>
      </c>
      <c r="JN36" s="119">
        <v>180297</v>
      </c>
      <c r="JO36" s="120">
        <v>2701406</v>
      </c>
      <c r="JP36" s="321">
        <v>2701406</v>
      </c>
      <c r="JQ36" s="142">
        <v>0</v>
      </c>
      <c r="JR36" s="119">
        <v>0</v>
      </c>
      <c r="JS36" s="141">
        <v>0</v>
      </c>
      <c r="JT36" s="118">
        <v>0</v>
      </c>
      <c r="JU36" s="119">
        <v>0</v>
      </c>
      <c r="JV36" s="119">
        <v>154305</v>
      </c>
      <c r="JW36" s="119">
        <v>135436</v>
      </c>
      <c r="JX36" s="119">
        <v>0</v>
      </c>
      <c r="JY36" s="119">
        <v>0</v>
      </c>
      <c r="JZ36" s="120">
        <v>289741</v>
      </c>
      <c r="KA36" s="321">
        <v>289741</v>
      </c>
      <c r="KB36" s="234">
        <v>0</v>
      </c>
      <c r="KC36" s="230">
        <v>176414</v>
      </c>
      <c r="KD36" s="120">
        <v>176414</v>
      </c>
      <c r="KE36" s="118">
        <v>0</v>
      </c>
      <c r="KF36" s="119">
        <v>858966</v>
      </c>
      <c r="KG36" s="119">
        <v>1509006</v>
      </c>
      <c r="KH36" s="119">
        <v>1413227</v>
      </c>
      <c r="KI36" s="119">
        <v>288044</v>
      </c>
      <c r="KJ36" s="119">
        <v>313837</v>
      </c>
      <c r="KK36" s="120">
        <v>4383080</v>
      </c>
      <c r="KL36" s="143">
        <v>4559494</v>
      </c>
      <c r="KM36" s="232">
        <v>0</v>
      </c>
      <c r="KN36" s="236">
        <v>0</v>
      </c>
      <c r="KO36" s="237">
        <v>0</v>
      </c>
      <c r="KP36" s="140"/>
      <c r="KQ36" s="119">
        <v>2332112</v>
      </c>
      <c r="KR36" s="119">
        <v>2561045</v>
      </c>
      <c r="KS36" s="119">
        <v>3439834</v>
      </c>
      <c r="KT36" s="119">
        <v>2420377</v>
      </c>
      <c r="KU36" s="119">
        <v>764093</v>
      </c>
      <c r="KV36" s="120">
        <v>11517461</v>
      </c>
      <c r="KW36" s="321">
        <v>11517461</v>
      </c>
      <c r="KX36" s="142">
        <v>0</v>
      </c>
      <c r="KY36" s="119">
        <v>0</v>
      </c>
      <c r="KZ36" s="120">
        <v>0</v>
      </c>
      <c r="LA36" s="145"/>
      <c r="LB36" s="119">
        <v>0</v>
      </c>
      <c r="LC36" s="119">
        <v>0</v>
      </c>
      <c r="LD36" s="119">
        <v>0</v>
      </c>
      <c r="LE36" s="119">
        <v>0</v>
      </c>
      <c r="LF36" s="119">
        <v>0</v>
      </c>
      <c r="LG36" s="120">
        <v>0</v>
      </c>
      <c r="LH36" s="121">
        <v>0</v>
      </c>
      <c r="LI36" s="142">
        <v>0</v>
      </c>
      <c r="LJ36" s="119">
        <v>0</v>
      </c>
      <c r="LK36" s="120">
        <v>0</v>
      </c>
      <c r="LL36" s="145"/>
      <c r="LM36" s="119">
        <v>0</v>
      </c>
      <c r="LN36" s="119">
        <v>0</v>
      </c>
      <c r="LO36" s="119">
        <v>0</v>
      </c>
      <c r="LP36" s="119">
        <v>0</v>
      </c>
      <c r="LQ36" s="119">
        <v>0</v>
      </c>
      <c r="LR36" s="120">
        <v>0</v>
      </c>
      <c r="LS36" s="321">
        <v>0</v>
      </c>
      <c r="LT36" s="142">
        <v>0</v>
      </c>
      <c r="LU36" s="119">
        <v>0</v>
      </c>
      <c r="LV36" s="120">
        <v>0</v>
      </c>
      <c r="LW36" s="145"/>
      <c r="LX36" s="119">
        <v>0</v>
      </c>
      <c r="LY36" s="119">
        <v>0</v>
      </c>
      <c r="LZ36" s="119">
        <v>0</v>
      </c>
      <c r="MA36" s="119">
        <v>0</v>
      </c>
      <c r="MB36" s="119">
        <v>0</v>
      </c>
      <c r="MC36" s="120">
        <v>0</v>
      </c>
      <c r="MD36" s="121">
        <v>0</v>
      </c>
      <c r="ME36" s="142">
        <v>0</v>
      </c>
      <c r="MF36" s="119">
        <v>0</v>
      </c>
      <c r="MG36" s="120">
        <v>0</v>
      </c>
      <c r="MH36" s="145"/>
      <c r="MI36" s="119">
        <v>962526</v>
      </c>
      <c r="MJ36" s="119">
        <v>4074905</v>
      </c>
      <c r="MK36" s="119">
        <v>9044503</v>
      </c>
      <c r="ML36" s="119">
        <v>8336517</v>
      </c>
      <c r="MM36" s="119">
        <v>8150754</v>
      </c>
      <c r="MN36" s="120">
        <v>30569205</v>
      </c>
      <c r="MO36" s="143">
        <v>30569205</v>
      </c>
      <c r="MP36" s="142">
        <v>0</v>
      </c>
      <c r="MQ36" s="119">
        <v>0</v>
      </c>
      <c r="MR36" s="120">
        <v>0</v>
      </c>
      <c r="MS36" s="145"/>
      <c r="MT36" s="119">
        <v>0</v>
      </c>
      <c r="MU36" s="119">
        <v>471673</v>
      </c>
      <c r="MV36" s="119">
        <v>6401212</v>
      </c>
      <c r="MW36" s="119">
        <v>5916470</v>
      </c>
      <c r="MX36" s="119">
        <v>6314642</v>
      </c>
      <c r="MY36" s="120">
        <v>19103997</v>
      </c>
      <c r="MZ36" s="143">
        <v>19103997</v>
      </c>
      <c r="NA36" s="142">
        <v>0</v>
      </c>
      <c r="NB36" s="119">
        <v>0</v>
      </c>
      <c r="NC36" s="120">
        <v>0</v>
      </c>
      <c r="ND36" s="145"/>
      <c r="NE36" s="119">
        <v>962526</v>
      </c>
      <c r="NF36" s="119">
        <v>3603232</v>
      </c>
      <c r="NG36" s="119">
        <v>2643291</v>
      </c>
      <c r="NH36" s="119">
        <v>2071391</v>
      </c>
      <c r="NI36" s="119">
        <v>1494656</v>
      </c>
      <c r="NJ36" s="120">
        <v>10775096</v>
      </c>
      <c r="NK36" s="321">
        <v>10775096</v>
      </c>
      <c r="NL36" s="142">
        <v>0</v>
      </c>
      <c r="NM36" s="119">
        <v>0</v>
      </c>
      <c r="NN36" s="120">
        <v>0</v>
      </c>
      <c r="NO36" s="145"/>
      <c r="NP36" s="119">
        <v>0</v>
      </c>
      <c r="NQ36" s="119">
        <v>0</v>
      </c>
      <c r="NR36" s="119">
        <v>0</v>
      </c>
      <c r="NS36" s="119">
        <v>348656</v>
      </c>
      <c r="NT36" s="119">
        <v>0</v>
      </c>
      <c r="NU36" s="120">
        <v>348656</v>
      </c>
      <c r="NV36" s="121">
        <v>348656</v>
      </c>
      <c r="NW36" s="142">
        <v>0</v>
      </c>
      <c r="NX36" s="119">
        <v>0</v>
      </c>
      <c r="NY36" s="120">
        <v>0</v>
      </c>
      <c r="NZ36" s="145"/>
      <c r="OA36" s="119">
        <v>0</v>
      </c>
      <c r="OB36" s="119">
        <v>0</v>
      </c>
      <c r="OC36" s="119">
        <v>0</v>
      </c>
      <c r="OD36" s="119">
        <v>0</v>
      </c>
      <c r="OE36" s="119">
        <v>341456</v>
      </c>
      <c r="OF36" s="120">
        <v>341456</v>
      </c>
      <c r="OG36" s="121">
        <v>341456</v>
      </c>
      <c r="OH36" s="142">
        <v>368894</v>
      </c>
      <c r="OI36" s="119">
        <v>1140691</v>
      </c>
      <c r="OJ36" s="141">
        <v>1509585</v>
      </c>
      <c r="OK36" s="118">
        <v>0</v>
      </c>
      <c r="OL36" s="119">
        <v>11827531</v>
      </c>
      <c r="OM36" s="119">
        <v>19610536</v>
      </c>
      <c r="ON36" s="119">
        <v>23951580</v>
      </c>
      <c r="OO36" s="119">
        <v>16947112</v>
      </c>
      <c r="OP36" s="119">
        <v>13121409</v>
      </c>
      <c r="OQ36" s="120">
        <v>85458168</v>
      </c>
      <c r="OR36" s="143">
        <v>86967753</v>
      </c>
    </row>
    <row r="37" spans="1:408" ht="18.75" customHeight="1" x14ac:dyDescent="0.2">
      <c r="A37" s="62" t="s">
        <v>32</v>
      </c>
      <c r="B37" s="110">
        <v>671729</v>
      </c>
      <c r="C37" s="114">
        <v>1019236</v>
      </c>
      <c r="D37" s="174">
        <v>1690965</v>
      </c>
      <c r="E37" s="175">
        <v>0</v>
      </c>
      <c r="F37" s="176">
        <v>9230861</v>
      </c>
      <c r="G37" s="176">
        <v>9827086</v>
      </c>
      <c r="H37" s="176">
        <v>9000402</v>
      </c>
      <c r="I37" s="176">
        <v>7664313</v>
      </c>
      <c r="J37" s="176">
        <v>6194549</v>
      </c>
      <c r="K37" s="177">
        <v>41917211</v>
      </c>
      <c r="L37" s="116">
        <v>43608176</v>
      </c>
      <c r="M37" s="110">
        <v>159645</v>
      </c>
      <c r="N37" s="114">
        <v>206882</v>
      </c>
      <c r="O37" s="113">
        <v>366527</v>
      </c>
      <c r="P37" s="110">
        <v>0</v>
      </c>
      <c r="Q37" s="114">
        <v>2381330</v>
      </c>
      <c r="R37" s="114">
        <v>1609506</v>
      </c>
      <c r="S37" s="114">
        <v>2397800</v>
      </c>
      <c r="T37" s="114">
        <v>2040232</v>
      </c>
      <c r="U37" s="114">
        <v>3306353</v>
      </c>
      <c r="V37" s="113">
        <v>11735221</v>
      </c>
      <c r="W37" s="116">
        <v>12101748</v>
      </c>
      <c r="X37" s="110">
        <v>0</v>
      </c>
      <c r="Y37" s="114">
        <v>0</v>
      </c>
      <c r="Z37" s="113">
        <v>0</v>
      </c>
      <c r="AA37" s="110">
        <v>0</v>
      </c>
      <c r="AB37" s="114">
        <v>1106311</v>
      </c>
      <c r="AC37" s="114">
        <v>483529</v>
      </c>
      <c r="AD37" s="114">
        <v>1401483</v>
      </c>
      <c r="AE37" s="114">
        <v>963139</v>
      </c>
      <c r="AF37" s="114">
        <v>1725285</v>
      </c>
      <c r="AG37" s="113">
        <v>5679747</v>
      </c>
      <c r="AH37" s="116">
        <v>5679747</v>
      </c>
      <c r="AI37" s="110">
        <v>0</v>
      </c>
      <c r="AJ37" s="114">
        <v>0</v>
      </c>
      <c r="AK37" s="113">
        <v>0</v>
      </c>
      <c r="AL37" s="110">
        <v>0</v>
      </c>
      <c r="AM37" s="114">
        <v>0</v>
      </c>
      <c r="AN37" s="114">
        <v>48672</v>
      </c>
      <c r="AO37" s="114">
        <v>51346</v>
      </c>
      <c r="AP37" s="114">
        <v>48672</v>
      </c>
      <c r="AQ37" s="114">
        <v>624107</v>
      </c>
      <c r="AR37" s="113">
        <v>772797</v>
      </c>
      <c r="AS37" s="116">
        <v>772797</v>
      </c>
      <c r="AT37" s="110">
        <v>142552</v>
      </c>
      <c r="AU37" s="114">
        <v>206882</v>
      </c>
      <c r="AV37" s="113">
        <v>349434</v>
      </c>
      <c r="AW37" s="110">
        <v>0</v>
      </c>
      <c r="AX37" s="114">
        <v>986476</v>
      </c>
      <c r="AY37" s="114">
        <v>886528</v>
      </c>
      <c r="AZ37" s="114">
        <v>673883</v>
      </c>
      <c r="BA37" s="114">
        <v>653048</v>
      </c>
      <c r="BB37" s="114">
        <v>694383</v>
      </c>
      <c r="BC37" s="113">
        <v>3894318</v>
      </c>
      <c r="BD37" s="116">
        <v>4243752</v>
      </c>
      <c r="BE37" s="110">
        <v>5222</v>
      </c>
      <c r="BF37" s="114">
        <v>0</v>
      </c>
      <c r="BG37" s="112">
        <v>5222</v>
      </c>
      <c r="BH37" s="111">
        <v>0</v>
      </c>
      <c r="BI37" s="114">
        <v>184725</v>
      </c>
      <c r="BJ37" s="114">
        <v>0</v>
      </c>
      <c r="BK37" s="114">
        <v>47800</v>
      </c>
      <c r="BL37" s="114">
        <v>17208</v>
      </c>
      <c r="BM37" s="114">
        <v>93510</v>
      </c>
      <c r="BN37" s="113">
        <v>343243</v>
      </c>
      <c r="BO37" s="116">
        <v>348465</v>
      </c>
      <c r="BP37" s="110">
        <v>11871</v>
      </c>
      <c r="BQ37" s="114">
        <v>0</v>
      </c>
      <c r="BR37" s="113">
        <v>11871</v>
      </c>
      <c r="BS37" s="110">
        <v>0</v>
      </c>
      <c r="BT37" s="114">
        <v>103818</v>
      </c>
      <c r="BU37" s="114">
        <v>190777</v>
      </c>
      <c r="BV37" s="114">
        <v>223288</v>
      </c>
      <c r="BW37" s="114">
        <v>358165</v>
      </c>
      <c r="BX37" s="114">
        <v>169068</v>
      </c>
      <c r="BY37" s="113">
        <v>1045116</v>
      </c>
      <c r="BZ37" s="116">
        <v>1056987</v>
      </c>
      <c r="CA37" s="110">
        <v>0</v>
      </c>
      <c r="CB37" s="114">
        <v>0</v>
      </c>
      <c r="CC37" s="113">
        <v>0</v>
      </c>
      <c r="CD37" s="110">
        <v>0</v>
      </c>
      <c r="CE37" s="114">
        <v>3529442</v>
      </c>
      <c r="CF37" s="114">
        <v>4274236</v>
      </c>
      <c r="CG37" s="114">
        <v>2946404</v>
      </c>
      <c r="CH37" s="114">
        <v>2412844</v>
      </c>
      <c r="CI37" s="114">
        <v>771070</v>
      </c>
      <c r="CJ37" s="113">
        <v>13933996</v>
      </c>
      <c r="CK37" s="116">
        <v>13933996</v>
      </c>
      <c r="CL37" s="110">
        <v>0</v>
      </c>
      <c r="CM37" s="114">
        <v>0</v>
      </c>
      <c r="CN37" s="113">
        <v>0</v>
      </c>
      <c r="CO37" s="111">
        <v>0</v>
      </c>
      <c r="CP37" s="114">
        <v>3033617</v>
      </c>
      <c r="CQ37" s="114">
        <v>3560151</v>
      </c>
      <c r="CR37" s="114">
        <v>2593281</v>
      </c>
      <c r="CS37" s="114">
        <v>2038452</v>
      </c>
      <c r="CT37" s="114">
        <v>385125</v>
      </c>
      <c r="CU37" s="113">
        <v>11610626</v>
      </c>
      <c r="CV37" s="116">
        <v>11610626</v>
      </c>
      <c r="CW37" s="110">
        <v>0</v>
      </c>
      <c r="CX37" s="114">
        <v>0</v>
      </c>
      <c r="CY37" s="113">
        <v>0</v>
      </c>
      <c r="CZ37" s="110">
        <v>0</v>
      </c>
      <c r="DA37" s="114">
        <v>495825</v>
      </c>
      <c r="DB37" s="114">
        <v>714085</v>
      </c>
      <c r="DC37" s="114">
        <v>353123</v>
      </c>
      <c r="DD37" s="114">
        <v>374392</v>
      </c>
      <c r="DE37" s="114">
        <v>385945</v>
      </c>
      <c r="DF37" s="113">
        <v>2323370</v>
      </c>
      <c r="DG37" s="116">
        <v>2323370</v>
      </c>
      <c r="DH37" s="110">
        <v>0</v>
      </c>
      <c r="DI37" s="114">
        <v>0</v>
      </c>
      <c r="DJ37" s="112">
        <v>0</v>
      </c>
      <c r="DK37" s="111">
        <v>0</v>
      </c>
      <c r="DL37" s="114">
        <v>110768</v>
      </c>
      <c r="DM37" s="114">
        <v>605644</v>
      </c>
      <c r="DN37" s="114">
        <v>841332</v>
      </c>
      <c r="DO37" s="114">
        <v>269666</v>
      </c>
      <c r="DP37" s="114">
        <v>171918</v>
      </c>
      <c r="DQ37" s="113">
        <v>1999328</v>
      </c>
      <c r="DR37" s="116">
        <v>1999328</v>
      </c>
      <c r="DS37" s="110">
        <v>0</v>
      </c>
      <c r="DT37" s="114">
        <v>0</v>
      </c>
      <c r="DU37" s="113">
        <v>0</v>
      </c>
      <c r="DV37" s="110">
        <v>0</v>
      </c>
      <c r="DW37" s="114">
        <v>110768</v>
      </c>
      <c r="DX37" s="114">
        <v>605644</v>
      </c>
      <c r="DY37" s="114">
        <v>841332</v>
      </c>
      <c r="DZ37" s="114">
        <v>105108</v>
      </c>
      <c r="EA37" s="114">
        <v>21762</v>
      </c>
      <c r="EB37" s="113">
        <v>1684614</v>
      </c>
      <c r="EC37" s="116">
        <v>1684614</v>
      </c>
      <c r="ED37" s="110">
        <v>0</v>
      </c>
      <c r="EE37" s="112">
        <v>0</v>
      </c>
      <c r="EF37" s="113">
        <v>0</v>
      </c>
      <c r="EG37" s="110">
        <v>0</v>
      </c>
      <c r="EH37" s="114">
        <v>0</v>
      </c>
      <c r="EI37" s="114">
        <v>0</v>
      </c>
      <c r="EJ37" s="114">
        <v>0</v>
      </c>
      <c r="EK37" s="114">
        <v>164558</v>
      </c>
      <c r="EL37" s="114">
        <v>150156</v>
      </c>
      <c r="EM37" s="112">
        <v>314714</v>
      </c>
      <c r="EN37" s="116">
        <v>314714</v>
      </c>
      <c r="EO37" s="110">
        <v>0</v>
      </c>
      <c r="EP37" s="114">
        <v>0</v>
      </c>
      <c r="EQ37" s="112">
        <v>0</v>
      </c>
      <c r="ER37" s="111">
        <v>0</v>
      </c>
      <c r="ES37" s="114">
        <v>0</v>
      </c>
      <c r="ET37" s="114">
        <v>0</v>
      </c>
      <c r="EU37" s="114">
        <v>0</v>
      </c>
      <c r="EV37" s="114">
        <v>0</v>
      </c>
      <c r="EW37" s="114">
        <v>0</v>
      </c>
      <c r="EX37" s="113">
        <v>0</v>
      </c>
      <c r="EY37" s="116">
        <v>0</v>
      </c>
      <c r="EZ37" s="110">
        <v>0</v>
      </c>
      <c r="FA37" s="114">
        <v>0</v>
      </c>
      <c r="FB37" s="112">
        <v>0</v>
      </c>
      <c r="FC37" s="348"/>
      <c r="FD37" s="114">
        <v>0</v>
      </c>
      <c r="FE37" s="114">
        <v>0</v>
      </c>
      <c r="FF37" s="114">
        <v>0</v>
      </c>
      <c r="FG37" s="114">
        <v>0</v>
      </c>
      <c r="FH37" s="114">
        <v>0</v>
      </c>
      <c r="FI37" s="113">
        <v>0</v>
      </c>
      <c r="FJ37" s="116">
        <v>0</v>
      </c>
      <c r="FK37" s="110">
        <v>203193</v>
      </c>
      <c r="FL37" s="114">
        <v>341540</v>
      </c>
      <c r="FM37" s="113">
        <v>544733</v>
      </c>
      <c r="FN37" s="110">
        <v>0</v>
      </c>
      <c r="FO37" s="114">
        <v>565802</v>
      </c>
      <c r="FP37" s="114">
        <v>1006182</v>
      </c>
      <c r="FQ37" s="114">
        <v>832381</v>
      </c>
      <c r="FR37" s="114">
        <v>633958</v>
      </c>
      <c r="FS37" s="114">
        <v>595432</v>
      </c>
      <c r="FT37" s="113">
        <v>3633755</v>
      </c>
      <c r="FU37" s="116">
        <v>4178488</v>
      </c>
      <c r="FV37" s="115">
        <v>146565</v>
      </c>
      <c r="FW37" s="114">
        <v>263240</v>
      </c>
      <c r="FX37" s="112">
        <v>409805</v>
      </c>
      <c r="FY37" s="111">
        <v>0</v>
      </c>
      <c r="FZ37" s="114">
        <v>541502</v>
      </c>
      <c r="GA37" s="114">
        <v>1006182</v>
      </c>
      <c r="GB37" s="114">
        <v>738133</v>
      </c>
      <c r="GC37" s="114">
        <v>613762</v>
      </c>
      <c r="GD37" s="114">
        <v>570880</v>
      </c>
      <c r="GE37" s="113">
        <v>3470459</v>
      </c>
      <c r="GF37" s="319">
        <v>3880264</v>
      </c>
      <c r="GG37" s="115">
        <v>24948</v>
      </c>
      <c r="GH37" s="114">
        <v>0</v>
      </c>
      <c r="GI37" s="112">
        <v>24948</v>
      </c>
      <c r="GJ37" s="111">
        <v>0</v>
      </c>
      <c r="GK37" s="114">
        <v>24300</v>
      </c>
      <c r="GL37" s="114">
        <v>0</v>
      </c>
      <c r="GM37" s="114">
        <v>94248</v>
      </c>
      <c r="GN37" s="114">
        <v>20196</v>
      </c>
      <c r="GO37" s="114">
        <v>24552</v>
      </c>
      <c r="GP37" s="113">
        <v>163296</v>
      </c>
      <c r="GQ37" s="116">
        <v>188244</v>
      </c>
      <c r="GR37" s="110">
        <v>31680</v>
      </c>
      <c r="GS37" s="114">
        <v>78300</v>
      </c>
      <c r="GT37" s="113">
        <v>109980</v>
      </c>
      <c r="GU37" s="110">
        <v>0</v>
      </c>
      <c r="GV37" s="114">
        <v>0</v>
      </c>
      <c r="GW37" s="114">
        <v>0</v>
      </c>
      <c r="GX37" s="114">
        <v>0</v>
      </c>
      <c r="GY37" s="114">
        <v>0</v>
      </c>
      <c r="GZ37" s="114">
        <v>0</v>
      </c>
      <c r="HA37" s="112">
        <v>0</v>
      </c>
      <c r="HB37" s="116">
        <v>109980</v>
      </c>
      <c r="HC37" s="110">
        <v>176945</v>
      </c>
      <c r="HD37" s="114">
        <v>271911</v>
      </c>
      <c r="HE37" s="112">
        <v>448856</v>
      </c>
      <c r="HF37" s="111">
        <v>0</v>
      </c>
      <c r="HG37" s="114">
        <v>821044</v>
      </c>
      <c r="HH37" s="114">
        <v>829918</v>
      </c>
      <c r="HI37" s="114">
        <v>1123866</v>
      </c>
      <c r="HJ37" s="114">
        <v>1717690</v>
      </c>
      <c r="HK37" s="114">
        <v>943907</v>
      </c>
      <c r="HL37" s="113">
        <v>5436425</v>
      </c>
      <c r="HM37" s="109">
        <v>5885281</v>
      </c>
      <c r="HN37" s="115">
        <v>131946</v>
      </c>
      <c r="HO37" s="114">
        <v>198903</v>
      </c>
      <c r="HP37" s="113">
        <v>330849</v>
      </c>
      <c r="HQ37" s="110">
        <v>0</v>
      </c>
      <c r="HR37" s="114">
        <v>1822475</v>
      </c>
      <c r="HS37" s="114">
        <v>1501600</v>
      </c>
      <c r="HT37" s="114">
        <v>858619</v>
      </c>
      <c r="HU37" s="114">
        <v>589923</v>
      </c>
      <c r="HV37" s="114">
        <v>405869</v>
      </c>
      <c r="HW37" s="112">
        <v>5178486</v>
      </c>
      <c r="HX37" s="116">
        <v>5509335</v>
      </c>
      <c r="HY37" s="131">
        <v>0</v>
      </c>
      <c r="HZ37" s="132">
        <v>0</v>
      </c>
      <c r="IA37" s="133">
        <v>0</v>
      </c>
      <c r="IB37" s="146">
        <v>0</v>
      </c>
      <c r="IC37" s="132">
        <v>3017905</v>
      </c>
      <c r="ID37" s="147">
        <v>3727456</v>
      </c>
      <c r="IE37" s="133">
        <v>6366817</v>
      </c>
      <c r="IF37" s="132">
        <v>6276715</v>
      </c>
      <c r="IG37" s="133">
        <v>2155288</v>
      </c>
      <c r="IH37" s="148">
        <v>21544181</v>
      </c>
      <c r="II37" s="139">
        <v>21544181</v>
      </c>
      <c r="IJ37" s="232">
        <v>0</v>
      </c>
      <c r="IK37" s="236">
        <v>0</v>
      </c>
      <c r="IL37" s="237">
        <v>0</v>
      </c>
      <c r="IM37" s="140"/>
      <c r="IN37" s="119">
        <v>131463</v>
      </c>
      <c r="IO37" s="119">
        <v>198828</v>
      </c>
      <c r="IP37" s="119">
        <v>0</v>
      </c>
      <c r="IQ37" s="119">
        <v>714195</v>
      </c>
      <c r="IR37" s="119">
        <v>0</v>
      </c>
      <c r="IS37" s="141">
        <v>1044486</v>
      </c>
      <c r="IT37" s="321">
        <v>1044486</v>
      </c>
      <c r="IU37" s="142">
        <v>0</v>
      </c>
      <c r="IV37" s="119">
        <v>0</v>
      </c>
      <c r="IW37" s="120">
        <v>0</v>
      </c>
      <c r="IX37" s="144"/>
      <c r="IY37" s="119">
        <v>0</v>
      </c>
      <c r="IZ37" s="119">
        <v>0</v>
      </c>
      <c r="JA37" s="119">
        <v>0</v>
      </c>
      <c r="JB37" s="119">
        <v>0</v>
      </c>
      <c r="JC37" s="119">
        <v>0</v>
      </c>
      <c r="JD37" s="120">
        <v>0</v>
      </c>
      <c r="JE37" s="121">
        <v>0</v>
      </c>
      <c r="JF37" s="142">
        <v>0</v>
      </c>
      <c r="JG37" s="119">
        <v>0</v>
      </c>
      <c r="JH37" s="141">
        <v>0</v>
      </c>
      <c r="JI37" s="118">
        <v>0</v>
      </c>
      <c r="JJ37" s="119">
        <v>2073659</v>
      </c>
      <c r="JK37" s="119">
        <v>1862975</v>
      </c>
      <c r="JL37" s="119">
        <v>729413</v>
      </c>
      <c r="JM37" s="119">
        <v>339831</v>
      </c>
      <c r="JN37" s="119">
        <v>172777</v>
      </c>
      <c r="JO37" s="120">
        <v>5178655</v>
      </c>
      <c r="JP37" s="321">
        <v>5178655</v>
      </c>
      <c r="JQ37" s="142">
        <v>0</v>
      </c>
      <c r="JR37" s="119">
        <v>0</v>
      </c>
      <c r="JS37" s="141">
        <v>0</v>
      </c>
      <c r="JT37" s="118">
        <v>0</v>
      </c>
      <c r="JU37" s="119">
        <v>59409</v>
      </c>
      <c r="JV37" s="119">
        <v>0</v>
      </c>
      <c r="JW37" s="119">
        <v>366786</v>
      </c>
      <c r="JX37" s="119">
        <v>128392</v>
      </c>
      <c r="JY37" s="119">
        <v>174593</v>
      </c>
      <c r="JZ37" s="120">
        <v>729180</v>
      </c>
      <c r="KA37" s="321">
        <v>729180</v>
      </c>
      <c r="KB37" s="234">
        <v>0</v>
      </c>
      <c r="KC37" s="230">
        <v>0</v>
      </c>
      <c r="KD37" s="120">
        <v>0</v>
      </c>
      <c r="KE37" s="118">
        <v>0</v>
      </c>
      <c r="KF37" s="119">
        <v>94518</v>
      </c>
      <c r="KG37" s="119">
        <v>0</v>
      </c>
      <c r="KH37" s="119">
        <v>0</v>
      </c>
      <c r="KI37" s="119">
        <v>570474</v>
      </c>
      <c r="KJ37" s="119">
        <v>0</v>
      </c>
      <c r="KK37" s="120">
        <v>664992</v>
      </c>
      <c r="KL37" s="143">
        <v>664992</v>
      </c>
      <c r="KM37" s="232">
        <v>0</v>
      </c>
      <c r="KN37" s="236">
        <v>0</v>
      </c>
      <c r="KO37" s="237">
        <v>0</v>
      </c>
      <c r="KP37" s="140"/>
      <c r="KQ37" s="119">
        <v>483266</v>
      </c>
      <c r="KR37" s="119">
        <v>1513060</v>
      </c>
      <c r="KS37" s="119">
        <v>2696095</v>
      </c>
      <c r="KT37" s="119">
        <v>2140803</v>
      </c>
      <c r="KU37" s="119">
        <v>1290706</v>
      </c>
      <c r="KV37" s="120">
        <v>8123930</v>
      </c>
      <c r="KW37" s="321">
        <v>8123930</v>
      </c>
      <c r="KX37" s="142">
        <v>0</v>
      </c>
      <c r="KY37" s="119">
        <v>0</v>
      </c>
      <c r="KZ37" s="120">
        <v>0</v>
      </c>
      <c r="LA37" s="145"/>
      <c r="LB37" s="119">
        <v>0</v>
      </c>
      <c r="LC37" s="119">
        <v>0</v>
      </c>
      <c r="LD37" s="119">
        <v>0</v>
      </c>
      <c r="LE37" s="119">
        <v>0</v>
      </c>
      <c r="LF37" s="119">
        <v>0</v>
      </c>
      <c r="LG37" s="120">
        <v>0</v>
      </c>
      <c r="LH37" s="121">
        <v>0</v>
      </c>
      <c r="LI37" s="142">
        <v>0</v>
      </c>
      <c r="LJ37" s="119">
        <v>0</v>
      </c>
      <c r="LK37" s="120">
        <v>0</v>
      </c>
      <c r="LL37" s="145"/>
      <c r="LM37" s="119">
        <v>175590</v>
      </c>
      <c r="LN37" s="119">
        <v>152593</v>
      </c>
      <c r="LO37" s="119">
        <v>2574523</v>
      </c>
      <c r="LP37" s="119">
        <v>2383020</v>
      </c>
      <c r="LQ37" s="119">
        <v>517212</v>
      </c>
      <c r="LR37" s="120">
        <v>5802938</v>
      </c>
      <c r="LS37" s="321">
        <v>5802938</v>
      </c>
      <c r="LT37" s="142">
        <v>0</v>
      </c>
      <c r="LU37" s="119">
        <v>0</v>
      </c>
      <c r="LV37" s="120">
        <v>0</v>
      </c>
      <c r="LW37" s="145"/>
      <c r="LX37" s="119">
        <v>0</v>
      </c>
      <c r="LY37" s="119">
        <v>0</v>
      </c>
      <c r="LZ37" s="119">
        <v>0</v>
      </c>
      <c r="MA37" s="119">
        <v>0</v>
      </c>
      <c r="MB37" s="119">
        <v>0</v>
      </c>
      <c r="MC37" s="120">
        <v>0</v>
      </c>
      <c r="MD37" s="121">
        <v>0</v>
      </c>
      <c r="ME37" s="142">
        <v>0</v>
      </c>
      <c r="MF37" s="119">
        <v>0</v>
      </c>
      <c r="MG37" s="120">
        <v>0</v>
      </c>
      <c r="MH37" s="145"/>
      <c r="MI37" s="119">
        <v>921005</v>
      </c>
      <c r="MJ37" s="119">
        <v>2903115</v>
      </c>
      <c r="MK37" s="119">
        <v>5915876</v>
      </c>
      <c r="ML37" s="119">
        <v>9729621</v>
      </c>
      <c r="MM37" s="119">
        <v>4768644</v>
      </c>
      <c r="MN37" s="120">
        <v>24238261</v>
      </c>
      <c r="MO37" s="143">
        <v>24238261</v>
      </c>
      <c r="MP37" s="142">
        <v>0</v>
      </c>
      <c r="MQ37" s="119">
        <v>0</v>
      </c>
      <c r="MR37" s="120">
        <v>0</v>
      </c>
      <c r="MS37" s="145"/>
      <c r="MT37" s="119">
        <v>219078</v>
      </c>
      <c r="MU37" s="119">
        <v>190742</v>
      </c>
      <c r="MV37" s="119">
        <v>2773382</v>
      </c>
      <c r="MW37" s="119">
        <v>5729078</v>
      </c>
      <c r="MX37" s="119">
        <v>2064830</v>
      </c>
      <c r="MY37" s="120">
        <v>10977110</v>
      </c>
      <c r="MZ37" s="143">
        <v>10977110</v>
      </c>
      <c r="NA37" s="142">
        <v>0</v>
      </c>
      <c r="NB37" s="119">
        <v>0</v>
      </c>
      <c r="NC37" s="120">
        <v>0</v>
      </c>
      <c r="ND37" s="145"/>
      <c r="NE37" s="119">
        <v>701927</v>
      </c>
      <c r="NF37" s="119">
        <v>2712373</v>
      </c>
      <c r="NG37" s="119">
        <v>3142494</v>
      </c>
      <c r="NH37" s="119">
        <v>3971767</v>
      </c>
      <c r="NI37" s="119">
        <v>2703814</v>
      </c>
      <c r="NJ37" s="120">
        <v>13232375</v>
      </c>
      <c r="NK37" s="321">
        <v>13232375</v>
      </c>
      <c r="NL37" s="142">
        <v>0</v>
      </c>
      <c r="NM37" s="119">
        <v>0</v>
      </c>
      <c r="NN37" s="120">
        <v>0</v>
      </c>
      <c r="NO37" s="145"/>
      <c r="NP37" s="119">
        <v>0</v>
      </c>
      <c r="NQ37" s="119">
        <v>0</v>
      </c>
      <c r="NR37" s="119">
        <v>0</v>
      </c>
      <c r="NS37" s="119">
        <v>0</v>
      </c>
      <c r="NT37" s="119">
        <v>0</v>
      </c>
      <c r="NU37" s="120">
        <v>0</v>
      </c>
      <c r="NV37" s="121">
        <v>0</v>
      </c>
      <c r="NW37" s="142">
        <v>0</v>
      </c>
      <c r="NX37" s="119">
        <v>0</v>
      </c>
      <c r="NY37" s="120">
        <v>0</v>
      </c>
      <c r="NZ37" s="145"/>
      <c r="OA37" s="119">
        <v>0</v>
      </c>
      <c r="OB37" s="119">
        <v>0</v>
      </c>
      <c r="OC37" s="119">
        <v>0</v>
      </c>
      <c r="OD37" s="119">
        <v>28776</v>
      </c>
      <c r="OE37" s="119">
        <v>0</v>
      </c>
      <c r="OF37" s="120">
        <v>28776</v>
      </c>
      <c r="OG37" s="121">
        <v>28776</v>
      </c>
      <c r="OH37" s="142">
        <v>671729</v>
      </c>
      <c r="OI37" s="119">
        <v>1019236</v>
      </c>
      <c r="OJ37" s="141">
        <v>1690965</v>
      </c>
      <c r="OK37" s="118">
        <v>0</v>
      </c>
      <c r="OL37" s="119">
        <v>13169771</v>
      </c>
      <c r="OM37" s="119">
        <v>16457657</v>
      </c>
      <c r="ON37" s="119">
        <v>21283095</v>
      </c>
      <c r="OO37" s="119">
        <v>23670649</v>
      </c>
      <c r="OP37" s="119">
        <v>13118481</v>
      </c>
      <c r="OQ37" s="120">
        <v>87699653</v>
      </c>
      <c r="OR37" s="143">
        <v>89390618</v>
      </c>
    </row>
    <row r="38" spans="1:408" ht="18.75" customHeight="1" x14ac:dyDescent="0.2">
      <c r="A38" s="62" t="s">
        <v>33</v>
      </c>
      <c r="B38" s="110">
        <v>1219182</v>
      </c>
      <c r="C38" s="114">
        <v>2230348</v>
      </c>
      <c r="D38" s="113">
        <v>3449530</v>
      </c>
      <c r="E38" s="109">
        <v>0</v>
      </c>
      <c r="F38" s="114">
        <v>8739075</v>
      </c>
      <c r="G38" s="114">
        <v>8539874</v>
      </c>
      <c r="H38" s="114">
        <v>4770723</v>
      </c>
      <c r="I38" s="114">
        <v>7379913</v>
      </c>
      <c r="J38" s="114">
        <v>4265579</v>
      </c>
      <c r="K38" s="173">
        <v>33695164</v>
      </c>
      <c r="L38" s="116">
        <v>37144694</v>
      </c>
      <c r="M38" s="110">
        <v>556437</v>
      </c>
      <c r="N38" s="114">
        <v>1061195</v>
      </c>
      <c r="O38" s="113">
        <v>1617632</v>
      </c>
      <c r="P38" s="110">
        <v>0</v>
      </c>
      <c r="Q38" s="114">
        <v>2768120</v>
      </c>
      <c r="R38" s="114">
        <v>2323632</v>
      </c>
      <c r="S38" s="114">
        <v>1464128</v>
      </c>
      <c r="T38" s="114">
        <v>2441390</v>
      </c>
      <c r="U38" s="114">
        <v>2339089</v>
      </c>
      <c r="V38" s="113">
        <v>11336359</v>
      </c>
      <c r="W38" s="116">
        <v>12953991</v>
      </c>
      <c r="X38" s="110">
        <v>0</v>
      </c>
      <c r="Y38" s="114">
        <v>0</v>
      </c>
      <c r="Z38" s="113">
        <v>0</v>
      </c>
      <c r="AA38" s="110">
        <v>0</v>
      </c>
      <c r="AB38" s="114">
        <v>807024</v>
      </c>
      <c r="AC38" s="114">
        <v>774188</v>
      </c>
      <c r="AD38" s="114">
        <v>798761</v>
      </c>
      <c r="AE38" s="114">
        <v>1371023</v>
      </c>
      <c r="AF38" s="114">
        <v>1512378</v>
      </c>
      <c r="AG38" s="113">
        <v>5263374</v>
      </c>
      <c r="AH38" s="116">
        <v>5263374</v>
      </c>
      <c r="AI38" s="110">
        <v>0</v>
      </c>
      <c r="AJ38" s="114">
        <v>0</v>
      </c>
      <c r="AK38" s="113">
        <v>0</v>
      </c>
      <c r="AL38" s="110">
        <v>0</v>
      </c>
      <c r="AM38" s="114">
        <v>81555</v>
      </c>
      <c r="AN38" s="114">
        <v>86197</v>
      </c>
      <c r="AO38" s="114">
        <v>113976</v>
      </c>
      <c r="AP38" s="114">
        <v>186114</v>
      </c>
      <c r="AQ38" s="114">
        <v>305250</v>
      </c>
      <c r="AR38" s="113">
        <v>773092</v>
      </c>
      <c r="AS38" s="116">
        <v>773092</v>
      </c>
      <c r="AT38" s="110">
        <v>74500</v>
      </c>
      <c r="AU38" s="114">
        <v>43661</v>
      </c>
      <c r="AV38" s="113">
        <v>118161</v>
      </c>
      <c r="AW38" s="110">
        <v>0</v>
      </c>
      <c r="AX38" s="114">
        <v>411406</v>
      </c>
      <c r="AY38" s="114">
        <v>409891</v>
      </c>
      <c r="AZ38" s="114">
        <v>173988</v>
      </c>
      <c r="BA38" s="114">
        <v>410970</v>
      </c>
      <c r="BB38" s="114">
        <v>259107</v>
      </c>
      <c r="BC38" s="113">
        <v>1665362</v>
      </c>
      <c r="BD38" s="116">
        <v>1783523</v>
      </c>
      <c r="BE38" s="110">
        <v>349808</v>
      </c>
      <c r="BF38" s="114">
        <v>885864</v>
      </c>
      <c r="BG38" s="112">
        <v>1235672</v>
      </c>
      <c r="BH38" s="111">
        <v>0</v>
      </c>
      <c r="BI38" s="114">
        <v>1086318</v>
      </c>
      <c r="BJ38" s="114">
        <v>654971</v>
      </c>
      <c r="BK38" s="114">
        <v>154699</v>
      </c>
      <c r="BL38" s="114">
        <v>267705</v>
      </c>
      <c r="BM38" s="114">
        <v>138072</v>
      </c>
      <c r="BN38" s="113">
        <v>2301765</v>
      </c>
      <c r="BO38" s="116">
        <v>3537437</v>
      </c>
      <c r="BP38" s="110">
        <v>132129</v>
      </c>
      <c r="BQ38" s="114">
        <v>131670</v>
      </c>
      <c r="BR38" s="113">
        <v>263799</v>
      </c>
      <c r="BS38" s="110">
        <v>0</v>
      </c>
      <c r="BT38" s="114">
        <v>381817</v>
      </c>
      <c r="BU38" s="114">
        <v>398385</v>
      </c>
      <c r="BV38" s="114">
        <v>222704</v>
      </c>
      <c r="BW38" s="114">
        <v>205578</v>
      </c>
      <c r="BX38" s="114">
        <v>124282</v>
      </c>
      <c r="BY38" s="113">
        <v>1332766</v>
      </c>
      <c r="BZ38" s="116">
        <v>1596565</v>
      </c>
      <c r="CA38" s="110">
        <v>23376</v>
      </c>
      <c r="CB38" s="114">
        <v>0</v>
      </c>
      <c r="CC38" s="113">
        <v>23376</v>
      </c>
      <c r="CD38" s="110">
        <v>0</v>
      </c>
      <c r="CE38" s="114">
        <v>1378332</v>
      </c>
      <c r="CF38" s="114">
        <v>1325268</v>
      </c>
      <c r="CG38" s="114">
        <v>728936</v>
      </c>
      <c r="CH38" s="114">
        <v>662365</v>
      </c>
      <c r="CI38" s="114">
        <v>525353</v>
      </c>
      <c r="CJ38" s="113">
        <v>4620254</v>
      </c>
      <c r="CK38" s="116">
        <v>4643630</v>
      </c>
      <c r="CL38" s="110">
        <v>0</v>
      </c>
      <c r="CM38" s="114">
        <v>0</v>
      </c>
      <c r="CN38" s="113">
        <v>0</v>
      </c>
      <c r="CO38" s="111">
        <v>0</v>
      </c>
      <c r="CP38" s="114">
        <v>626492</v>
      </c>
      <c r="CQ38" s="114">
        <v>350048</v>
      </c>
      <c r="CR38" s="114">
        <v>354812</v>
      </c>
      <c r="CS38" s="114">
        <v>497074</v>
      </c>
      <c r="CT38" s="114">
        <v>320383</v>
      </c>
      <c r="CU38" s="113">
        <v>2148809</v>
      </c>
      <c r="CV38" s="116">
        <v>2148809</v>
      </c>
      <c r="CW38" s="110">
        <v>23376</v>
      </c>
      <c r="CX38" s="114">
        <v>0</v>
      </c>
      <c r="CY38" s="113">
        <v>23376</v>
      </c>
      <c r="CZ38" s="110">
        <v>0</v>
      </c>
      <c r="DA38" s="114">
        <v>751840</v>
      </c>
      <c r="DB38" s="114">
        <v>975220</v>
      </c>
      <c r="DC38" s="114">
        <v>374124</v>
      </c>
      <c r="DD38" s="114">
        <v>165291</v>
      </c>
      <c r="DE38" s="114">
        <v>204970</v>
      </c>
      <c r="DF38" s="113">
        <v>2471445</v>
      </c>
      <c r="DG38" s="116">
        <v>2494821</v>
      </c>
      <c r="DH38" s="110">
        <v>0</v>
      </c>
      <c r="DI38" s="114">
        <v>0</v>
      </c>
      <c r="DJ38" s="112">
        <v>0</v>
      </c>
      <c r="DK38" s="111">
        <v>0</v>
      </c>
      <c r="DL38" s="114">
        <v>403497</v>
      </c>
      <c r="DM38" s="114">
        <v>340818</v>
      </c>
      <c r="DN38" s="114">
        <v>604053</v>
      </c>
      <c r="DO38" s="114">
        <v>1241281</v>
      </c>
      <c r="DP38" s="114">
        <v>52935</v>
      </c>
      <c r="DQ38" s="113">
        <v>2642584</v>
      </c>
      <c r="DR38" s="116">
        <v>2642584</v>
      </c>
      <c r="DS38" s="110">
        <v>0</v>
      </c>
      <c r="DT38" s="114">
        <v>0</v>
      </c>
      <c r="DU38" s="113">
        <v>0</v>
      </c>
      <c r="DV38" s="110">
        <v>0</v>
      </c>
      <c r="DW38" s="114">
        <v>156521</v>
      </c>
      <c r="DX38" s="114">
        <v>103599</v>
      </c>
      <c r="DY38" s="114">
        <v>340739</v>
      </c>
      <c r="DZ38" s="114">
        <v>1101523</v>
      </c>
      <c r="EA38" s="114">
        <v>52935</v>
      </c>
      <c r="EB38" s="113">
        <v>1755317</v>
      </c>
      <c r="EC38" s="116">
        <v>1755317</v>
      </c>
      <c r="ED38" s="110">
        <v>0</v>
      </c>
      <c r="EE38" s="112">
        <v>0</v>
      </c>
      <c r="EF38" s="113">
        <v>0</v>
      </c>
      <c r="EG38" s="110">
        <v>0</v>
      </c>
      <c r="EH38" s="114">
        <v>246976</v>
      </c>
      <c r="EI38" s="114">
        <v>237219</v>
      </c>
      <c r="EJ38" s="114">
        <v>223580</v>
      </c>
      <c r="EK38" s="114">
        <v>139758</v>
      </c>
      <c r="EL38" s="114">
        <v>0</v>
      </c>
      <c r="EM38" s="112">
        <v>847533</v>
      </c>
      <c r="EN38" s="116">
        <v>847533</v>
      </c>
      <c r="EO38" s="110">
        <v>0</v>
      </c>
      <c r="EP38" s="114">
        <v>0</v>
      </c>
      <c r="EQ38" s="112">
        <v>0</v>
      </c>
      <c r="ER38" s="111">
        <v>0</v>
      </c>
      <c r="ES38" s="114">
        <v>0</v>
      </c>
      <c r="ET38" s="114">
        <v>0</v>
      </c>
      <c r="EU38" s="114">
        <v>0</v>
      </c>
      <c r="EV38" s="114">
        <v>0</v>
      </c>
      <c r="EW38" s="114">
        <v>0</v>
      </c>
      <c r="EX38" s="113">
        <v>0</v>
      </c>
      <c r="EY38" s="116">
        <v>0</v>
      </c>
      <c r="EZ38" s="110">
        <v>0</v>
      </c>
      <c r="FA38" s="114">
        <v>0</v>
      </c>
      <c r="FB38" s="112">
        <v>0</v>
      </c>
      <c r="FC38" s="348"/>
      <c r="FD38" s="114">
        <v>0</v>
      </c>
      <c r="FE38" s="114">
        <v>0</v>
      </c>
      <c r="FF38" s="114">
        <v>39734</v>
      </c>
      <c r="FG38" s="114">
        <v>0</v>
      </c>
      <c r="FH38" s="114">
        <v>0</v>
      </c>
      <c r="FI38" s="113">
        <v>39734</v>
      </c>
      <c r="FJ38" s="116">
        <v>39734</v>
      </c>
      <c r="FK38" s="110">
        <v>163734</v>
      </c>
      <c r="FL38" s="114">
        <v>301252</v>
      </c>
      <c r="FM38" s="113">
        <v>464986</v>
      </c>
      <c r="FN38" s="110">
        <v>0</v>
      </c>
      <c r="FO38" s="114">
        <v>596022</v>
      </c>
      <c r="FP38" s="114">
        <v>591940</v>
      </c>
      <c r="FQ38" s="114">
        <v>359677</v>
      </c>
      <c r="FR38" s="114">
        <v>366104</v>
      </c>
      <c r="FS38" s="114">
        <v>338510</v>
      </c>
      <c r="FT38" s="113">
        <v>2252253</v>
      </c>
      <c r="FU38" s="116">
        <v>2717239</v>
      </c>
      <c r="FV38" s="115">
        <v>163734</v>
      </c>
      <c r="FW38" s="114">
        <v>221602</v>
      </c>
      <c r="FX38" s="112">
        <v>385336</v>
      </c>
      <c r="FY38" s="111">
        <v>0</v>
      </c>
      <c r="FZ38" s="114">
        <v>480228</v>
      </c>
      <c r="GA38" s="114">
        <v>585780</v>
      </c>
      <c r="GB38" s="114">
        <v>261777</v>
      </c>
      <c r="GC38" s="114">
        <v>366104</v>
      </c>
      <c r="GD38" s="114">
        <v>338510</v>
      </c>
      <c r="GE38" s="113">
        <v>2032399</v>
      </c>
      <c r="GF38" s="319">
        <v>2417735</v>
      </c>
      <c r="GG38" s="115">
        <v>0</v>
      </c>
      <c r="GH38" s="114">
        <v>49500</v>
      </c>
      <c r="GI38" s="112">
        <v>49500</v>
      </c>
      <c r="GJ38" s="111">
        <v>0</v>
      </c>
      <c r="GK38" s="114">
        <v>37224</v>
      </c>
      <c r="GL38" s="114">
        <v>6160</v>
      </c>
      <c r="GM38" s="114">
        <v>8800</v>
      </c>
      <c r="GN38" s="114">
        <v>0</v>
      </c>
      <c r="GO38" s="114">
        <v>0</v>
      </c>
      <c r="GP38" s="113">
        <v>52184</v>
      </c>
      <c r="GQ38" s="116">
        <v>101684</v>
      </c>
      <c r="GR38" s="110">
        <v>0</v>
      </c>
      <c r="GS38" s="114">
        <v>30150</v>
      </c>
      <c r="GT38" s="113">
        <v>30150</v>
      </c>
      <c r="GU38" s="110">
        <v>0</v>
      </c>
      <c r="GV38" s="114">
        <v>78570</v>
      </c>
      <c r="GW38" s="114">
        <v>0</v>
      </c>
      <c r="GX38" s="114">
        <v>89100</v>
      </c>
      <c r="GY38" s="114">
        <v>0</v>
      </c>
      <c r="GZ38" s="114">
        <v>0</v>
      </c>
      <c r="HA38" s="112">
        <v>167670</v>
      </c>
      <c r="HB38" s="116">
        <v>197820</v>
      </c>
      <c r="HC38" s="110">
        <v>286198</v>
      </c>
      <c r="HD38" s="114">
        <v>625944</v>
      </c>
      <c r="HE38" s="112">
        <v>912142</v>
      </c>
      <c r="HF38" s="111">
        <v>0</v>
      </c>
      <c r="HG38" s="114">
        <v>2276126</v>
      </c>
      <c r="HH38" s="114">
        <v>3173682</v>
      </c>
      <c r="HI38" s="114">
        <v>1181497</v>
      </c>
      <c r="HJ38" s="114">
        <v>2201873</v>
      </c>
      <c r="HK38" s="114">
        <v>761445</v>
      </c>
      <c r="HL38" s="113">
        <v>9594623</v>
      </c>
      <c r="HM38" s="109">
        <v>10506765</v>
      </c>
      <c r="HN38" s="115">
        <v>189437</v>
      </c>
      <c r="HO38" s="114">
        <v>241957</v>
      </c>
      <c r="HP38" s="113">
        <v>431394</v>
      </c>
      <c r="HQ38" s="110">
        <v>0</v>
      </c>
      <c r="HR38" s="114">
        <v>1316978</v>
      </c>
      <c r="HS38" s="114">
        <v>784534</v>
      </c>
      <c r="HT38" s="114">
        <v>432432</v>
      </c>
      <c r="HU38" s="114">
        <v>466900</v>
      </c>
      <c r="HV38" s="114">
        <v>248247</v>
      </c>
      <c r="HW38" s="112">
        <v>3249091</v>
      </c>
      <c r="HX38" s="116">
        <v>3680485</v>
      </c>
      <c r="HY38" s="150">
        <v>0</v>
      </c>
      <c r="HZ38" s="135">
        <v>465078</v>
      </c>
      <c r="IA38" s="150">
        <v>465078</v>
      </c>
      <c r="IB38" s="146">
        <v>0</v>
      </c>
      <c r="IC38" s="132">
        <v>2914241</v>
      </c>
      <c r="ID38" s="147">
        <v>3128952</v>
      </c>
      <c r="IE38" s="133">
        <v>4572961</v>
      </c>
      <c r="IF38" s="132">
        <v>1428894</v>
      </c>
      <c r="IG38" s="133">
        <v>1704727</v>
      </c>
      <c r="IH38" s="148">
        <v>13749775</v>
      </c>
      <c r="II38" s="150">
        <v>14214853</v>
      </c>
      <c r="IJ38" s="232">
        <v>0</v>
      </c>
      <c r="IK38" s="236">
        <v>0</v>
      </c>
      <c r="IL38" s="237">
        <v>0</v>
      </c>
      <c r="IM38" s="140"/>
      <c r="IN38" s="119">
        <v>0</v>
      </c>
      <c r="IO38" s="119">
        <v>0</v>
      </c>
      <c r="IP38" s="119">
        <v>0</v>
      </c>
      <c r="IQ38" s="119">
        <v>0</v>
      </c>
      <c r="IR38" s="119">
        <v>0</v>
      </c>
      <c r="IS38" s="141">
        <v>0</v>
      </c>
      <c r="IT38" s="321">
        <v>0</v>
      </c>
      <c r="IU38" s="142">
        <v>0</v>
      </c>
      <c r="IV38" s="119">
        <v>0</v>
      </c>
      <c r="IW38" s="120">
        <v>0</v>
      </c>
      <c r="IX38" s="144"/>
      <c r="IY38" s="119">
        <v>0</v>
      </c>
      <c r="IZ38" s="119">
        <v>0</v>
      </c>
      <c r="JA38" s="119">
        <v>0</v>
      </c>
      <c r="JB38" s="119">
        <v>0</v>
      </c>
      <c r="JC38" s="119">
        <v>0</v>
      </c>
      <c r="JD38" s="120">
        <v>0</v>
      </c>
      <c r="JE38" s="121">
        <v>0</v>
      </c>
      <c r="JF38" s="142">
        <v>0</v>
      </c>
      <c r="JG38" s="119">
        <v>0</v>
      </c>
      <c r="JH38" s="141">
        <v>0</v>
      </c>
      <c r="JI38" s="118">
        <v>0</v>
      </c>
      <c r="JJ38" s="119">
        <v>1553853</v>
      </c>
      <c r="JK38" s="119">
        <v>648748</v>
      </c>
      <c r="JL38" s="119">
        <v>325457</v>
      </c>
      <c r="JM38" s="119">
        <v>539033</v>
      </c>
      <c r="JN38" s="119">
        <v>117387</v>
      </c>
      <c r="JO38" s="120">
        <v>3184478</v>
      </c>
      <c r="JP38" s="321">
        <v>3184478</v>
      </c>
      <c r="JQ38" s="142">
        <v>0</v>
      </c>
      <c r="JR38" s="119">
        <v>0</v>
      </c>
      <c r="JS38" s="141">
        <v>0</v>
      </c>
      <c r="JT38" s="118">
        <v>0</v>
      </c>
      <c r="JU38" s="119">
        <v>74151</v>
      </c>
      <c r="JV38" s="119">
        <v>0</v>
      </c>
      <c r="JW38" s="119">
        <v>0</v>
      </c>
      <c r="JX38" s="119">
        <v>0</v>
      </c>
      <c r="JY38" s="119">
        <v>0</v>
      </c>
      <c r="JZ38" s="120">
        <v>74151</v>
      </c>
      <c r="KA38" s="321">
        <v>74151</v>
      </c>
      <c r="KB38" s="234">
        <v>0</v>
      </c>
      <c r="KC38" s="230">
        <v>0</v>
      </c>
      <c r="KD38" s="120">
        <v>0</v>
      </c>
      <c r="KE38" s="118">
        <v>0</v>
      </c>
      <c r="KF38" s="119">
        <v>0</v>
      </c>
      <c r="KG38" s="119">
        <v>0</v>
      </c>
      <c r="KH38" s="119">
        <v>0</v>
      </c>
      <c r="KI38" s="119">
        <v>0</v>
      </c>
      <c r="KJ38" s="119">
        <v>0</v>
      </c>
      <c r="KK38" s="120">
        <v>0</v>
      </c>
      <c r="KL38" s="143">
        <v>0</v>
      </c>
      <c r="KM38" s="232">
        <v>0</v>
      </c>
      <c r="KN38" s="236">
        <v>465078</v>
      </c>
      <c r="KO38" s="237">
        <v>465078</v>
      </c>
      <c r="KP38" s="140"/>
      <c r="KQ38" s="119">
        <v>491762</v>
      </c>
      <c r="KR38" s="119">
        <v>770277</v>
      </c>
      <c r="KS38" s="119">
        <v>2621702</v>
      </c>
      <c r="KT38" s="119">
        <v>269171</v>
      </c>
      <c r="KU38" s="119">
        <v>274455</v>
      </c>
      <c r="KV38" s="120">
        <v>4427367</v>
      </c>
      <c r="KW38" s="321">
        <v>4892445</v>
      </c>
      <c r="KX38" s="142">
        <v>0</v>
      </c>
      <c r="KY38" s="119">
        <v>0</v>
      </c>
      <c r="KZ38" s="120">
        <v>0</v>
      </c>
      <c r="LA38" s="145"/>
      <c r="LB38" s="119">
        <v>0</v>
      </c>
      <c r="LC38" s="119">
        <v>0</v>
      </c>
      <c r="LD38" s="119">
        <v>0</v>
      </c>
      <c r="LE38" s="119">
        <v>0</v>
      </c>
      <c r="LF38" s="119">
        <v>0</v>
      </c>
      <c r="LG38" s="120">
        <v>0</v>
      </c>
      <c r="LH38" s="121">
        <v>0</v>
      </c>
      <c r="LI38" s="142">
        <v>0</v>
      </c>
      <c r="LJ38" s="119">
        <v>0</v>
      </c>
      <c r="LK38" s="120">
        <v>0</v>
      </c>
      <c r="LL38" s="145"/>
      <c r="LM38" s="119">
        <v>0</v>
      </c>
      <c r="LN38" s="119">
        <v>0</v>
      </c>
      <c r="LO38" s="119">
        <v>0</v>
      </c>
      <c r="LP38" s="119">
        <v>0</v>
      </c>
      <c r="LQ38" s="119">
        <v>0</v>
      </c>
      <c r="LR38" s="120">
        <v>0</v>
      </c>
      <c r="LS38" s="321">
        <v>0</v>
      </c>
      <c r="LT38" s="142">
        <v>0</v>
      </c>
      <c r="LU38" s="119">
        <v>0</v>
      </c>
      <c r="LV38" s="120">
        <v>0</v>
      </c>
      <c r="LW38" s="145"/>
      <c r="LX38" s="119">
        <v>794475</v>
      </c>
      <c r="LY38" s="119">
        <v>1709927</v>
      </c>
      <c r="LZ38" s="119">
        <v>1625802</v>
      </c>
      <c r="MA38" s="119">
        <v>620690</v>
      </c>
      <c r="MB38" s="119">
        <v>1312885</v>
      </c>
      <c r="MC38" s="120">
        <v>6063779</v>
      </c>
      <c r="MD38" s="121">
        <v>6063779</v>
      </c>
      <c r="ME38" s="142">
        <v>0</v>
      </c>
      <c r="MF38" s="119">
        <v>0</v>
      </c>
      <c r="MG38" s="120">
        <v>0</v>
      </c>
      <c r="MH38" s="145"/>
      <c r="MI38" s="119">
        <v>2892961</v>
      </c>
      <c r="MJ38" s="119">
        <v>4637347</v>
      </c>
      <c r="MK38" s="119">
        <v>12123496</v>
      </c>
      <c r="ML38" s="119">
        <v>15040808</v>
      </c>
      <c r="MM38" s="119">
        <v>11621758</v>
      </c>
      <c r="MN38" s="120">
        <v>46316370</v>
      </c>
      <c r="MO38" s="143">
        <v>46316370</v>
      </c>
      <c r="MP38" s="142">
        <v>0</v>
      </c>
      <c r="MQ38" s="119">
        <v>0</v>
      </c>
      <c r="MR38" s="120">
        <v>0</v>
      </c>
      <c r="MS38" s="145"/>
      <c r="MT38" s="119">
        <v>0</v>
      </c>
      <c r="MU38" s="119">
        <v>1283696</v>
      </c>
      <c r="MV38" s="119">
        <v>6702676</v>
      </c>
      <c r="MW38" s="119">
        <v>7950895</v>
      </c>
      <c r="MX38" s="119">
        <v>7321144</v>
      </c>
      <c r="MY38" s="120">
        <v>23258411</v>
      </c>
      <c r="MZ38" s="143">
        <v>23258411</v>
      </c>
      <c r="NA38" s="142">
        <v>0</v>
      </c>
      <c r="NB38" s="119">
        <v>0</v>
      </c>
      <c r="NC38" s="120">
        <v>0</v>
      </c>
      <c r="ND38" s="145"/>
      <c r="NE38" s="119">
        <v>2393875</v>
      </c>
      <c r="NF38" s="119">
        <v>2068995</v>
      </c>
      <c r="NG38" s="119">
        <v>3094612</v>
      </c>
      <c r="NH38" s="119">
        <v>4887544</v>
      </c>
      <c r="NI38" s="119">
        <v>1644991</v>
      </c>
      <c r="NJ38" s="120">
        <v>14090017</v>
      </c>
      <c r="NK38" s="321">
        <v>14090017</v>
      </c>
      <c r="NL38" s="142">
        <v>0</v>
      </c>
      <c r="NM38" s="119">
        <v>0</v>
      </c>
      <c r="NN38" s="120">
        <v>0</v>
      </c>
      <c r="NO38" s="145"/>
      <c r="NP38" s="119">
        <v>0</v>
      </c>
      <c r="NQ38" s="119">
        <v>0</v>
      </c>
      <c r="NR38" s="119">
        <v>0</v>
      </c>
      <c r="NS38" s="119">
        <v>0</v>
      </c>
      <c r="NT38" s="119">
        <v>0</v>
      </c>
      <c r="NU38" s="120">
        <v>0</v>
      </c>
      <c r="NV38" s="121">
        <v>0</v>
      </c>
      <c r="NW38" s="142">
        <v>0</v>
      </c>
      <c r="NX38" s="119">
        <v>0</v>
      </c>
      <c r="NY38" s="120">
        <v>0</v>
      </c>
      <c r="NZ38" s="145"/>
      <c r="OA38" s="119">
        <v>499086</v>
      </c>
      <c r="OB38" s="119">
        <v>1284656</v>
      </c>
      <c r="OC38" s="119">
        <v>2326208</v>
      </c>
      <c r="OD38" s="119">
        <v>2202369</v>
      </c>
      <c r="OE38" s="119">
        <v>2655623</v>
      </c>
      <c r="OF38" s="120">
        <v>8967942</v>
      </c>
      <c r="OG38" s="121">
        <v>8967942</v>
      </c>
      <c r="OH38" s="142">
        <v>1219182</v>
      </c>
      <c r="OI38" s="119">
        <v>2695426</v>
      </c>
      <c r="OJ38" s="141">
        <v>3914608</v>
      </c>
      <c r="OK38" s="118">
        <v>0</v>
      </c>
      <c r="OL38" s="119">
        <v>14546277</v>
      </c>
      <c r="OM38" s="119">
        <v>16306173</v>
      </c>
      <c r="ON38" s="119">
        <v>21467180</v>
      </c>
      <c r="OO38" s="119">
        <v>23849615</v>
      </c>
      <c r="OP38" s="119">
        <v>17592064</v>
      </c>
      <c r="OQ38" s="120">
        <v>93761309</v>
      </c>
      <c r="OR38" s="143">
        <v>97675917</v>
      </c>
    </row>
    <row r="39" spans="1:408" ht="18.75" customHeight="1" x14ac:dyDescent="0.2">
      <c r="A39" s="62" t="s">
        <v>34</v>
      </c>
      <c r="B39" s="110">
        <v>558996</v>
      </c>
      <c r="C39" s="114">
        <v>644398</v>
      </c>
      <c r="D39" s="174">
        <v>1203394</v>
      </c>
      <c r="E39" s="175">
        <v>0</v>
      </c>
      <c r="F39" s="176">
        <v>6923247</v>
      </c>
      <c r="G39" s="176">
        <v>5190077</v>
      </c>
      <c r="H39" s="176">
        <v>5260763</v>
      </c>
      <c r="I39" s="176">
        <v>5447359</v>
      </c>
      <c r="J39" s="176">
        <v>2243103</v>
      </c>
      <c r="K39" s="177">
        <v>25064549</v>
      </c>
      <c r="L39" s="116">
        <v>26267943</v>
      </c>
      <c r="M39" s="110">
        <v>108135</v>
      </c>
      <c r="N39" s="114">
        <v>138244</v>
      </c>
      <c r="O39" s="113">
        <v>246379</v>
      </c>
      <c r="P39" s="110">
        <v>0</v>
      </c>
      <c r="Q39" s="114">
        <v>1351568</v>
      </c>
      <c r="R39" s="114">
        <v>1155242</v>
      </c>
      <c r="S39" s="114">
        <v>1215068</v>
      </c>
      <c r="T39" s="114">
        <v>767950</v>
      </c>
      <c r="U39" s="114">
        <v>1235202</v>
      </c>
      <c r="V39" s="113">
        <v>5725030</v>
      </c>
      <c r="W39" s="116">
        <v>5971409</v>
      </c>
      <c r="X39" s="110">
        <v>0</v>
      </c>
      <c r="Y39" s="114">
        <v>0</v>
      </c>
      <c r="Z39" s="113">
        <v>0</v>
      </c>
      <c r="AA39" s="110">
        <v>0</v>
      </c>
      <c r="AB39" s="114">
        <v>546591</v>
      </c>
      <c r="AC39" s="114">
        <v>347951</v>
      </c>
      <c r="AD39" s="114">
        <v>792897</v>
      </c>
      <c r="AE39" s="114">
        <v>410224</v>
      </c>
      <c r="AF39" s="114">
        <v>391241</v>
      </c>
      <c r="AG39" s="113">
        <v>2488904</v>
      </c>
      <c r="AH39" s="116">
        <v>2488904</v>
      </c>
      <c r="AI39" s="110">
        <v>0</v>
      </c>
      <c r="AJ39" s="114">
        <v>0</v>
      </c>
      <c r="AK39" s="113">
        <v>0</v>
      </c>
      <c r="AL39" s="110">
        <v>0</v>
      </c>
      <c r="AM39" s="114">
        <v>0</v>
      </c>
      <c r="AN39" s="114">
        <v>37989</v>
      </c>
      <c r="AO39" s="114">
        <v>0</v>
      </c>
      <c r="AP39" s="114">
        <v>50661</v>
      </c>
      <c r="AQ39" s="114">
        <v>367236</v>
      </c>
      <c r="AR39" s="113">
        <v>455886</v>
      </c>
      <c r="AS39" s="116">
        <v>455886</v>
      </c>
      <c r="AT39" s="110">
        <v>48852</v>
      </c>
      <c r="AU39" s="114">
        <v>90040</v>
      </c>
      <c r="AV39" s="113">
        <v>138892</v>
      </c>
      <c r="AW39" s="110">
        <v>0</v>
      </c>
      <c r="AX39" s="114">
        <v>316855</v>
      </c>
      <c r="AY39" s="114">
        <v>321202</v>
      </c>
      <c r="AZ39" s="114">
        <v>150834</v>
      </c>
      <c r="BA39" s="114">
        <v>11196</v>
      </c>
      <c r="BB39" s="114">
        <v>192645</v>
      </c>
      <c r="BC39" s="113">
        <v>992732</v>
      </c>
      <c r="BD39" s="116">
        <v>1131624</v>
      </c>
      <c r="BE39" s="110">
        <v>0</v>
      </c>
      <c r="BF39" s="114">
        <v>19530</v>
      </c>
      <c r="BG39" s="112">
        <v>19530</v>
      </c>
      <c r="BH39" s="111">
        <v>0</v>
      </c>
      <c r="BI39" s="114">
        <v>204984</v>
      </c>
      <c r="BJ39" s="114">
        <v>147220</v>
      </c>
      <c r="BK39" s="114">
        <v>42942</v>
      </c>
      <c r="BL39" s="114">
        <v>33480</v>
      </c>
      <c r="BM39" s="114">
        <v>39438</v>
      </c>
      <c r="BN39" s="113">
        <v>468064</v>
      </c>
      <c r="BO39" s="116">
        <v>487594</v>
      </c>
      <c r="BP39" s="110">
        <v>59283</v>
      </c>
      <c r="BQ39" s="114">
        <v>28674</v>
      </c>
      <c r="BR39" s="113">
        <v>87957</v>
      </c>
      <c r="BS39" s="110">
        <v>0</v>
      </c>
      <c r="BT39" s="114">
        <v>283138</v>
      </c>
      <c r="BU39" s="114">
        <v>300880</v>
      </c>
      <c r="BV39" s="114">
        <v>228395</v>
      </c>
      <c r="BW39" s="114">
        <v>262389</v>
      </c>
      <c r="BX39" s="114">
        <v>244642</v>
      </c>
      <c r="BY39" s="113">
        <v>1319444</v>
      </c>
      <c r="BZ39" s="116">
        <v>1407401</v>
      </c>
      <c r="CA39" s="110">
        <v>24066</v>
      </c>
      <c r="CB39" s="114">
        <v>169812</v>
      </c>
      <c r="CC39" s="113">
        <v>193878</v>
      </c>
      <c r="CD39" s="110">
        <v>0</v>
      </c>
      <c r="CE39" s="114">
        <v>2492290</v>
      </c>
      <c r="CF39" s="114">
        <v>1825116</v>
      </c>
      <c r="CG39" s="114">
        <v>2144741</v>
      </c>
      <c r="CH39" s="114">
        <v>1507262</v>
      </c>
      <c r="CI39" s="114">
        <v>303408</v>
      </c>
      <c r="CJ39" s="113">
        <v>8272817</v>
      </c>
      <c r="CK39" s="116">
        <v>8466695</v>
      </c>
      <c r="CL39" s="110">
        <v>0</v>
      </c>
      <c r="CM39" s="114">
        <v>0</v>
      </c>
      <c r="CN39" s="113">
        <v>0</v>
      </c>
      <c r="CO39" s="111">
        <v>0</v>
      </c>
      <c r="CP39" s="114">
        <v>2054391</v>
      </c>
      <c r="CQ39" s="114">
        <v>1547257</v>
      </c>
      <c r="CR39" s="114">
        <v>1860094</v>
      </c>
      <c r="CS39" s="114">
        <v>1099328</v>
      </c>
      <c r="CT39" s="114">
        <v>303408</v>
      </c>
      <c r="CU39" s="113">
        <v>6864478</v>
      </c>
      <c r="CV39" s="116">
        <v>6864478</v>
      </c>
      <c r="CW39" s="110">
        <v>24066</v>
      </c>
      <c r="CX39" s="114">
        <v>169812</v>
      </c>
      <c r="CY39" s="113">
        <v>193878</v>
      </c>
      <c r="CZ39" s="110">
        <v>0</v>
      </c>
      <c r="DA39" s="114">
        <v>437899</v>
      </c>
      <c r="DB39" s="114">
        <v>277859</v>
      </c>
      <c r="DC39" s="114">
        <v>284647</v>
      </c>
      <c r="DD39" s="114">
        <v>407934</v>
      </c>
      <c r="DE39" s="114">
        <v>0</v>
      </c>
      <c r="DF39" s="113">
        <v>1408339</v>
      </c>
      <c r="DG39" s="116">
        <v>1602217</v>
      </c>
      <c r="DH39" s="110">
        <v>0</v>
      </c>
      <c r="DI39" s="114">
        <v>22185</v>
      </c>
      <c r="DJ39" s="112">
        <v>22185</v>
      </c>
      <c r="DK39" s="111">
        <v>0</v>
      </c>
      <c r="DL39" s="114">
        <v>109665</v>
      </c>
      <c r="DM39" s="114">
        <v>0</v>
      </c>
      <c r="DN39" s="114">
        <v>140121</v>
      </c>
      <c r="DO39" s="114">
        <v>986697</v>
      </c>
      <c r="DP39" s="114">
        <v>0</v>
      </c>
      <c r="DQ39" s="113">
        <v>1236483</v>
      </c>
      <c r="DR39" s="116">
        <v>1258668</v>
      </c>
      <c r="DS39" s="110">
        <v>0</v>
      </c>
      <c r="DT39" s="114">
        <v>22185</v>
      </c>
      <c r="DU39" s="113">
        <v>22185</v>
      </c>
      <c r="DV39" s="110">
        <v>0</v>
      </c>
      <c r="DW39" s="114">
        <v>109665</v>
      </c>
      <c r="DX39" s="114">
        <v>0</v>
      </c>
      <c r="DY39" s="114">
        <v>140121</v>
      </c>
      <c r="DZ39" s="114">
        <v>854496</v>
      </c>
      <c r="EA39" s="114">
        <v>0</v>
      </c>
      <c r="EB39" s="113">
        <v>1104282</v>
      </c>
      <c r="EC39" s="116">
        <v>1126467</v>
      </c>
      <c r="ED39" s="110">
        <v>0</v>
      </c>
      <c r="EE39" s="112">
        <v>0</v>
      </c>
      <c r="EF39" s="113">
        <v>0</v>
      </c>
      <c r="EG39" s="110">
        <v>0</v>
      </c>
      <c r="EH39" s="114">
        <v>0</v>
      </c>
      <c r="EI39" s="114">
        <v>0</v>
      </c>
      <c r="EJ39" s="114">
        <v>0</v>
      </c>
      <c r="EK39" s="114">
        <v>132201</v>
      </c>
      <c r="EL39" s="114">
        <v>0</v>
      </c>
      <c r="EM39" s="112">
        <v>132201</v>
      </c>
      <c r="EN39" s="116">
        <v>132201</v>
      </c>
      <c r="EO39" s="110">
        <v>0</v>
      </c>
      <c r="EP39" s="114">
        <v>0</v>
      </c>
      <c r="EQ39" s="112">
        <v>0</v>
      </c>
      <c r="ER39" s="111">
        <v>0</v>
      </c>
      <c r="ES39" s="114">
        <v>0</v>
      </c>
      <c r="ET39" s="114">
        <v>0</v>
      </c>
      <c r="EU39" s="114">
        <v>0</v>
      </c>
      <c r="EV39" s="114">
        <v>0</v>
      </c>
      <c r="EW39" s="114">
        <v>0</v>
      </c>
      <c r="EX39" s="113">
        <v>0</v>
      </c>
      <c r="EY39" s="116">
        <v>0</v>
      </c>
      <c r="EZ39" s="110">
        <v>0</v>
      </c>
      <c r="FA39" s="114">
        <v>0</v>
      </c>
      <c r="FB39" s="112">
        <v>0</v>
      </c>
      <c r="FC39" s="348"/>
      <c r="FD39" s="114">
        <v>0</v>
      </c>
      <c r="FE39" s="114">
        <v>0</v>
      </c>
      <c r="FF39" s="114">
        <v>0</v>
      </c>
      <c r="FG39" s="114">
        <v>0</v>
      </c>
      <c r="FH39" s="114">
        <v>0</v>
      </c>
      <c r="FI39" s="113">
        <v>0</v>
      </c>
      <c r="FJ39" s="116">
        <v>0</v>
      </c>
      <c r="FK39" s="110">
        <v>136584</v>
      </c>
      <c r="FL39" s="114">
        <v>101400</v>
      </c>
      <c r="FM39" s="113">
        <v>237984</v>
      </c>
      <c r="FN39" s="110">
        <v>0</v>
      </c>
      <c r="FO39" s="114">
        <v>431975</v>
      </c>
      <c r="FP39" s="114">
        <v>696455</v>
      </c>
      <c r="FQ39" s="114">
        <v>519735</v>
      </c>
      <c r="FR39" s="114">
        <v>466693</v>
      </c>
      <c r="FS39" s="114">
        <v>184590</v>
      </c>
      <c r="FT39" s="113">
        <v>2299448</v>
      </c>
      <c r="FU39" s="116">
        <v>2537432</v>
      </c>
      <c r="FV39" s="115">
        <v>64710</v>
      </c>
      <c r="FW39" s="114">
        <v>101400</v>
      </c>
      <c r="FX39" s="112">
        <v>166110</v>
      </c>
      <c r="FY39" s="111">
        <v>0</v>
      </c>
      <c r="FZ39" s="114">
        <v>431975</v>
      </c>
      <c r="GA39" s="114">
        <v>600205</v>
      </c>
      <c r="GB39" s="114">
        <v>465109</v>
      </c>
      <c r="GC39" s="114">
        <v>447685</v>
      </c>
      <c r="GD39" s="114">
        <v>184590</v>
      </c>
      <c r="GE39" s="113">
        <v>2129564</v>
      </c>
      <c r="GF39" s="319">
        <v>2295674</v>
      </c>
      <c r="GG39" s="115">
        <v>0</v>
      </c>
      <c r="GH39" s="114">
        <v>0</v>
      </c>
      <c r="GI39" s="112">
        <v>0</v>
      </c>
      <c r="GJ39" s="111">
        <v>0</v>
      </c>
      <c r="GK39" s="114">
        <v>0</v>
      </c>
      <c r="GL39" s="114">
        <v>58410</v>
      </c>
      <c r="GM39" s="114">
        <v>39776</v>
      </c>
      <c r="GN39" s="114">
        <v>19008</v>
      </c>
      <c r="GO39" s="114">
        <v>0</v>
      </c>
      <c r="GP39" s="113">
        <v>117194</v>
      </c>
      <c r="GQ39" s="116">
        <v>117194</v>
      </c>
      <c r="GR39" s="110">
        <v>71874</v>
      </c>
      <c r="GS39" s="114">
        <v>0</v>
      </c>
      <c r="GT39" s="113">
        <v>71874</v>
      </c>
      <c r="GU39" s="110">
        <v>0</v>
      </c>
      <c r="GV39" s="114">
        <v>0</v>
      </c>
      <c r="GW39" s="114">
        <v>37840</v>
      </c>
      <c r="GX39" s="114">
        <v>14850</v>
      </c>
      <c r="GY39" s="114">
        <v>0</v>
      </c>
      <c r="GZ39" s="114">
        <v>0</v>
      </c>
      <c r="HA39" s="112">
        <v>52690</v>
      </c>
      <c r="HB39" s="116">
        <v>124564</v>
      </c>
      <c r="HC39" s="110">
        <v>225891</v>
      </c>
      <c r="HD39" s="114">
        <v>103257</v>
      </c>
      <c r="HE39" s="112">
        <v>329148</v>
      </c>
      <c r="HF39" s="111">
        <v>0</v>
      </c>
      <c r="HG39" s="114">
        <v>1406377</v>
      </c>
      <c r="HH39" s="114">
        <v>896003</v>
      </c>
      <c r="HI39" s="114">
        <v>747015</v>
      </c>
      <c r="HJ39" s="114">
        <v>1398361</v>
      </c>
      <c r="HK39" s="114">
        <v>394216</v>
      </c>
      <c r="HL39" s="113">
        <v>4841972</v>
      </c>
      <c r="HM39" s="109">
        <v>5171120</v>
      </c>
      <c r="HN39" s="115">
        <v>64320</v>
      </c>
      <c r="HO39" s="114">
        <v>109500</v>
      </c>
      <c r="HP39" s="113">
        <v>173820</v>
      </c>
      <c r="HQ39" s="110">
        <v>0</v>
      </c>
      <c r="HR39" s="114">
        <v>1131372</v>
      </c>
      <c r="HS39" s="114">
        <v>617261</v>
      </c>
      <c r="HT39" s="114">
        <v>494083</v>
      </c>
      <c r="HU39" s="114">
        <v>320396</v>
      </c>
      <c r="HV39" s="114">
        <v>125687</v>
      </c>
      <c r="HW39" s="112">
        <v>2688799</v>
      </c>
      <c r="HX39" s="116">
        <v>2862619</v>
      </c>
      <c r="HY39" s="131">
        <v>44496</v>
      </c>
      <c r="HZ39" s="132">
        <v>159372</v>
      </c>
      <c r="IA39" s="133">
        <v>203868</v>
      </c>
      <c r="IB39" s="146">
        <v>0</v>
      </c>
      <c r="IC39" s="132">
        <v>3022639</v>
      </c>
      <c r="ID39" s="147">
        <v>4710854</v>
      </c>
      <c r="IE39" s="133">
        <v>3226475</v>
      </c>
      <c r="IF39" s="132">
        <v>2326428</v>
      </c>
      <c r="IG39" s="133">
        <v>1088748</v>
      </c>
      <c r="IH39" s="148">
        <v>14375144</v>
      </c>
      <c r="II39" s="139">
        <v>14579012</v>
      </c>
      <c r="IJ39" s="232">
        <v>0</v>
      </c>
      <c r="IK39" s="236">
        <v>0</v>
      </c>
      <c r="IL39" s="237">
        <v>0</v>
      </c>
      <c r="IM39" s="140"/>
      <c r="IN39" s="119">
        <v>0</v>
      </c>
      <c r="IO39" s="119">
        <v>0</v>
      </c>
      <c r="IP39" s="119">
        <v>0</v>
      </c>
      <c r="IQ39" s="119">
        <v>0</v>
      </c>
      <c r="IR39" s="119">
        <v>0</v>
      </c>
      <c r="IS39" s="141">
        <v>0</v>
      </c>
      <c r="IT39" s="321">
        <v>0</v>
      </c>
      <c r="IU39" s="142">
        <v>0</v>
      </c>
      <c r="IV39" s="119">
        <v>0</v>
      </c>
      <c r="IW39" s="120">
        <v>0</v>
      </c>
      <c r="IX39" s="144"/>
      <c r="IY39" s="119">
        <v>0</v>
      </c>
      <c r="IZ39" s="119">
        <v>0</v>
      </c>
      <c r="JA39" s="119">
        <v>0</v>
      </c>
      <c r="JB39" s="119">
        <v>0</v>
      </c>
      <c r="JC39" s="119">
        <v>0</v>
      </c>
      <c r="JD39" s="120">
        <v>0</v>
      </c>
      <c r="JE39" s="121">
        <v>0</v>
      </c>
      <c r="JF39" s="142">
        <v>0</v>
      </c>
      <c r="JG39" s="119">
        <v>0</v>
      </c>
      <c r="JH39" s="141">
        <v>0</v>
      </c>
      <c r="JI39" s="118">
        <v>0</v>
      </c>
      <c r="JJ39" s="119">
        <v>950686</v>
      </c>
      <c r="JK39" s="119">
        <v>264924</v>
      </c>
      <c r="JL39" s="119">
        <v>481770</v>
      </c>
      <c r="JM39" s="119">
        <v>0</v>
      </c>
      <c r="JN39" s="119">
        <v>0</v>
      </c>
      <c r="JO39" s="120">
        <v>1697380</v>
      </c>
      <c r="JP39" s="321">
        <v>1697380</v>
      </c>
      <c r="JQ39" s="142">
        <v>0</v>
      </c>
      <c r="JR39" s="119">
        <v>0</v>
      </c>
      <c r="JS39" s="141">
        <v>0</v>
      </c>
      <c r="JT39" s="118">
        <v>0</v>
      </c>
      <c r="JU39" s="119">
        <v>0</v>
      </c>
      <c r="JV39" s="119">
        <v>0</v>
      </c>
      <c r="JW39" s="119">
        <v>0</v>
      </c>
      <c r="JX39" s="119">
        <v>92880</v>
      </c>
      <c r="JY39" s="119">
        <v>0</v>
      </c>
      <c r="JZ39" s="120">
        <v>92880</v>
      </c>
      <c r="KA39" s="321">
        <v>92880</v>
      </c>
      <c r="KB39" s="234">
        <v>44496</v>
      </c>
      <c r="KC39" s="230">
        <v>159372</v>
      </c>
      <c r="KD39" s="120">
        <v>203868</v>
      </c>
      <c r="KE39" s="118">
        <v>0</v>
      </c>
      <c r="KF39" s="119">
        <v>954891</v>
      </c>
      <c r="KG39" s="119">
        <v>1069839</v>
      </c>
      <c r="KH39" s="119">
        <v>992583</v>
      </c>
      <c r="KI39" s="119">
        <v>533232</v>
      </c>
      <c r="KJ39" s="119">
        <v>0</v>
      </c>
      <c r="KK39" s="120">
        <v>3550545</v>
      </c>
      <c r="KL39" s="143">
        <v>3754413</v>
      </c>
      <c r="KM39" s="232">
        <v>0</v>
      </c>
      <c r="KN39" s="236">
        <v>0</v>
      </c>
      <c r="KO39" s="237">
        <v>0</v>
      </c>
      <c r="KP39" s="140"/>
      <c r="KQ39" s="119">
        <v>488052</v>
      </c>
      <c r="KR39" s="119">
        <v>764235</v>
      </c>
      <c r="KS39" s="119">
        <v>524178</v>
      </c>
      <c r="KT39" s="119">
        <v>533988</v>
      </c>
      <c r="KU39" s="119">
        <v>1088748</v>
      </c>
      <c r="KV39" s="120">
        <v>3399201</v>
      </c>
      <c r="KW39" s="321">
        <v>3399201</v>
      </c>
      <c r="KX39" s="142">
        <v>0</v>
      </c>
      <c r="KY39" s="119">
        <v>0</v>
      </c>
      <c r="KZ39" s="120">
        <v>0</v>
      </c>
      <c r="LA39" s="145"/>
      <c r="LB39" s="119">
        <v>0</v>
      </c>
      <c r="LC39" s="119">
        <v>0</v>
      </c>
      <c r="LD39" s="119">
        <v>0</v>
      </c>
      <c r="LE39" s="119">
        <v>0</v>
      </c>
      <c r="LF39" s="119">
        <v>0</v>
      </c>
      <c r="LG39" s="120">
        <v>0</v>
      </c>
      <c r="LH39" s="121">
        <v>0</v>
      </c>
      <c r="LI39" s="142">
        <v>0</v>
      </c>
      <c r="LJ39" s="119">
        <v>0</v>
      </c>
      <c r="LK39" s="120">
        <v>0</v>
      </c>
      <c r="LL39" s="145"/>
      <c r="LM39" s="119">
        <v>0</v>
      </c>
      <c r="LN39" s="119">
        <v>0</v>
      </c>
      <c r="LO39" s="119">
        <v>0</v>
      </c>
      <c r="LP39" s="119">
        <v>0</v>
      </c>
      <c r="LQ39" s="119">
        <v>0</v>
      </c>
      <c r="LR39" s="120">
        <v>0</v>
      </c>
      <c r="LS39" s="321">
        <v>0</v>
      </c>
      <c r="LT39" s="142">
        <v>0</v>
      </c>
      <c r="LU39" s="119">
        <v>0</v>
      </c>
      <c r="LV39" s="120">
        <v>0</v>
      </c>
      <c r="LW39" s="145"/>
      <c r="LX39" s="119">
        <v>629010</v>
      </c>
      <c r="LY39" s="119">
        <v>2611856</v>
      </c>
      <c r="LZ39" s="119">
        <v>1227944</v>
      </c>
      <c r="MA39" s="119">
        <v>1166328</v>
      </c>
      <c r="MB39" s="119">
        <v>0</v>
      </c>
      <c r="MC39" s="120">
        <v>5635138</v>
      </c>
      <c r="MD39" s="121">
        <v>5635138</v>
      </c>
      <c r="ME39" s="142">
        <v>0</v>
      </c>
      <c r="MF39" s="119">
        <v>0</v>
      </c>
      <c r="MG39" s="120">
        <v>0</v>
      </c>
      <c r="MH39" s="145"/>
      <c r="MI39" s="119">
        <v>1320012</v>
      </c>
      <c r="MJ39" s="119">
        <v>3287673</v>
      </c>
      <c r="MK39" s="119">
        <v>5533602</v>
      </c>
      <c r="ML39" s="119">
        <v>8792516</v>
      </c>
      <c r="MM39" s="119">
        <v>5702190</v>
      </c>
      <c r="MN39" s="120">
        <v>24635993</v>
      </c>
      <c r="MO39" s="143">
        <v>24635993</v>
      </c>
      <c r="MP39" s="142">
        <v>0</v>
      </c>
      <c r="MQ39" s="119">
        <v>0</v>
      </c>
      <c r="MR39" s="120">
        <v>0</v>
      </c>
      <c r="MS39" s="145"/>
      <c r="MT39" s="119">
        <v>0</v>
      </c>
      <c r="MU39" s="119">
        <v>0</v>
      </c>
      <c r="MV39" s="119">
        <v>1504023</v>
      </c>
      <c r="MW39" s="119">
        <v>5980781</v>
      </c>
      <c r="MX39" s="119">
        <v>3865179</v>
      </c>
      <c r="MY39" s="120">
        <v>11349983</v>
      </c>
      <c r="MZ39" s="143">
        <v>11349983</v>
      </c>
      <c r="NA39" s="142">
        <v>0</v>
      </c>
      <c r="NB39" s="119">
        <v>0</v>
      </c>
      <c r="NC39" s="120">
        <v>0</v>
      </c>
      <c r="ND39" s="145"/>
      <c r="NE39" s="119">
        <v>1320012</v>
      </c>
      <c r="NF39" s="119">
        <v>3038490</v>
      </c>
      <c r="NG39" s="119">
        <v>4029579</v>
      </c>
      <c r="NH39" s="119">
        <v>2487330</v>
      </c>
      <c r="NI39" s="119">
        <v>1721631</v>
      </c>
      <c r="NJ39" s="120">
        <v>12597042</v>
      </c>
      <c r="NK39" s="321">
        <v>12597042</v>
      </c>
      <c r="NL39" s="142">
        <v>0</v>
      </c>
      <c r="NM39" s="119">
        <v>0</v>
      </c>
      <c r="NN39" s="120">
        <v>0</v>
      </c>
      <c r="NO39" s="145"/>
      <c r="NP39" s="119">
        <v>0</v>
      </c>
      <c r="NQ39" s="119">
        <v>0</v>
      </c>
      <c r="NR39" s="119">
        <v>0</v>
      </c>
      <c r="NS39" s="119">
        <v>0</v>
      </c>
      <c r="NT39" s="119">
        <v>0</v>
      </c>
      <c r="NU39" s="120">
        <v>0</v>
      </c>
      <c r="NV39" s="121">
        <v>0</v>
      </c>
      <c r="NW39" s="142">
        <v>0</v>
      </c>
      <c r="NX39" s="119">
        <v>0</v>
      </c>
      <c r="NY39" s="120">
        <v>0</v>
      </c>
      <c r="NZ39" s="145"/>
      <c r="OA39" s="119">
        <v>0</v>
      </c>
      <c r="OB39" s="119">
        <v>249183</v>
      </c>
      <c r="OC39" s="119">
        <v>0</v>
      </c>
      <c r="OD39" s="119">
        <v>324405</v>
      </c>
      <c r="OE39" s="119">
        <v>115380</v>
      </c>
      <c r="OF39" s="120">
        <v>688968</v>
      </c>
      <c r="OG39" s="121">
        <v>688968</v>
      </c>
      <c r="OH39" s="142">
        <v>603492</v>
      </c>
      <c r="OI39" s="119">
        <v>803770</v>
      </c>
      <c r="OJ39" s="141">
        <v>1407262</v>
      </c>
      <c r="OK39" s="118">
        <v>0</v>
      </c>
      <c r="OL39" s="119">
        <v>11265898</v>
      </c>
      <c r="OM39" s="119">
        <v>13188604</v>
      </c>
      <c r="ON39" s="119">
        <v>14020840</v>
      </c>
      <c r="OO39" s="119">
        <v>16566303</v>
      </c>
      <c r="OP39" s="119">
        <v>9034041</v>
      </c>
      <c r="OQ39" s="120">
        <v>64075686</v>
      </c>
      <c r="OR39" s="143">
        <v>65482948</v>
      </c>
    </row>
    <row r="40" spans="1:408" ht="18.75" customHeight="1" x14ac:dyDescent="0.2">
      <c r="A40" s="62" t="s">
        <v>35</v>
      </c>
      <c r="B40" s="110">
        <v>2302098</v>
      </c>
      <c r="C40" s="114">
        <v>3692523</v>
      </c>
      <c r="D40" s="113">
        <v>5994621</v>
      </c>
      <c r="E40" s="109">
        <v>0</v>
      </c>
      <c r="F40" s="114">
        <v>28958483</v>
      </c>
      <c r="G40" s="114">
        <v>25852483</v>
      </c>
      <c r="H40" s="114">
        <v>21502285</v>
      </c>
      <c r="I40" s="114">
        <v>20726887</v>
      </c>
      <c r="J40" s="114">
        <v>11346579</v>
      </c>
      <c r="K40" s="173">
        <v>108386717</v>
      </c>
      <c r="L40" s="116">
        <v>114381338</v>
      </c>
      <c r="M40" s="110">
        <v>446515</v>
      </c>
      <c r="N40" s="114">
        <v>532356</v>
      </c>
      <c r="O40" s="113">
        <v>978871</v>
      </c>
      <c r="P40" s="110">
        <v>0</v>
      </c>
      <c r="Q40" s="114">
        <v>6130814</v>
      </c>
      <c r="R40" s="114">
        <v>6179365</v>
      </c>
      <c r="S40" s="114">
        <v>5057712</v>
      </c>
      <c r="T40" s="114">
        <v>6506990</v>
      </c>
      <c r="U40" s="114">
        <v>5329010</v>
      </c>
      <c r="V40" s="113">
        <v>29203891</v>
      </c>
      <c r="W40" s="116">
        <v>30182762</v>
      </c>
      <c r="X40" s="110">
        <v>0</v>
      </c>
      <c r="Y40" s="114">
        <v>0</v>
      </c>
      <c r="Z40" s="113">
        <v>0</v>
      </c>
      <c r="AA40" s="110">
        <v>0</v>
      </c>
      <c r="AB40" s="114">
        <v>3038249</v>
      </c>
      <c r="AC40" s="114">
        <v>2696949</v>
      </c>
      <c r="AD40" s="114">
        <v>2816232</v>
      </c>
      <c r="AE40" s="114">
        <v>3829876</v>
      </c>
      <c r="AF40" s="114">
        <v>3018256</v>
      </c>
      <c r="AG40" s="113">
        <v>15399562</v>
      </c>
      <c r="AH40" s="116">
        <v>15399562</v>
      </c>
      <c r="AI40" s="110">
        <v>0</v>
      </c>
      <c r="AJ40" s="114">
        <v>0</v>
      </c>
      <c r="AK40" s="113">
        <v>0</v>
      </c>
      <c r="AL40" s="110">
        <v>0</v>
      </c>
      <c r="AM40" s="114">
        <v>0</v>
      </c>
      <c r="AN40" s="114">
        <v>367236</v>
      </c>
      <c r="AO40" s="114">
        <v>188600</v>
      </c>
      <c r="AP40" s="114">
        <v>621945</v>
      </c>
      <c r="AQ40" s="114">
        <v>1249155</v>
      </c>
      <c r="AR40" s="113">
        <v>2426936</v>
      </c>
      <c r="AS40" s="116">
        <v>2426936</v>
      </c>
      <c r="AT40" s="110">
        <v>26550</v>
      </c>
      <c r="AU40" s="114">
        <v>190458</v>
      </c>
      <c r="AV40" s="113">
        <v>217008</v>
      </c>
      <c r="AW40" s="110">
        <v>0</v>
      </c>
      <c r="AX40" s="114">
        <v>1282029</v>
      </c>
      <c r="AY40" s="114">
        <v>1467584</v>
      </c>
      <c r="AZ40" s="114">
        <v>810011</v>
      </c>
      <c r="BA40" s="114">
        <v>816470</v>
      </c>
      <c r="BB40" s="114">
        <v>429394</v>
      </c>
      <c r="BC40" s="113">
        <v>4805488</v>
      </c>
      <c r="BD40" s="116">
        <v>5022496</v>
      </c>
      <c r="BE40" s="110">
        <v>19719</v>
      </c>
      <c r="BF40" s="114">
        <v>50292</v>
      </c>
      <c r="BG40" s="112">
        <v>70011</v>
      </c>
      <c r="BH40" s="111">
        <v>0</v>
      </c>
      <c r="BI40" s="114">
        <v>641937</v>
      </c>
      <c r="BJ40" s="114">
        <v>427328</v>
      </c>
      <c r="BK40" s="114">
        <v>237036</v>
      </c>
      <c r="BL40" s="114">
        <v>145962</v>
      </c>
      <c r="BM40" s="114">
        <v>65934</v>
      </c>
      <c r="BN40" s="113">
        <v>1518197</v>
      </c>
      <c r="BO40" s="116">
        <v>1588208</v>
      </c>
      <c r="BP40" s="110">
        <v>400246</v>
      </c>
      <c r="BQ40" s="114">
        <v>291606</v>
      </c>
      <c r="BR40" s="113">
        <v>691852</v>
      </c>
      <c r="BS40" s="110">
        <v>0</v>
      </c>
      <c r="BT40" s="114">
        <v>1168599</v>
      </c>
      <c r="BU40" s="114">
        <v>1220268</v>
      </c>
      <c r="BV40" s="114">
        <v>1005833</v>
      </c>
      <c r="BW40" s="114">
        <v>1092737</v>
      </c>
      <c r="BX40" s="114">
        <v>566271</v>
      </c>
      <c r="BY40" s="113">
        <v>5053708</v>
      </c>
      <c r="BZ40" s="116">
        <v>5745560</v>
      </c>
      <c r="CA40" s="110">
        <v>204092</v>
      </c>
      <c r="CB40" s="114">
        <v>1063114</v>
      </c>
      <c r="CC40" s="113">
        <v>1267206</v>
      </c>
      <c r="CD40" s="110">
        <v>0</v>
      </c>
      <c r="CE40" s="114">
        <v>10848040</v>
      </c>
      <c r="CF40" s="114">
        <v>9115955</v>
      </c>
      <c r="CG40" s="114">
        <v>6961864</v>
      </c>
      <c r="CH40" s="114">
        <v>4547166</v>
      </c>
      <c r="CI40" s="114">
        <v>1945764</v>
      </c>
      <c r="CJ40" s="113">
        <v>33418789</v>
      </c>
      <c r="CK40" s="116">
        <v>34685995</v>
      </c>
      <c r="CL40" s="110">
        <v>0</v>
      </c>
      <c r="CM40" s="114">
        <v>0</v>
      </c>
      <c r="CN40" s="113">
        <v>0</v>
      </c>
      <c r="CO40" s="111">
        <v>0</v>
      </c>
      <c r="CP40" s="114">
        <v>7973417</v>
      </c>
      <c r="CQ40" s="114">
        <v>7259783</v>
      </c>
      <c r="CR40" s="114">
        <v>5856034</v>
      </c>
      <c r="CS40" s="114">
        <v>3308692</v>
      </c>
      <c r="CT40" s="114">
        <v>1922049</v>
      </c>
      <c r="CU40" s="113">
        <v>26319975</v>
      </c>
      <c r="CV40" s="116">
        <v>26319975</v>
      </c>
      <c r="CW40" s="110">
        <v>204092</v>
      </c>
      <c r="CX40" s="114">
        <v>1063114</v>
      </c>
      <c r="CY40" s="113">
        <v>1267206</v>
      </c>
      <c r="CZ40" s="110">
        <v>0</v>
      </c>
      <c r="DA40" s="114">
        <v>2874623</v>
      </c>
      <c r="DB40" s="114">
        <v>1856172</v>
      </c>
      <c r="DC40" s="114">
        <v>1105830</v>
      </c>
      <c r="DD40" s="114">
        <v>1238474</v>
      </c>
      <c r="DE40" s="114">
        <v>23715</v>
      </c>
      <c r="DF40" s="113">
        <v>7098814</v>
      </c>
      <c r="DG40" s="116">
        <v>8366020</v>
      </c>
      <c r="DH40" s="110">
        <v>0</v>
      </c>
      <c r="DI40" s="114">
        <v>0</v>
      </c>
      <c r="DJ40" s="112">
        <v>0</v>
      </c>
      <c r="DK40" s="111">
        <v>0</v>
      </c>
      <c r="DL40" s="114">
        <v>89883</v>
      </c>
      <c r="DM40" s="114">
        <v>764593</v>
      </c>
      <c r="DN40" s="114">
        <v>1459638</v>
      </c>
      <c r="DO40" s="114">
        <v>1193193</v>
      </c>
      <c r="DP40" s="114">
        <v>263889</v>
      </c>
      <c r="DQ40" s="113">
        <v>3771196</v>
      </c>
      <c r="DR40" s="116">
        <v>3771196</v>
      </c>
      <c r="DS40" s="110">
        <v>0</v>
      </c>
      <c r="DT40" s="114">
        <v>0</v>
      </c>
      <c r="DU40" s="113">
        <v>0</v>
      </c>
      <c r="DV40" s="110">
        <v>0</v>
      </c>
      <c r="DW40" s="114">
        <v>-29115</v>
      </c>
      <c r="DX40" s="114">
        <v>728584</v>
      </c>
      <c r="DY40" s="114">
        <v>1415142</v>
      </c>
      <c r="DZ40" s="114">
        <v>1103643</v>
      </c>
      <c r="EA40" s="114">
        <v>263889</v>
      </c>
      <c r="EB40" s="113">
        <v>3482143</v>
      </c>
      <c r="EC40" s="116">
        <v>3482143</v>
      </c>
      <c r="ED40" s="110">
        <v>0</v>
      </c>
      <c r="EE40" s="112">
        <v>0</v>
      </c>
      <c r="EF40" s="113">
        <v>0</v>
      </c>
      <c r="EG40" s="110">
        <v>0</v>
      </c>
      <c r="EH40" s="114">
        <v>118998</v>
      </c>
      <c r="EI40" s="114">
        <v>36009</v>
      </c>
      <c r="EJ40" s="114">
        <v>44496</v>
      </c>
      <c r="EK40" s="114">
        <v>89550</v>
      </c>
      <c r="EL40" s="114">
        <v>0</v>
      </c>
      <c r="EM40" s="112">
        <v>289053</v>
      </c>
      <c r="EN40" s="116">
        <v>289053</v>
      </c>
      <c r="EO40" s="110">
        <v>0</v>
      </c>
      <c r="EP40" s="114">
        <v>0</v>
      </c>
      <c r="EQ40" s="112">
        <v>0</v>
      </c>
      <c r="ER40" s="111">
        <v>0</v>
      </c>
      <c r="ES40" s="114">
        <v>0</v>
      </c>
      <c r="ET40" s="114">
        <v>0</v>
      </c>
      <c r="EU40" s="114">
        <v>0</v>
      </c>
      <c r="EV40" s="114">
        <v>0</v>
      </c>
      <c r="EW40" s="114">
        <v>0</v>
      </c>
      <c r="EX40" s="113">
        <v>0</v>
      </c>
      <c r="EY40" s="116">
        <v>0</v>
      </c>
      <c r="EZ40" s="110">
        <v>0</v>
      </c>
      <c r="FA40" s="114">
        <v>0</v>
      </c>
      <c r="FB40" s="112">
        <v>0</v>
      </c>
      <c r="FC40" s="348"/>
      <c r="FD40" s="114">
        <v>0</v>
      </c>
      <c r="FE40" s="114">
        <v>0</v>
      </c>
      <c r="FF40" s="114">
        <v>0</v>
      </c>
      <c r="FG40" s="114">
        <v>0</v>
      </c>
      <c r="FH40" s="114">
        <v>0</v>
      </c>
      <c r="FI40" s="113">
        <v>0</v>
      </c>
      <c r="FJ40" s="116">
        <v>0</v>
      </c>
      <c r="FK40" s="110">
        <v>158157</v>
      </c>
      <c r="FL40" s="114">
        <v>542088</v>
      </c>
      <c r="FM40" s="113">
        <v>700245</v>
      </c>
      <c r="FN40" s="110">
        <v>0</v>
      </c>
      <c r="FO40" s="114">
        <v>1430537</v>
      </c>
      <c r="FP40" s="114">
        <v>2569427</v>
      </c>
      <c r="FQ40" s="114">
        <v>1375494</v>
      </c>
      <c r="FR40" s="114">
        <v>1144790</v>
      </c>
      <c r="FS40" s="114">
        <v>708791</v>
      </c>
      <c r="FT40" s="113">
        <v>7229039</v>
      </c>
      <c r="FU40" s="116">
        <v>7929284</v>
      </c>
      <c r="FV40" s="115">
        <v>140337</v>
      </c>
      <c r="FW40" s="114">
        <v>455266</v>
      </c>
      <c r="FX40" s="112">
        <v>595603</v>
      </c>
      <c r="FY40" s="111">
        <v>0</v>
      </c>
      <c r="FZ40" s="114">
        <v>998856</v>
      </c>
      <c r="GA40" s="114">
        <v>2055144</v>
      </c>
      <c r="GB40" s="114">
        <v>1273574</v>
      </c>
      <c r="GC40" s="114">
        <v>1123802</v>
      </c>
      <c r="GD40" s="114">
        <v>708791</v>
      </c>
      <c r="GE40" s="113">
        <v>6160167</v>
      </c>
      <c r="GF40" s="319">
        <v>6755770</v>
      </c>
      <c r="GG40" s="115">
        <v>17820</v>
      </c>
      <c r="GH40" s="114">
        <v>46232</v>
      </c>
      <c r="GI40" s="112">
        <v>64052</v>
      </c>
      <c r="GJ40" s="111">
        <v>0</v>
      </c>
      <c r="GK40" s="114">
        <v>80011</v>
      </c>
      <c r="GL40" s="114">
        <v>24552</v>
      </c>
      <c r="GM40" s="114">
        <v>0</v>
      </c>
      <c r="GN40" s="114">
        <v>20988</v>
      </c>
      <c r="GO40" s="114">
        <v>0</v>
      </c>
      <c r="GP40" s="113">
        <v>125551</v>
      </c>
      <c r="GQ40" s="116">
        <v>189603</v>
      </c>
      <c r="GR40" s="110">
        <v>0</v>
      </c>
      <c r="GS40" s="114">
        <v>40590</v>
      </c>
      <c r="GT40" s="113">
        <v>40590</v>
      </c>
      <c r="GU40" s="110">
        <v>0</v>
      </c>
      <c r="GV40" s="114">
        <v>351670</v>
      </c>
      <c r="GW40" s="114">
        <v>489731</v>
      </c>
      <c r="GX40" s="114">
        <v>101920</v>
      </c>
      <c r="GY40" s="114">
        <v>0</v>
      </c>
      <c r="GZ40" s="114">
        <v>0</v>
      </c>
      <c r="HA40" s="112">
        <v>943321</v>
      </c>
      <c r="HB40" s="116">
        <v>983911</v>
      </c>
      <c r="HC40" s="110">
        <v>1312448</v>
      </c>
      <c r="HD40" s="114">
        <v>1163525</v>
      </c>
      <c r="HE40" s="112">
        <v>2475973</v>
      </c>
      <c r="HF40" s="111">
        <v>0</v>
      </c>
      <c r="HG40" s="114">
        <v>6470608</v>
      </c>
      <c r="HH40" s="114">
        <v>4471363</v>
      </c>
      <c r="HI40" s="114">
        <v>4883511</v>
      </c>
      <c r="HJ40" s="114">
        <v>6142779</v>
      </c>
      <c r="HK40" s="114">
        <v>2499735</v>
      </c>
      <c r="HL40" s="113">
        <v>24467996</v>
      </c>
      <c r="HM40" s="109">
        <v>26943969</v>
      </c>
      <c r="HN40" s="115">
        <v>180886</v>
      </c>
      <c r="HO40" s="114">
        <v>391440</v>
      </c>
      <c r="HP40" s="113">
        <v>572326</v>
      </c>
      <c r="HQ40" s="110">
        <v>0</v>
      </c>
      <c r="HR40" s="114">
        <v>3988601</v>
      </c>
      <c r="HS40" s="114">
        <v>2751780</v>
      </c>
      <c r="HT40" s="114">
        <v>1764066</v>
      </c>
      <c r="HU40" s="114">
        <v>1191969</v>
      </c>
      <c r="HV40" s="114">
        <v>599390</v>
      </c>
      <c r="HW40" s="112">
        <v>10295806</v>
      </c>
      <c r="HX40" s="116">
        <v>10868132</v>
      </c>
      <c r="HY40" s="150">
        <v>0</v>
      </c>
      <c r="HZ40" s="135">
        <v>191115</v>
      </c>
      <c r="IA40" s="150">
        <v>191115</v>
      </c>
      <c r="IB40" s="146">
        <v>0</v>
      </c>
      <c r="IC40" s="132">
        <v>4541523</v>
      </c>
      <c r="ID40" s="147">
        <v>7525147</v>
      </c>
      <c r="IE40" s="133">
        <v>7758448</v>
      </c>
      <c r="IF40" s="132">
        <v>5232676</v>
      </c>
      <c r="IG40" s="133">
        <v>2459349</v>
      </c>
      <c r="IH40" s="148">
        <v>27517143</v>
      </c>
      <c r="II40" s="150">
        <v>27708258</v>
      </c>
      <c r="IJ40" s="232">
        <v>0</v>
      </c>
      <c r="IK40" s="236">
        <v>0</v>
      </c>
      <c r="IL40" s="237">
        <v>0</v>
      </c>
      <c r="IM40" s="140"/>
      <c r="IN40" s="119">
        <v>0</v>
      </c>
      <c r="IO40" s="119">
        <v>61720</v>
      </c>
      <c r="IP40" s="119">
        <v>184149</v>
      </c>
      <c r="IQ40" s="119">
        <v>228231</v>
      </c>
      <c r="IR40" s="119">
        <v>0</v>
      </c>
      <c r="IS40" s="141">
        <v>474100</v>
      </c>
      <c r="IT40" s="321">
        <v>474100</v>
      </c>
      <c r="IU40" s="142">
        <v>0</v>
      </c>
      <c r="IV40" s="119">
        <v>0</v>
      </c>
      <c r="IW40" s="120">
        <v>0</v>
      </c>
      <c r="IX40" s="144"/>
      <c r="IY40" s="119">
        <v>0</v>
      </c>
      <c r="IZ40" s="119">
        <v>0</v>
      </c>
      <c r="JA40" s="119">
        <v>0</v>
      </c>
      <c r="JB40" s="119">
        <v>0</v>
      </c>
      <c r="JC40" s="119">
        <v>0</v>
      </c>
      <c r="JD40" s="120">
        <v>0</v>
      </c>
      <c r="JE40" s="121">
        <v>0</v>
      </c>
      <c r="JF40" s="142">
        <v>0</v>
      </c>
      <c r="JG40" s="119">
        <v>0</v>
      </c>
      <c r="JH40" s="141">
        <v>0</v>
      </c>
      <c r="JI40" s="118">
        <v>0</v>
      </c>
      <c r="JJ40" s="119">
        <v>1344557</v>
      </c>
      <c r="JK40" s="119">
        <v>1786008</v>
      </c>
      <c r="JL40" s="119">
        <v>2041578</v>
      </c>
      <c r="JM40" s="119">
        <v>1297209</v>
      </c>
      <c r="JN40" s="119">
        <v>276894</v>
      </c>
      <c r="JO40" s="120">
        <v>6746246</v>
      </c>
      <c r="JP40" s="321">
        <v>6746246</v>
      </c>
      <c r="JQ40" s="142">
        <v>0</v>
      </c>
      <c r="JR40" s="119">
        <v>0</v>
      </c>
      <c r="JS40" s="141">
        <v>0</v>
      </c>
      <c r="JT40" s="118">
        <v>0</v>
      </c>
      <c r="JU40" s="119">
        <v>0</v>
      </c>
      <c r="JV40" s="119">
        <v>0</v>
      </c>
      <c r="JW40" s="119">
        <v>0</v>
      </c>
      <c r="JX40" s="119">
        <v>0</v>
      </c>
      <c r="JY40" s="119">
        <v>0</v>
      </c>
      <c r="JZ40" s="120">
        <v>0</v>
      </c>
      <c r="KA40" s="321">
        <v>0</v>
      </c>
      <c r="KB40" s="234">
        <v>0</v>
      </c>
      <c r="KC40" s="230">
        <v>191115</v>
      </c>
      <c r="KD40" s="120">
        <v>191115</v>
      </c>
      <c r="KE40" s="118">
        <v>0</v>
      </c>
      <c r="KF40" s="119">
        <v>1009102</v>
      </c>
      <c r="KG40" s="119">
        <v>1614692</v>
      </c>
      <c r="KH40" s="119">
        <v>1057327</v>
      </c>
      <c r="KI40" s="119">
        <v>7758</v>
      </c>
      <c r="KJ40" s="119">
        <v>535500</v>
      </c>
      <c r="KK40" s="120">
        <v>4224379</v>
      </c>
      <c r="KL40" s="143">
        <v>4415494</v>
      </c>
      <c r="KM40" s="232">
        <v>0</v>
      </c>
      <c r="KN40" s="236">
        <v>0</v>
      </c>
      <c r="KO40" s="237">
        <v>0</v>
      </c>
      <c r="KP40" s="140"/>
      <c r="KQ40" s="119">
        <v>2187864</v>
      </c>
      <c r="KR40" s="119">
        <v>4062727</v>
      </c>
      <c r="KS40" s="119">
        <v>4475394</v>
      </c>
      <c r="KT40" s="119">
        <v>3699478</v>
      </c>
      <c r="KU40" s="119">
        <v>1646955</v>
      </c>
      <c r="KV40" s="120">
        <v>16072418</v>
      </c>
      <c r="KW40" s="321">
        <v>16072418</v>
      </c>
      <c r="KX40" s="142">
        <v>0</v>
      </c>
      <c r="KY40" s="119">
        <v>0</v>
      </c>
      <c r="KZ40" s="120">
        <v>0</v>
      </c>
      <c r="LA40" s="145"/>
      <c r="LB40" s="119">
        <v>0</v>
      </c>
      <c r="LC40" s="119">
        <v>0</v>
      </c>
      <c r="LD40" s="119">
        <v>0</v>
      </c>
      <c r="LE40" s="119">
        <v>0</v>
      </c>
      <c r="LF40" s="119">
        <v>0</v>
      </c>
      <c r="LG40" s="120">
        <v>0</v>
      </c>
      <c r="LH40" s="121">
        <v>0</v>
      </c>
      <c r="LI40" s="142">
        <v>0</v>
      </c>
      <c r="LJ40" s="119">
        <v>0</v>
      </c>
      <c r="LK40" s="120">
        <v>0</v>
      </c>
      <c r="LL40" s="145"/>
      <c r="LM40" s="119">
        <v>0</v>
      </c>
      <c r="LN40" s="119">
        <v>0</v>
      </c>
      <c r="LO40" s="119">
        <v>0</v>
      </c>
      <c r="LP40" s="119">
        <v>0</v>
      </c>
      <c r="LQ40" s="119">
        <v>0</v>
      </c>
      <c r="LR40" s="120">
        <v>0</v>
      </c>
      <c r="LS40" s="321">
        <v>0</v>
      </c>
      <c r="LT40" s="142">
        <v>0</v>
      </c>
      <c r="LU40" s="119">
        <v>0</v>
      </c>
      <c r="LV40" s="120">
        <v>0</v>
      </c>
      <c r="LW40" s="145"/>
      <c r="LX40" s="119">
        <v>0</v>
      </c>
      <c r="LY40" s="119">
        <v>0</v>
      </c>
      <c r="LZ40" s="119">
        <v>0</v>
      </c>
      <c r="MA40" s="119">
        <v>0</v>
      </c>
      <c r="MB40" s="119">
        <v>0</v>
      </c>
      <c r="MC40" s="120">
        <v>0</v>
      </c>
      <c r="MD40" s="121">
        <v>0</v>
      </c>
      <c r="ME40" s="142">
        <v>0</v>
      </c>
      <c r="MF40" s="119">
        <v>0</v>
      </c>
      <c r="MG40" s="120">
        <v>0</v>
      </c>
      <c r="MH40" s="145"/>
      <c r="MI40" s="119">
        <v>7305334</v>
      </c>
      <c r="MJ40" s="119">
        <v>8173425</v>
      </c>
      <c r="MK40" s="119">
        <v>14053724</v>
      </c>
      <c r="ML40" s="119">
        <v>19106355</v>
      </c>
      <c r="MM40" s="119">
        <v>16064134</v>
      </c>
      <c r="MN40" s="120">
        <v>64702972</v>
      </c>
      <c r="MO40" s="143">
        <v>64702972</v>
      </c>
      <c r="MP40" s="142">
        <v>0</v>
      </c>
      <c r="MQ40" s="119">
        <v>0</v>
      </c>
      <c r="MR40" s="120">
        <v>0</v>
      </c>
      <c r="MS40" s="145"/>
      <c r="MT40" s="119">
        <v>390807</v>
      </c>
      <c r="MU40" s="119">
        <v>426168</v>
      </c>
      <c r="MV40" s="119">
        <v>5838562</v>
      </c>
      <c r="MW40" s="119">
        <v>11724167</v>
      </c>
      <c r="MX40" s="119">
        <v>9718428</v>
      </c>
      <c r="MY40" s="120">
        <v>28098132</v>
      </c>
      <c r="MZ40" s="143">
        <v>28098132</v>
      </c>
      <c r="NA40" s="142">
        <v>0</v>
      </c>
      <c r="NB40" s="119">
        <v>0</v>
      </c>
      <c r="NC40" s="120">
        <v>0</v>
      </c>
      <c r="ND40" s="145"/>
      <c r="NE40" s="119">
        <v>6028522</v>
      </c>
      <c r="NF40" s="119">
        <v>7249044</v>
      </c>
      <c r="NG40" s="119">
        <v>7002142</v>
      </c>
      <c r="NH40" s="119">
        <v>4425796</v>
      </c>
      <c r="NI40" s="119">
        <v>2857693</v>
      </c>
      <c r="NJ40" s="120">
        <v>27563197</v>
      </c>
      <c r="NK40" s="321">
        <v>27563197</v>
      </c>
      <c r="NL40" s="142">
        <v>0</v>
      </c>
      <c r="NM40" s="119">
        <v>0</v>
      </c>
      <c r="NN40" s="120">
        <v>0</v>
      </c>
      <c r="NO40" s="145"/>
      <c r="NP40" s="119">
        <v>0</v>
      </c>
      <c r="NQ40" s="119">
        <v>0</v>
      </c>
      <c r="NR40" s="119">
        <v>0</v>
      </c>
      <c r="NS40" s="119">
        <v>0</v>
      </c>
      <c r="NT40" s="119">
        <v>0</v>
      </c>
      <c r="NU40" s="120">
        <v>0</v>
      </c>
      <c r="NV40" s="121">
        <v>0</v>
      </c>
      <c r="NW40" s="142">
        <v>0</v>
      </c>
      <c r="NX40" s="119">
        <v>0</v>
      </c>
      <c r="NY40" s="120">
        <v>0</v>
      </c>
      <c r="NZ40" s="145"/>
      <c r="OA40" s="119">
        <v>886005</v>
      </c>
      <c r="OB40" s="119">
        <v>498213</v>
      </c>
      <c r="OC40" s="119">
        <v>1213020</v>
      </c>
      <c r="OD40" s="119">
        <v>2956392</v>
      </c>
      <c r="OE40" s="119">
        <v>3488013</v>
      </c>
      <c r="OF40" s="120">
        <v>9041643</v>
      </c>
      <c r="OG40" s="121">
        <v>9041643</v>
      </c>
      <c r="OH40" s="142">
        <v>2302098</v>
      </c>
      <c r="OI40" s="119">
        <v>3883638</v>
      </c>
      <c r="OJ40" s="141">
        <v>6185736</v>
      </c>
      <c r="OK40" s="118">
        <v>0</v>
      </c>
      <c r="OL40" s="119">
        <v>40805340</v>
      </c>
      <c r="OM40" s="119">
        <v>41551055</v>
      </c>
      <c r="ON40" s="119">
        <v>43314457</v>
      </c>
      <c r="OO40" s="119">
        <v>45065918</v>
      </c>
      <c r="OP40" s="119">
        <v>29870062</v>
      </c>
      <c r="OQ40" s="120">
        <v>200606832</v>
      </c>
      <c r="OR40" s="143">
        <v>206792568</v>
      </c>
    </row>
    <row r="41" spans="1:408" ht="18.75" customHeight="1" x14ac:dyDescent="0.2">
      <c r="A41" s="62" t="s">
        <v>36</v>
      </c>
      <c r="B41" s="110">
        <v>1184255</v>
      </c>
      <c r="C41" s="114">
        <v>2892602</v>
      </c>
      <c r="D41" s="113">
        <v>4076857</v>
      </c>
      <c r="E41" s="109">
        <v>0</v>
      </c>
      <c r="F41" s="114">
        <v>22056986</v>
      </c>
      <c r="G41" s="114">
        <v>26332508</v>
      </c>
      <c r="H41" s="114">
        <v>26701150</v>
      </c>
      <c r="I41" s="114">
        <v>16064985</v>
      </c>
      <c r="J41" s="114">
        <v>14187937</v>
      </c>
      <c r="K41" s="173">
        <v>105343566</v>
      </c>
      <c r="L41" s="116">
        <v>109420423</v>
      </c>
      <c r="M41" s="110">
        <v>464458</v>
      </c>
      <c r="N41" s="114">
        <v>605829</v>
      </c>
      <c r="O41" s="113">
        <v>1070287</v>
      </c>
      <c r="P41" s="110">
        <v>0</v>
      </c>
      <c r="Q41" s="114">
        <v>6329687</v>
      </c>
      <c r="R41" s="114">
        <v>8023218</v>
      </c>
      <c r="S41" s="114">
        <v>8316367</v>
      </c>
      <c r="T41" s="114">
        <v>8177927</v>
      </c>
      <c r="U41" s="114">
        <v>7329909</v>
      </c>
      <c r="V41" s="113">
        <v>38177108</v>
      </c>
      <c r="W41" s="116">
        <v>39247395</v>
      </c>
      <c r="X41" s="110">
        <v>0</v>
      </c>
      <c r="Y41" s="114">
        <v>0</v>
      </c>
      <c r="Z41" s="113">
        <v>0</v>
      </c>
      <c r="AA41" s="110">
        <v>0</v>
      </c>
      <c r="AB41" s="114">
        <v>3159001</v>
      </c>
      <c r="AC41" s="114">
        <v>3767581</v>
      </c>
      <c r="AD41" s="114">
        <v>5014351</v>
      </c>
      <c r="AE41" s="114">
        <v>4584600</v>
      </c>
      <c r="AF41" s="114">
        <v>4202935</v>
      </c>
      <c r="AG41" s="113">
        <v>20728468</v>
      </c>
      <c r="AH41" s="116">
        <v>20728468</v>
      </c>
      <c r="AI41" s="110">
        <v>0</v>
      </c>
      <c r="AJ41" s="114">
        <v>10857</v>
      </c>
      <c r="AK41" s="113">
        <v>10857</v>
      </c>
      <c r="AL41" s="110">
        <v>0</v>
      </c>
      <c r="AM41" s="114">
        <v>124820</v>
      </c>
      <c r="AN41" s="114">
        <v>451699</v>
      </c>
      <c r="AO41" s="114">
        <v>117052</v>
      </c>
      <c r="AP41" s="114">
        <v>647072</v>
      </c>
      <c r="AQ41" s="114">
        <v>653655</v>
      </c>
      <c r="AR41" s="113">
        <v>1994298</v>
      </c>
      <c r="AS41" s="116">
        <v>2005155</v>
      </c>
      <c r="AT41" s="110">
        <v>328886</v>
      </c>
      <c r="AU41" s="114">
        <v>428580</v>
      </c>
      <c r="AV41" s="113">
        <v>757466</v>
      </c>
      <c r="AW41" s="110">
        <v>0</v>
      </c>
      <c r="AX41" s="114">
        <v>2337524</v>
      </c>
      <c r="AY41" s="114">
        <v>2626579</v>
      </c>
      <c r="AZ41" s="114">
        <v>1545134</v>
      </c>
      <c r="BA41" s="114">
        <v>1890476</v>
      </c>
      <c r="BB41" s="114">
        <v>1702763</v>
      </c>
      <c r="BC41" s="113">
        <v>10102476</v>
      </c>
      <c r="BD41" s="116">
        <v>10859942</v>
      </c>
      <c r="BE41" s="110">
        <v>96053</v>
      </c>
      <c r="BF41" s="114">
        <v>88302</v>
      </c>
      <c r="BG41" s="112">
        <v>184355</v>
      </c>
      <c r="BH41" s="111">
        <v>0</v>
      </c>
      <c r="BI41" s="114">
        <v>258679</v>
      </c>
      <c r="BJ41" s="114">
        <v>360139</v>
      </c>
      <c r="BK41" s="114">
        <v>316090</v>
      </c>
      <c r="BL41" s="114">
        <v>280760</v>
      </c>
      <c r="BM41" s="114">
        <v>186978</v>
      </c>
      <c r="BN41" s="113">
        <v>1402646</v>
      </c>
      <c r="BO41" s="116">
        <v>1587001</v>
      </c>
      <c r="BP41" s="110">
        <v>39519</v>
      </c>
      <c r="BQ41" s="114">
        <v>78090</v>
      </c>
      <c r="BR41" s="113">
        <v>117609</v>
      </c>
      <c r="BS41" s="110">
        <v>0</v>
      </c>
      <c r="BT41" s="114">
        <v>449663</v>
      </c>
      <c r="BU41" s="114">
        <v>817220</v>
      </c>
      <c r="BV41" s="114">
        <v>1323740</v>
      </c>
      <c r="BW41" s="114">
        <v>775019</v>
      </c>
      <c r="BX41" s="114">
        <v>583578</v>
      </c>
      <c r="BY41" s="113">
        <v>3949220</v>
      </c>
      <c r="BZ41" s="116">
        <v>4066829</v>
      </c>
      <c r="CA41" s="110">
        <v>106765</v>
      </c>
      <c r="CB41" s="114">
        <v>523463</v>
      </c>
      <c r="CC41" s="113">
        <v>630228</v>
      </c>
      <c r="CD41" s="110">
        <v>0</v>
      </c>
      <c r="CE41" s="114">
        <v>7575136</v>
      </c>
      <c r="CF41" s="114">
        <v>8959565</v>
      </c>
      <c r="CG41" s="114">
        <v>7743038</v>
      </c>
      <c r="CH41" s="114">
        <v>2858742</v>
      </c>
      <c r="CI41" s="114">
        <v>1896133</v>
      </c>
      <c r="CJ41" s="113">
        <v>29032614</v>
      </c>
      <c r="CK41" s="116">
        <v>29662842</v>
      </c>
      <c r="CL41" s="110">
        <v>0</v>
      </c>
      <c r="CM41" s="114">
        <v>0</v>
      </c>
      <c r="CN41" s="113">
        <v>0</v>
      </c>
      <c r="CO41" s="111">
        <v>0</v>
      </c>
      <c r="CP41" s="114">
        <v>5807949</v>
      </c>
      <c r="CQ41" s="114">
        <v>7382440</v>
      </c>
      <c r="CR41" s="114">
        <v>6494342</v>
      </c>
      <c r="CS41" s="114">
        <v>2726727</v>
      </c>
      <c r="CT41" s="114">
        <v>1828301</v>
      </c>
      <c r="CU41" s="113">
        <v>24239759</v>
      </c>
      <c r="CV41" s="116">
        <v>24239759</v>
      </c>
      <c r="CW41" s="110">
        <v>106765</v>
      </c>
      <c r="CX41" s="114">
        <v>523463</v>
      </c>
      <c r="CY41" s="113">
        <v>630228</v>
      </c>
      <c r="CZ41" s="110">
        <v>0</v>
      </c>
      <c r="DA41" s="114">
        <v>1767187</v>
      </c>
      <c r="DB41" s="114">
        <v>1577125</v>
      </c>
      <c r="DC41" s="114">
        <v>1248696</v>
      </c>
      <c r="DD41" s="114">
        <v>132015</v>
      </c>
      <c r="DE41" s="114">
        <v>67832</v>
      </c>
      <c r="DF41" s="113">
        <v>4792855</v>
      </c>
      <c r="DG41" s="116">
        <v>5423083</v>
      </c>
      <c r="DH41" s="110">
        <v>0</v>
      </c>
      <c r="DI41" s="114">
        <v>43164</v>
      </c>
      <c r="DJ41" s="112">
        <v>43164</v>
      </c>
      <c r="DK41" s="111">
        <v>0</v>
      </c>
      <c r="DL41" s="114">
        <v>895821</v>
      </c>
      <c r="DM41" s="114">
        <v>1509046</v>
      </c>
      <c r="DN41" s="114">
        <v>2907772</v>
      </c>
      <c r="DO41" s="114">
        <v>913154</v>
      </c>
      <c r="DP41" s="114">
        <v>1355525</v>
      </c>
      <c r="DQ41" s="113">
        <v>7581318</v>
      </c>
      <c r="DR41" s="116">
        <v>7624482</v>
      </c>
      <c r="DS41" s="110">
        <v>0</v>
      </c>
      <c r="DT41" s="114">
        <v>43164</v>
      </c>
      <c r="DU41" s="113">
        <v>43164</v>
      </c>
      <c r="DV41" s="110">
        <v>0</v>
      </c>
      <c r="DW41" s="114">
        <v>895821</v>
      </c>
      <c r="DX41" s="114">
        <v>1477361</v>
      </c>
      <c r="DY41" s="114">
        <v>2815860</v>
      </c>
      <c r="DZ41" s="114">
        <v>913154</v>
      </c>
      <c r="EA41" s="114">
        <v>1355525</v>
      </c>
      <c r="EB41" s="113">
        <v>7457721</v>
      </c>
      <c r="EC41" s="116">
        <v>7500885</v>
      </c>
      <c r="ED41" s="110">
        <v>0</v>
      </c>
      <c r="EE41" s="112">
        <v>0</v>
      </c>
      <c r="EF41" s="113">
        <v>0</v>
      </c>
      <c r="EG41" s="110">
        <v>0</v>
      </c>
      <c r="EH41" s="114">
        <v>0</v>
      </c>
      <c r="EI41" s="114">
        <v>31685</v>
      </c>
      <c r="EJ41" s="114">
        <v>91912</v>
      </c>
      <c r="EK41" s="114">
        <v>0</v>
      </c>
      <c r="EL41" s="114">
        <v>0</v>
      </c>
      <c r="EM41" s="112">
        <v>123597</v>
      </c>
      <c r="EN41" s="116">
        <v>123597</v>
      </c>
      <c r="EO41" s="110">
        <v>0</v>
      </c>
      <c r="EP41" s="114">
        <v>0</v>
      </c>
      <c r="EQ41" s="112">
        <v>0</v>
      </c>
      <c r="ER41" s="111">
        <v>0</v>
      </c>
      <c r="ES41" s="114">
        <v>0</v>
      </c>
      <c r="ET41" s="114">
        <v>0</v>
      </c>
      <c r="EU41" s="114">
        <v>0</v>
      </c>
      <c r="EV41" s="114">
        <v>0</v>
      </c>
      <c r="EW41" s="114">
        <v>0</v>
      </c>
      <c r="EX41" s="113">
        <v>0</v>
      </c>
      <c r="EY41" s="116">
        <v>0</v>
      </c>
      <c r="EZ41" s="110">
        <v>0</v>
      </c>
      <c r="FA41" s="114">
        <v>0</v>
      </c>
      <c r="FB41" s="112">
        <v>0</v>
      </c>
      <c r="FC41" s="348"/>
      <c r="FD41" s="114">
        <v>0</v>
      </c>
      <c r="FE41" s="114">
        <v>0</v>
      </c>
      <c r="FF41" s="114">
        <v>0</v>
      </c>
      <c r="FG41" s="114">
        <v>0</v>
      </c>
      <c r="FH41" s="114">
        <v>0</v>
      </c>
      <c r="FI41" s="113">
        <v>0</v>
      </c>
      <c r="FJ41" s="116">
        <v>0</v>
      </c>
      <c r="FK41" s="110">
        <v>329386</v>
      </c>
      <c r="FL41" s="114">
        <v>990778</v>
      </c>
      <c r="FM41" s="113">
        <v>1320164</v>
      </c>
      <c r="FN41" s="110">
        <v>0</v>
      </c>
      <c r="FO41" s="114">
        <v>1823897</v>
      </c>
      <c r="FP41" s="114">
        <v>2308691</v>
      </c>
      <c r="FQ41" s="114">
        <v>1607429</v>
      </c>
      <c r="FR41" s="114">
        <v>1468401</v>
      </c>
      <c r="FS41" s="114">
        <v>927074</v>
      </c>
      <c r="FT41" s="113">
        <v>8135492</v>
      </c>
      <c r="FU41" s="116">
        <v>9455656</v>
      </c>
      <c r="FV41" s="115">
        <v>149386</v>
      </c>
      <c r="FW41" s="114">
        <v>636178</v>
      </c>
      <c r="FX41" s="112">
        <v>785564</v>
      </c>
      <c r="FY41" s="111">
        <v>0</v>
      </c>
      <c r="FZ41" s="114">
        <v>1421746</v>
      </c>
      <c r="GA41" s="114">
        <v>2072243</v>
      </c>
      <c r="GB41" s="114">
        <v>1607429</v>
      </c>
      <c r="GC41" s="114">
        <v>1411917</v>
      </c>
      <c r="GD41" s="114">
        <v>882074</v>
      </c>
      <c r="GE41" s="113">
        <v>7395409</v>
      </c>
      <c r="GF41" s="319">
        <v>8180973</v>
      </c>
      <c r="GG41" s="115">
        <v>0</v>
      </c>
      <c r="GH41" s="114">
        <v>0</v>
      </c>
      <c r="GI41" s="112">
        <v>0</v>
      </c>
      <c r="GJ41" s="111">
        <v>0</v>
      </c>
      <c r="GK41" s="114">
        <v>159151</v>
      </c>
      <c r="GL41" s="114">
        <v>19404</v>
      </c>
      <c r="GM41" s="114">
        <v>0</v>
      </c>
      <c r="GN41" s="114">
        <v>21384</v>
      </c>
      <c r="GO41" s="114">
        <v>0</v>
      </c>
      <c r="GP41" s="113">
        <v>199939</v>
      </c>
      <c r="GQ41" s="116">
        <v>199939</v>
      </c>
      <c r="GR41" s="110">
        <v>180000</v>
      </c>
      <c r="GS41" s="114">
        <v>354600</v>
      </c>
      <c r="GT41" s="113">
        <v>534600</v>
      </c>
      <c r="GU41" s="110">
        <v>0</v>
      </c>
      <c r="GV41" s="114">
        <v>243000</v>
      </c>
      <c r="GW41" s="114">
        <v>217044</v>
      </c>
      <c r="GX41" s="114">
        <v>0</v>
      </c>
      <c r="GY41" s="114">
        <v>35100</v>
      </c>
      <c r="GZ41" s="114">
        <v>45000</v>
      </c>
      <c r="HA41" s="112">
        <v>540144</v>
      </c>
      <c r="HB41" s="116">
        <v>1074744</v>
      </c>
      <c r="HC41" s="110">
        <v>63404</v>
      </c>
      <c r="HD41" s="114">
        <v>196640</v>
      </c>
      <c r="HE41" s="112">
        <v>260044</v>
      </c>
      <c r="HF41" s="111">
        <v>0</v>
      </c>
      <c r="HG41" s="114">
        <v>1710115</v>
      </c>
      <c r="HH41" s="114">
        <v>2372005</v>
      </c>
      <c r="HI41" s="114">
        <v>3662718</v>
      </c>
      <c r="HJ41" s="114">
        <v>1238148</v>
      </c>
      <c r="HK41" s="114">
        <v>1744228</v>
      </c>
      <c r="HL41" s="113">
        <v>10727214</v>
      </c>
      <c r="HM41" s="109">
        <v>10987258</v>
      </c>
      <c r="HN41" s="115">
        <v>220242</v>
      </c>
      <c r="HO41" s="114">
        <v>532728</v>
      </c>
      <c r="HP41" s="113">
        <v>752970</v>
      </c>
      <c r="HQ41" s="110">
        <v>0</v>
      </c>
      <c r="HR41" s="114">
        <v>3722330</v>
      </c>
      <c r="HS41" s="114">
        <v>3159983</v>
      </c>
      <c r="HT41" s="114">
        <v>2463826</v>
      </c>
      <c r="HU41" s="114">
        <v>1408613</v>
      </c>
      <c r="HV41" s="114">
        <v>935068</v>
      </c>
      <c r="HW41" s="112">
        <v>11689820</v>
      </c>
      <c r="HX41" s="116">
        <v>12442790</v>
      </c>
      <c r="HY41" s="131">
        <v>0</v>
      </c>
      <c r="HZ41" s="132">
        <v>84068</v>
      </c>
      <c r="IA41" s="133">
        <v>84068</v>
      </c>
      <c r="IB41" s="146">
        <v>0</v>
      </c>
      <c r="IC41" s="132">
        <v>3988779</v>
      </c>
      <c r="ID41" s="147">
        <v>7574740</v>
      </c>
      <c r="IE41" s="133">
        <v>8624056</v>
      </c>
      <c r="IF41" s="132">
        <v>4708205</v>
      </c>
      <c r="IG41" s="133">
        <v>3071314</v>
      </c>
      <c r="IH41" s="148">
        <v>27967094</v>
      </c>
      <c r="II41" s="139">
        <v>28051162</v>
      </c>
      <c r="IJ41" s="232">
        <v>0</v>
      </c>
      <c r="IK41" s="236">
        <v>0</v>
      </c>
      <c r="IL41" s="237">
        <v>0</v>
      </c>
      <c r="IM41" s="140"/>
      <c r="IN41" s="119">
        <v>0</v>
      </c>
      <c r="IO41" s="119">
        <v>0</v>
      </c>
      <c r="IP41" s="119">
        <v>0</v>
      </c>
      <c r="IQ41" s="119">
        <v>0</v>
      </c>
      <c r="IR41" s="119">
        <v>0</v>
      </c>
      <c r="IS41" s="141">
        <v>0</v>
      </c>
      <c r="IT41" s="321">
        <v>0</v>
      </c>
      <c r="IU41" s="142">
        <v>0</v>
      </c>
      <c r="IV41" s="119">
        <v>0</v>
      </c>
      <c r="IW41" s="120">
        <v>0</v>
      </c>
      <c r="IX41" s="144"/>
      <c r="IY41" s="119">
        <v>0</v>
      </c>
      <c r="IZ41" s="119">
        <v>0</v>
      </c>
      <c r="JA41" s="119">
        <v>0</v>
      </c>
      <c r="JB41" s="119">
        <v>0</v>
      </c>
      <c r="JC41" s="119">
        <v>0</v>
      </c>
      <c r="JD41" s="120">
        <v>0</v>
      </c>
      <c r="JE41" s="121">
        <v>0</v>
      </c>
      <c r="JF41" s="142">
        <v>0</v>
      </c>
      <c r="JG41" s="119">
        <v>0</v>
      </c>
      <c r="JH41" s="141">
        <v>0</v>
      </c>
      <c r="JI41" s="118">
        <v>0</v>
      </c>
      <c r="JJ41" s="119">
        <v>1786678</v>
      </c>
      <c r="JK41" s="119">
        <v>3785549</v>
      </c>
      <c r="JL41" s="119">
        <v>3856214</v>
      </c>
      <c r="JM41" s="119">
        <v>1699202</v>
      </c>
      <c r="JN41" s="119">
        <v>2233774</v>
      </c>
      <c r="JO41" s="120">
        <v>13361417</v>
      </c>
      <c r="JP41" s="321">
        <v>13361417</v>
      </c>
      <c r="JQ41" s="142">
        <v>0</v>
      </c>
      <c r="JR41" s="119">
        <v>0</v>
      </c>
      <c r="JS41" s="141">
        <v>0</v>
      </c>
      <c r="JT41" s="118">
        <v>0</v>
      </c>
      <c r="JU41" s="119">
        <v>0</v>
      </c>
      <c r="JV41" s="119">
        <v>0</v>
      </c>
      <c r="JW41" s="119">
        <v>0</v>
      </c>
      <c r="JX41" s="119">
        <v>0</v>
      </c>
      <c r="JY41" s="119">
        <v>0</v>
      </c>
      <c r="JZ41" s="120">
        <v>0</v>
      </c>
      <c r="KA41" s="321">
        <v>0</v>
      </c>
      <c r="KB41" s="234">
        <v>0</v>
      </c>
      <c r="KC41" s="230">
        <v>84068</v>
      </c>
      <c r="KD41" s="120">
        <v>84068</v>
      </c>
      <c r="KE41" s="118">
        <v>0</v>
      </c>
      <c r="KF41" s="119">
        <v>936661</v>
      </c>
      <c r="KG41" s="119">
        <v>2294491</v>
      </c>
      <c r="KH41" s="119">
        <v>1009652</v>
      </c>
      <c r="KI41" s="119">
        <v>547481</v>
      </c>
      <c r="KJ41" s="119">
        <v>602106</v>
      </c>
      <c r="KK41" s="120">
        <v>5390391</v>
      </c>
      <c r="KL41" s="143">
        <v>5474459</v>
      </c>
      <c r="KM41" s="232">
        <v>0</v>
      </c>
      <c r="KN41" s="236">
        <v>0</v>
      </c>
      <c r="KO41" s="237">
        <v>0</v>
      </c>
      <c r="KP41" s="140"/>
      <c r="KQ41" s="119">
        <v>1265440</v>
      </c>
      <c r="KR41" s="119">
        <v>1494700</v>
      </c>
      <c r="KS41" s="119">
        <v>3758190</v>
      </c>
      <c r="KT41" s="119">
        <v>2461522</v>
      </c>
      <c r="KU41" s="119">
        <v>235434</v>
      </c>
      <c r="KV41" s="120">
        <v>9215286</v>
      </c>
      <c r="KW41" s="321">
        <v>9215286</v>
      </c>
      <c r="KX41" s="142">
        <v>0</v>
      </c>
      <c r="KY41" s="119">
        <v>0</v>
      </c>
      <c r="KZ41" s="120">
        <v>0</v>
      </c>
      <c r="LA41" s="145"/>
      <c r="LB41" s="119">
        <v>0</v>
      </c>
      <c r="LC41" s="119">
        <v>0</v>
      </c>
      <c r="LD41" s="119">
        <v>0</v>
      </c>
      <c r="LE41" s="119">
        <v>0</v>
      </c>
      <c r="LF41" s="119">
        <v>0</v>
      </c>
      <c r="LG41" s="120">
        <v>0</v>
      </c>
      <c r="LH41" s="121">
        <v>0</v>
      </c>
      <c r="LI41" s="142">
        <v>0</v>
      </c>
      <c r="LJ41" s="119">
        <v>0</v>
      </c>
      <c r="LK41" s="120">
        <v>0</v>
      </c>
      <c r="LL41" s="145"/>
      <c r="LM41" s="119">
        <v>0</v>
      </c>
      <c r="LN41" s="119">
        <v>0</v>
      </c>
      <c r="LO41" s="119">
        <v>0</v>
      </c>
      <c r="LP41" s="119">
        <v>0</v>
      </c>
      <c r="LQ41" s="119">
        <v>0</v>
      </c>
      <c r="LR41" s="120">
        <v>0</v>
      </c>
      <c r="LS41" s="321">
        <v>0</v>
      </c>
      <c r="LT41" s="142">
        <v>0</v>
      </c>
      <c r="LU41" s="119">
        <v>0</v>
      </c>
      <c r="LV41" s="120">
        <v>0</v>
      </c>
      <c r="LW41" s="145"/>
      <c r="LX41" s="119">
        <v>0</v>
      </c>
      <c r="LY41" s="119">
        <v>0</v>
      </c>
      <c r="LZ41" s="119">
        <v>0</v>
      </c>
      <c r="MA41" s="119">
        <v>0</v>
      </c>
      <c r="MB41" s="119">
        <v>0</v>
      </c>
      <c r="MC41" s="120">
        <v>0</v>
      </c>
      <c r="MD41" s="121">
        <v>0</v>
      </c>
      <c r="ME41" s="142">
        <v>0</v>
      </c>
      <c r="MF41" s="119">
        <v>0</v>
      </c>
      <c r="MG41" s="120">
        <v>0</v>
      </c>
      <c r="MH41" s="145"/>
      <c r="MI41" s="119">
        <v>6654373</v>
      </c>
      <c r="MJ41" s="119">
        <v>8587063</v>
      </c>
      <c r="MK41" s="119">
        <v>21887427</v>
      </c>
      <c r="ML41" s="119">
        <v>33067214</v>
      </c>
      <c r="MM41" s="119">
        <v>26792047</v>
      </c>
      <c r="MN41" s="120">
        <v>96988124</v>
      </c>
      <c r="MO41" s="143">
        <v>96988124</v>
      </c>
      <c r="MP41" s="142">
        <v>0</v>
      </c>
      <c r="MQ41" s="119">
        <v>0</v>
      </c>
      <c r="MR41" s="120">
        <v>0</v>
      </c>
      <c r="MS41" s="145"/>
      <c r="MT41" s="119">
        <v>0</v>
      </c>
      <c r="MU41" s="119">
        <v>687669</v>
      </c>
      <c r="MV41" s="119">
        <v>12362230</v>
      </c>
      <c r="MW41" s="119">
        <v>22559979</v>
      </c>
      <c r="MX41" s="119">
        <v>20263480</v>
      </c>
      <c r="MY41" s="120">
        <v>55873358</v>
      </c>
      <c r="MZ41" s="143">
        <v>55873358</v>
      </c>
      <c r="NA41" s="142">
        <v>0</v>
      </c>
      <c r="NB41" s="119">
        <v>0</v>
      </c>
      <c r="NC41" s="120">
        <v>0</v>
      </c>
      <c r="ND41" s="145"/>
      <c r="NE41" s="119">
        <v>6654373</v>
      </c>
      <c r="NF41" s="119">
        <v>7899394</v>
      </c>
      <c r="NG41" s="119">
        <v>9525197</v>
      </c>
      <c r="NH41" s="119">
        <v>8394456</v>
      </c>
      <c r="NI41" s="119">
        <v>5904485</v>
      </c>
      <c r="NJ41" s="120">
        <v>38377905</v>
      </c>
      <c r="NK41" s="321">
        <v>38377905</v>
      </c>
      <c r="NL41" s="142">
        <v>0</v>
      </c>
      <c r="NM41" s="119">
        <v>0</v>
      </c>
      <c r="NN41" s="120">
        <v>0</v>
      </c>
      <c r="NO41" s="145"/>
      <c r="NP41" s="119">
        <v>0</v>
      </c>
      <c r="NQ41" s="119">
        <v>0</v>
      </c>
      <c r="NR41" s="119">
        <v>0</v>
      </c>
      <c r="NS41" s="119">
        <v>315708</v>
      </c>
      <c r="NT41" s="119">
        <v>381959</v>
      </c>
      <c r="NU41" s="120">
        <v>697667</v>
      </c>
      <c r="NV41" s="121">
        <v>697667</v>
      </c>
      <c r="NW41" s="142">
        <v>0</v>
      </c>
      <c r="NX41" s="119">
        <v>0</v>
      </c>
      <c r="NY41" s="120">
        <v>0</v>
      </c>
      <c r="NZ41" s="145"/>
      <c r="OA41" s="119">
        <v>0</v>
      </c>
      <c r="OB41" s="119">
        <v>0</v>
      </c>
      <c r="OC41" s="119">
        <v>0</v>
      </c>
      <c r="OD41" s="119">
        <v>1797071</v>
      </c>
      <c r="OE41" s="119">
        <v>242123</v>
      </c>
      <c r="OF41" s="120">
        <v>2039194</v>
      </c>
      <c r="OG41" s="121">
        <v>2039194</v>
      </c>
      <c r="OH41" s="142">
        <v>1184255</v>
      </c>
      <c r="OI41" s="119">
        <v>2976670</v>
      </c>
      <c r="OJ41" s="141">
        <v>4160925</v>
      </c>
      <c r="OK41" s="118">
        <v>0</v>
      </c>
      <c r="OL41" s="119">
        <v>32700138</v>
      </c>
      <c r="OM41" s="119">
        <v>42494311</v>
      </c>
      <c r="ON41" s="119">
        <v>57212633</v>
      </c>
      <c r="OO41" s="119">
        <v>53840404</v>
      </c>
      <c r="OP41" s="119">
        <v>44051298</v>
      </c>
      <c r="OQ41" s="120">
        <v>230298784</v>
      </c>
      <c r="OR41" s="143">
        <v>234459709</v>
      </c>
    </row>
    <row r="42" spans="1:408" ht="18.75" customHeight="1" thickBot="1" x14ac:dyDescent="0.25">
      <c r="A42" s="63" t="s">
        <v>37</v>
      </c>
      <c r="B42" s="117">
        <v>204616</v>
      </c>
      <c r="C42" s="178">
        <v>118275</v>
      </c>
      <c r="D42" s="179">
        <v>322891</v>
      </c>
      <c r="E42" s="180">
        <v>0</v>
      </c>
      <c r="F42" s="178">
        <v>1693549</v>
      </c>
      <c r="G42" s="178">
        <v>1719777</v>
      </c>
      <c r="H42" s="178">
        <v>2216548</v>
      </c>
      <c r="I42" s="178">
        <v>1331976</v>
      </c>
      <c r="J42" s="178">
        <v>840984</v>
      </c>
      <c r="K42" s="180">
        <v>7802834</v>
      </c>
      <c r="L42" s="181">
        <v>8125725</v>
      </c>
      <c r="M42" s="117">
        <v>23092</v>
      </c>
      <c r="N42" s="178">
        <v>68865</v>
      </c>
      <c r="O42" s="179">
        <v>91957</v>
      </c>
      <c r="P42" s="117">
        <v>0</v>
      </c>
      <c r="Q42" s="178">
        <v>200965</v>
      </c>
      <c r="R42" s="178">
        <v>520155</v>
      </c>
      <c r="S42" s="178">
        <v>594227</v>
      </c>
      <c r="T42" s="178">
        <v>365701</v>
      </c>
      <c r="U42" s="178">
        <v>300113</v>
      </c>
      <c r="V42" s="179">
        <v>1981161</v>
      </c>
      <c r="W42" s="181">
        <v>2073118</v>
      </c>
      <c r="X42" s="117">
        <v>0</v>
      </c>
      <c r="Y42" s="178">
        <v>0</v>
      </c>
      <c r="Z42" s="179">
        <v>0</v>
      </c>
      <c r="AA42" s="117">
        <v>0</v>
      </c>
      <c r="AB42" s="178">
        <v>54630</v>
      </c>
      <c r="AC42" s="178">
        <v>207967</v>
      </c>
      <c r="AD42" s="178">
        <v>110901</v>
      </c>
      <c r="AE42" s="178">
        <v>71636</v>
      </c>
      <c r="AF42" s="178">
        <v>231431</v>
      </c>
      <c r="AG42" s="179">
        <v>676565</v>
      </c>
      <c r="AH42" s="181">
        <v>676565</v>
      </c>
      <c r="AI42" s="117">
        <v>0</v>
      </c>
      <c r="AJ42" s="178">
        <v>0</v>
      </c>
      <c r="AK42" s="179">
        <v>0</v>
      </c>
      <c r="AL42" s="117">
        <v>0</v>
      </c>
      <c r="AM42" s="178">
        <v>0</v>
      </c>
      <c r="AN42" s="178">
        <v>0</v>
      </c>
      <c r="AO42" s="178">
        <v>118710</v>
      </c>
      <c r="AP42" s="178">
        <v>0</v>
      </c>
      <c r="AQ42" s="178">
        <v>0</v>
      </c>
      <c r="AR42" s="179">
        <v>118710</v>
      </c>
      <c r="AS42" s="181">
        <v>118710</v>
      </c>
      <c r="AT42" s="117">
        <v>23092</v>
      </c>
      <c r="AU42" s="178">
        <v>68865</v>
      </c>
      <c r="AV42" s="179">
        <v>91957</v>
      </c>
      <c r="AW42" s="117">
        <v>0</v>
      </c>
      <c r="AX42" s="178">
        <v>45938</v>
      </c>
      <c r="AY42" s="178">
        <v>236814</v>
      </c>
      <c r="AZ42" s="178">
        <v>117328</v>
      </c>
      <c r="BA42" s="178">
        <v>212217</v>
      </c>
      <c r="BB42" s="178">
        <v>47963</v>
      </c>
      <c r="BC42" s="179">
        <v>660260</v>
      </c>
      <c r="BD42" s="181">
        <v>752217</v>
      </c>
      <c r="BE42" s="117">
        <v>0</v>
      </c>
      <c r="BF42" s="178">
        <v>0</v>
      </c>
      <c r="BG42" s="183">
        <v>0</v>
      </c>
      <c r="BH42" s="182">
        <v>0</v>
      </c>
      <c r="BI42" s="178">
        <v>69293</v>
      </c>
      <c r="BJ42" s="178">
        <v>37772</v>
      </c>
      <c r="BK42" s="178">
        <v>150142</v>
      </c>
      <c r="BL42" s="178">
        <v>41426</v>
      </c>
      <c r="BM42" s="178">
        <v>0</v>
      </c>
      <c r="BN42" s="179">
        <v>298633</v>
      </c>
      <c r="BO42" s="181">
        <v>298633</v>
      </c>
      <c r="BP42" s="117">
        <v>0</v>
      </c>
      <c r="BQ42" s="178">
        <v>0</v>
      </c>
      <c r="BR42" s="179">
        <v>0</v>
      </c>
      <c r="BS42" s="117">
        <v>0</v>
      </c>
      <c r="BT42" s="178">
        <v>31104</v>
      </c>
      <c r="BU42" s="178">
        <v>37602</v>
      </c>
      <c r="BV42" s="178">
        <v>97146</v>
      </c>
      <c r="BW42" s="178">
        <v>40422</v>
      </c>
      <c r="BX42" s="178">
        <v>20719</v>
      </c>
      <c r="BY42" s="179">
        <v>226993</v>
      </c>
      <c r="BZ42" s="181">
        <v>226993</v>
      </c>
      <c r="CA42" s="117">
        <v>84940</v>
      </c>
      <c r="CB42" s="178">
        <v>0</v>
      </c>
      <c r="CC42" s="179">
        <v>84940</v>
      </c>
      <c r="CD42" s="117">
        <v>0</v>
      </c>
      <c r="CE42" s="178">
        <v>705991</v>
      </c>
      <c r="CF42" s="178">
        <v>499785</v>
      </c>
      <c r="CG42" s="178">
        <v>593499</v>
      </c>
      <c r="CH42" s="178">
        <v>302188</v>
      </c>
      <c r="CI42" s="178">
        <v>72890</v>
      </c>
      <c r="CJ42" s="179">
        <v>2174353</v>
      </c>
      <c r="CK42" s="181">
        <v>2259293</v>
      </c>
      <c r="CL42" s="117">
        <v>0</v>
      </c>
      <c r="CM42" s="178">
        <v>0</v>
      </c>
      <c r="CN42" s="179">
        <v>0</v>
      </c>
      <c r="CO42" s="182">
        <v>0</v>
      </c>
      <c r="CP42" s="178">
        <v>352671</v>
      </c>
      <c r="CQ42" s="178">
        <v>243341</v>
      </c>
      <c r="CR42" s="178">
        <v>206163</v>
      </c>
      <c r="CS42" s="178">
        <v>59183</v>
      </c>
      <c r="CT42" s="178">
        <v>72890</v>
      </c>
      <c r="CU42" s="179">
        <v>934248</v>
      </c>
      <c r="CV42" s="181">
        <v>934248</v>
      </c>
      <c r="CW42" s="117">
        <v>84940</v>
      </c>
      <c r="CX42" s="178">
        <v>0</v>
      </c>
      <c r="CY42" s="179">
        <v>84940</v>
      </c>
      <c r="CZ42" s="117">
        <v>0</v>
      </c>
      <c r="DA42" s="178">
        <v>353320</v>
      </c>
      <c r="DB42" s="178">
        <v>256444</v>
      </c>
      <c r="DC42" s="178">
        <v>387336</v>
      </c>
      <c r="DD42" s="178">
        <v>243005</v>
      </c>
      <c r="DE42" s="178">
        <v>0</v>
      </c>
      <c r="DF42" s="179">
        <v>1240105</v>
      </c>
      <c r="DG42" s="181">
        <v>1325045</v>
      </c>
      <c r="DH42" s="117">
        <v>0</v>
      </c>
      <c r="DI42" s="178">
        <v>0</v>
      </c>
      <c r="DJ42" s="183">
        <v>0</v>
      </c>
      <c r="DK42" s="182">
        <v>0</v>
      </c>
      <c r="DL42" s="178">
        <v>92714</v>
      </c>
      <c r="DM42" s="178">
        <v>25836</v>
      </c>
      <c r="DN42" s="178">
        <v>449257</v>
      </c>
      <c r="DO42" s="178">
        <v>147434</v>
      </c>
      <c r="DP42" s="178">
        <v>117977</v>
      </c>
      <c r="DQ42" s="179">
        <v>833218</v>
      </c>
      <c r="DR42" s="181">
        <v>833218</v>
      </c>
      <c r="DS42" s="117">
        <v>0</v>
      </c>
      <c r="DT42" s="178">
        <v>0</v>
      </c>
      <c r="DU42" s="179">
        <v>0</v>
      </c>
      <c r="DV42" s="117">
        <v>0</v>
      </c>
      <c r="DW42" s="178">
        <v>57294</v>
      </c>
      <c r="DX42" s="178">
        <v>25836</v>
      </c>
      <c r="DY42" s="178">
        <v>320628</v>
      </c>
      <c r="DZ42" s="178">
        <v>110752</v>
      </c>
      <c r="EA42" s="178">
        <v>117977</v>
      </c>
      <c r="EB42" s="179">
        <v>632487</v>
      </c>
      <c r="EC42" s="181">
        <v>632487</v>
      </c>
      <c r="ED42" s="117">
        <v>0</v>
      </c>
      <c r="EE42" s="183">
        <v>0</v>
      </c>
      <c r="EF42" s="179">
        <v>0</v>
      </c>
      <c r="EG42" s="117">
        <v>0</v>
      </c>
      <c r="EH42" s="178">
        <v>35420</v>
      </c>
      <c r="EI42" s="178">
        <v>0</v>
      </c>
      <c r="EJ42" s="178">
        <v>128629</v>
      </c>
      <c r="EK42" s="178">
        <v>36682</v>
      </c>
      <c r="EL42" s="178">
        <v>0</v>
      </c>
      <c r="EM42" s="183">
        <v>200731</v>
      </c>
      <c r="EN42" s="181">
        <v>200731</v>
      </c>
      <c r="EO42" s="117">
        <v>0</v>
      </c>
      <c r="EP42" s="178">
        <v>0</v>
      </c>
      <c r="EQ42" s="183">
        <v>0</v>
      </c>
      <c r="ER42" s="182">
        <v>0</v>
      </c>
      <c r="ES42" s="178">
        <v>0</v>
      </c>
      <c r="ET42" s="178">
        <v>0</v>
      </c>
      <c r="EU42" s="178">
        <v>0</v>
      </c>
      <c r="EV42" s="178">
        <v>0</v>
      </c>
      <c r="EW42" s="178">
        <v>0</v>
      </c>
      <c r="EX42" s="179">
        <v>0</v>
      </c>
      <c r="EY42" s="181">
        <v>0</v>
      </c>
      <c r="EZ42" s="117">
        <v>0</v>
      </c>
      <c r="FA42" s="178">
        <v>0</v>
      </c>
      <c r="FB42" s="183">
        <v>0</v>
      </c>
      <c r="FC42" s="349"/>
      <c r="FD42" s="178">
        <v>0</v>
      </c>
      <c r="FE42" s="178">
        <v>0</v>
      </c>
      <c r="FF42" s="178">
        <v>0</v>
      </c>
      <c r="FG42" s="178">
        <v>0</v>
      </c>
      <c r="FH42" s="178">
        <v>0</v>
      </c>
      <c r="FI42" s="179">
        <v>0</v>
      </c>
      <c r="FJ42" s="181">
        <v>0</v>
      </c>
      <c r="FK42" s="117">
        <v>50954</v>
      </c>
      <c r="FL42" s="178">
        <v>22032</v>
      </c>
      <c r="FM42" s="179">
        <v>72986</v>
      </c>
      <c r="FN42" s="117">
        <v>0</v>
      </c>
      <c r="FO42" s="178">
        <v>238575</v>
      </c>
      <c r="FP42" s="178">
        <v>372834</v>
      </c>
      <c r="FQ42" s="178">
        <v>291042</v>
      </c>
      <c r="FR42" s="178">
        <v>169832</v>
      </c>
      <c r="FS42" s="178">
        <v>53898</v>
      </c>
      <c r="FT42" s="179">
        <v>1126181</v>
      </c>
      <c r="FU42" s="181">
        <v>1199167</v>
      </c>
      <c r="FV42" s="184">
        <v>50954</v>
      </c>
      <c r="FW42" s="178">
        <v>22032</v>
      </c>
      <c r="FX42" s="183">
        <v>72986</v>
      </c>
      <c r="FY42" s="182">
        <v>0</v>
      </c>
      <c r="FZ42" s="178">
        <v>238575</v>
      </c>
      <c r="GA42" s="178">
        <v>372834</v>
      </c>
      <c r="GB42" s="178">
        <v>291042</v>
      </c>
      <c r="GC42" s="178">
        <v>169832</v>
      </c>
      <c r="GD42" s="178">
        <v>53898</v>
      </c>
      <c r="GE42" s="179">
        <v>1126181</v>
      </c>
      <c r="GF42" s="320">
        <v>1199167</v>
      </c>
      <c r="GG42" s="184">
        <v>0</v>
      </c>
      <c r="GH42" s="178">
        <v>0</v>
      </c>
      <c r="GI42" s="183">
        <v>0</v>
      </c>
      <c r="GJ42" s="182">
        <v>0</v>
      </c>
      <c r="GK42" s="178">
        <v>0</v>
      </c>
      <c r="GL42" s="178">
        <v>0</v>
      </c>
      <c r="GM42" s="178">
        <v>0</v>
      </c>
      <c r="GN42" s="178">
        <v>0</v>
      </c>
      <c r="GO42" s="178">
        <v>0</v>
      </c>
      <c r="GP42" s="179">
        <v>0</v>
      </c>
      <c r="GQ42" s="181">
        <v>0</v>
      </c>
      <c r="GR42" s="117">
        <v>0</v>
      </c>
      <c r="GS42" s="178">
        <v>0</v>
      </c>
      <c r="GT42" s="179">
        <v>0</v>
      </c>
      <c r="GU42" s="117">
        <v>0</v>
      </c>
      <c r="GV42" s="178">
        <v>0</v>
      </c>
      <c r="GW42" s="178">
        <v>0</v>
      </c>
      <c r="GX42" s="178">
        <v>0</v>
      </c>
      <c r="GY42" s="178">
        <v>0</v>
      </c>
      <c r="GZ42" s="178">
        <v>0</v>
      </c>
      <c r="HA42" s="183">
        <v>0</v>
      </c>
      <c r="HB42" s="181">
        <v>0</v>
      </c>
      <c r="HC42" s="117">
        <v>0</v>
      </c>
      <c r="HD42" s="178">
        <v>0</v>
      </c>
      <c r="HE42" s="183">
        <v>0</v>
      </c>
      <c r="HF42" s="182">
        <v>0</v>
      </c>
      <c r="HG42" s="178">
        <v>0</v>
      </c>
      <c r="HH42" s="178">
        <v>0</v>
      </c>
      <c r="HI42" s="178">
        <v>0</v>
      </c>
      <c r="HJ42" s="178">
        <v>177661</v>
      </c>
      <c r="HK42" s="178">
        <v>231078</v>
      </c>
      <c r="HL42" s="179">
        <v>408739</v>
      </c>
      <c r="HM42" s="180">
        <v>408739</v>
      </c>
      <c r="HN42" s="184">
        <v>45630</v>
      </c>
      <c r="HO42" s="178">
        <v>27378</v>
      </c>
      <c r="HP42" s="179">
        <v>73008</v>
      </c>
      <c r="HQ42" s="117">
        <v>0</v>
      </c>
      <c r="HR42" s="178">
        <v>455304</v>
      </c>
      <c r="HS42" s="178">
        <v>301167</v>
      </c>
      <c r="HT42" s="178">
        <v>288523</v>
      </c>
      <c r="HU42" s="178">
        <v>169160</v>
      </c>
      <c r="HV42" s="178">
        <v>65028</v>
      </c>
      <c r="HW42" s="183">
        <v>1279182</v>
      </c>
      <c r="HX42" s="181">
        <v>1352190</v>
      </c>
      <c r="HY42" s="151">
        <v>0</v>
      </c>
      <c r="HZ42" s="152">
        <v>0</v>
      </c>
      <c r="IA42" s="153">
        <v>0</v>
      </c>
      <c r="IB42" s="154">
        <v>0</v>
      </c>
      <c r="IC42" s="155">
        <v>1679655</v>
      </c>
      <c r="ID42" s="156">
        <v>800168</v>
      </c>
      <c r="IE42" s="157">
        <v>1727663</v>
      </c>
      <c r="IF42" s="155">
        <v>0</v>
      </c>
      <c r="IG42" s="157">
        <v>443439</v>
      </c>
      <c r="IH42" s="158">
        <v>4650925</v>
      </c>
      <c r="II42" s="159">
        <v>4650925</v>
      </c>
      <c r="IJ42" s="233">
        <v>0</v>
      </c>
      <c r="IK42" s="238">
        <v>0</v>
      </c>
      <c r="IL42" s="239">
        <v>0</v>
      </c>
      <c r="IM42" s="160"/>
      <c r="IN42" s="161">
        <v>0</v>
      </c>
      <c r="IO42" s="161">
        <v>0</v>
      </c>
      <c r="IP42" s="161">
        <v>174967</v>
      </c>
      <c r="IQ42" s="161">
        <v>0</v>
      </c>
      <c r="IR42" s="161">
        <v>0</v>
      </c>
      <c r="IS42" s="162">
        <v>174967</v>
      </c>
      <c r="IT42" s="322">
        <v>174967</v>
      </c>
      <c r="IU42" s="163">
        <v>0</v>
      </c>
      <c r="IV42" s="161">
        <v>0</v>
      </c>
      <c r="IW42" s="165">
        <v>0</v>
      </c>
      <c r="IX42" s="168"/>
      <c r="IY42" s="161">
        <v>0</v>
      </c>
      <c r="IZ42" s="161">
        <v>0</v>
      </c>
      <c r="JA42" s="161">
        <v>0</v>
      </c>
      <c r="JB42" s="161">
        <v>0</v>
      </c>
      <c r="JC42" s="161">
        <v>0</v>
      </c>
      <c r="JD42" s="165">
        <v>0</v>
      </c>
      <c r="JE42" s="166">
        <v>0</v>
      </c>
      <c r="JF42" s="163">
        <v>0</v>
      </c>
      <c r="JG42" s="161">
        <v>0</v>
      </c>
      <c r="JH42" s="162">
        <v>0</v>
      </c>
      <c r="JI42" s="164">
        <v>0</v>
      </c>
      <c r="JJ42" s="161">
        <v>1217617</v>
      </c>
      <c r="JK42" s="161">
        <v>709717</v>
      </c>
      <c r="JL42" s="161">
        <v>640260</v>
      </c>
      <c r="JM42" s="161">
        <v>0</v>
      </c>
      <c r="JN42" s="161">
        <v>204165</v>
      </c>
      <c r="JO42" s="165">
        <v>2771759</v>
      </c>
      <c r="JP42" s="322">
        <v>2771759</v>
      </c>
      <c r="JQ42" s="163">
        <v>0</v>
      </c>
      <c r="JR42" s="161">
        <v>0</v>
      </c>
      <c r="JS42" s="162">
        <v>0</v>
      </c>
      <c r="JT42" s="164">
        <v>0</v>
      </c>
      <c r="JU42" s="161">
        <v>0</v>
      </c>
      <c r="JV42" s="161">
        <v>0</v>
      </c>
      <c r="JW42" s="161">
        <v>70336</v>
      </c>
      <c r="JX42" s="161">
        <v>0</v>
      </c>
      <c r="JY42" s="161">
        <v>239274</v>
      </c>
      <c r="JZ42" s="165">
        <v>309610</v>
      </c>
      <c r="KA42" s="322">
        <v>309610</v>
      </c>
      <c r="KB42" s="235">
        <v>0</v>
      </c>
      <c r="KC42" s="231">
        <v>0</v>
      </c>
      <c r="KD42" s="165">
        <v>0</v>
      </c>
      <c r="KE42" s="164">
        <v>0</v>
      </c>
      <c r="KF42" s="161">
        <v>0</v>
      </c>
      <c r="KG42" s="161">
        <v>0</v>
      </c>
      <c r="KH42" s="161">
        <v>0</v>
      </c>
      <c r="KI42" s="161">
        <v>0</v>
      </c>
      <c r="KJ42" s="161">
        <v>0</v>
      </c>
      <c r="KK42" s="165">
        <v>0</v>
      </c>
      <c r="KL42" s="167">
        <v>0</v>
      </c>
      <c r="KM42" s="233">
        <v>0</v>
      </c>
      <c r="KN42" s="238">
        <v>0</v>
      </c>
      <c r="KO42" s="239">
        <v>0</v>
      </c>
      <c r="KP42" s="160"/>
      <c r="KQ42" s="161">
        <v>462038</v>
      </c>
      <c r="KR42" s="161">
        <v>90451</v>
      </c>
      <c r="KS42" s="161">
        <v>842100</v>
      </c>
      <c r="KT42" s="161">
        <v>0</v>
      </c>
      <c r="KU42" s="161">
        <v>0</v>
      </c>
      <c r="KV42" s="165">
        <v>1394589</v>
      </c>
      <c r="KW42" s="322">
        <v>1394589</v>
      </c>
      <c r="KX42" s="163">
        <v>0</v>
      </c>
      <c r="KY42" s="161">
        <v>0</v>
      </c>
      <c r="KZ42" s="165">
        <v>0</v>
      </c>
      <c r="LA42" s="169"/>
      <c r="LB42" s="161">
        <v>0</v>
      </c>
      <c r="LC42" s="161">
        <v>0</v>
      </c>
      <c r="LD42" s="161">
        <v>0</v>
      </c>
      <c r="LE42" s="161">
        <v>0</v>
      </c>
      <c r="LF42" s="161">
        <v>0</v>
      </c>
      <c r="LG42" s="165">
        <v>0</v>
      </c>
      <c r="LH42" s="166">
        <v>0</v>
      </c>
      <c r="LI42" s="163">
        <v>0</v>
      </c>
      <c r="LJ42" s="161">
        <v>0</v>
      </c>
      <c r="LK42" s="165">
        <v>0</v>
      </c>
      <c r="LL42" s="169"/>
      <c r="LM42" s="161">
        <v>0</v>
      </c>
      <c r="LN42" s="161">
        <v>0</v>
      </c>
      <c r="LO42" s="161">
        <v>0</v>
      </c>
      <c r="LP42" s="161">
        <v>0</v>
      </c>
      <c r="LQ42" s="161">
        <v>0</v>
      </c>
      <c r="LR42" s="165">
        <v>0</v>
      </c>
      <c r="LS42" s="322">
        <v>0</v>
      </c>
      <c r="LT42" s="163">
        <v>0</v>
      </c>
      <c r="LU42" s="161">
        <v>0</v>
      </c>
      <c r="LV42" s="165">
        <v>0</v>
      </c>
      <c r="LW42" s="169"/>
      <c r="LX42" s="161">
        <v>0</v>
      </c>
      <c r="LY42" s="161">
        <v>0</v>
      </c>
      <c r="LZ42" s="161">
        <v>0</v>
      </c>
      <c r="MA42" s="161">
        <v>0</v>
      </c>
      <c r="MB42" s="161">
        <v>0</v>
      </c>
      <c r="MC42" s="165">
        <v>0</v>
      </c>
      <c r="MD42" s="166">
        <v>0</v>
      </c>
      <c r="ME42" s="163">
        <v>0</v>
      </c>
      <c r="MF42" s="161">
        <v>0</v>
      </c>
      <c r="MG42" s="165">
        <v>0</v>
      </c>
      <c r="MH42" s="169"/>
      <c r="MI42" s="161">
        <v>497271</v>
      </c>
      <c r="MJ42" s="161">
        <v>264581</v>
      </c>
      <c r="MK42" s="161">
        <v>3496920</v>
      </c>
      <c r="ML42" s="161">
        <v>3156023</v>
      </c>
      <c r="MM42" s="161">
        <v>2419472</v>
      </c>
      <c r="MN42" s="165">
        <v>9834267</v>
      </c>
      <c r="MO42" s="167">
        <v>9834267</v>
      </c>
      <c r="MP42" s="163">
        <v>0</v>
      </c>
      <c r="MQ42" s="161">
        <v>0</v>
      </c>
      <c r="MR42" s="165">
        <v>0</v>
      </c>
      <c r="MS42" s="169"/>
      <c r="MT42" s="161">
        <v>0</v>
      </c>
      <c r="MU42" s="161">
        <v>0</v>
      </c>
      <c r="MV42" s="161">
        <v>2323886</v>
      </c>
      <c r="MW42" s="161">
        <v>1525418</v>
      </c>
      <c r="MX42" s="161">
        <v>2088421</v>
      </c>
      <c r="MY42" s="165">
        <v>5937725</v>
      </c>
      <c r="MZ42" s="167">
        <v>5937725</v>
      </c>
      <c r="NA42" s="163">
        <v>0</v>
      </c>
      <c r="NB42" s="161">
        <v>0</v>
      </c>
      <c r="NC42" s="165">
        <v>0</v>
      </c>
      <c r="ND42" s="169"/>
      <c r="NE42" s="161">
        <v>497271</v>
      </c>
      <c r="NF42" s="161">
        <v>264581</v>
      </c>
      <c r="NG42" s="161">
        <v>1173034</v>
      </c>
      <c r="NH42" s="161">
        <v>1266434</v>
      </c>
      <c r="NI42" s="161">
        <v>0</v>
      </c>
      <c r="NJ42" s="165">
        <v>3201320</v>
      </c>
      <c r="NK42" s="322">
        <v>3201320</v>
      </c>
      <c r="NL42" s="163">
        <v>0</v>
      </c>
      <c r="NM42" s="161">
        <v>0</v>
      </c>
      <c r="NN42" s="165">
        <v>0</v>
      </c>
      <c r="NO42" s="169"/>
      <c r="NP42" s="161">
        <v>0</v>
      </c>
      <c r="NQ42" s="161">
        <v>0</v>
      </c>
      <c r="NR42" s="161">
        <v>0</v>
      </c>
      <c r="NS42" s="161">
        <v>364171</v>
      </c>
      <c r="NT42" s="161">
        <v>0</v>
      </c>
      <c r="NU42" s="165">
        <v>364171</v>
      </c>
      <c r="NV42" s="166">
        <v>364171</v>
      </c>
      <c r="NW42" s="163">
        <v>0</v>
      </c>
      <c r="NX42" s="161">
        <v>0</v>
      </c>
      <c r="NY42" s="165">
        <v>0</v>
      </c>
      <c r="NZ42" s="169"/>
      <c r="OA42" s="161">
        <v>0</v>
      </c>
      <c r="OB42" s="161">
        <v>0</v>
      </c>
      <c r="OC42" s="161">
        <v>0</v>
      </c>
      <c r="OD42" s="161">
        <v>0</v>
      </c>
      <c r="OE42" s="161">
        <v>331051</v>
      </c>
      <c r="OF42" s="165">
        <v>331051</v>
      </c>
      <c r="OG42" s="166">
        <v>331051</v>
      </c>
      <c r="OH42" s="163">
        <v>204616</v>
      </c>
      <c r="OI42" s="161">
        <v>118275</v>
      </c>
      <c r="OJ42" s="162">
        <v>322891</v>
      </c>
      <c r="OK42" s="164">
        <v>0</v>
      </c>
      <c r="OL42" s="161">
        <v>3870475</v>
      </c>
      <c r="OM42" s="161">
        <v>2784526</v>
      </c>
      <c r="ON42" s="161">
        <v>7441131</v>
      </c>
      <c r="OO42" s="161">
        <v>4487999</v>
      </c>
      <c r="OP42" s="161">
        <v>3703895</v>
      </c>
      <c r="OQ42" s="165">
        <v>22288026</v>
      </c>
      <c r="OR42" s="167">
        <v>22610917</v>
      </c>
    </row>
    <row r="43" spans="1:408" x14ac:dyDescent="0.2">
      <c r="A43" s="1" t="s">
        <v>84</v>
      </c>
    </row>
  </sheetData>
  <mergeCells count="159">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H7:LH8"/>
    <mergeCell ref="LI7:LK7"/>
    <mergeCell ref="KB7:KD7"/>
    <mergeCell ref="KE7:KK7"/>
    <mergeCell ref="KL7:KL8"/>
    <mergeCell ref="KM7:KO7"/>
    <mergeCell ref="KP7:KV7"/>
    <mergeCell ref="MP7:MR7"/>
    <mergeCell ref="MS7:MY7"/>
    <mergeCell ref="OH4:OR6"/>
    <mergeCell ref="HY5:II6"/>
    <mergeCell ref="IJ5:IT6"/>
    <mergeCell ref="IU5:JE6"/>
    <mergeCell ref="JF5:JP6"/>
    <mergeCell ref="JQ5:KA6"/>
    <mergeCell ref="KB5:KL6"/>
    <mergeCell ref="KM5:KW6"/>
    <mergeCell ref="KX5:LH6"/>
    <mergeCell ref="LI5:LS6"/>
    <mergeCell ref="LT5:MD6"/>
    <mergeCell ref="ME5:MO6"/>
    <mergeCell ref="MP5:MZ6"/>
    <mergeCell ref="NA5:NK6"/>
    <mergeCell ref="NL5:NV6"/>
    <mergeCell ref="ME4:OG4"/>
    <mergeCell ref="IC1:ID1"/>
    <mergeCell ref="HY4:MD4"/>
    <mergeCell ref="JI7:JO7"/>
    <mergeCell ref="JP7:JP8"/>
    <mergeCell ref="JQ7:JS7"/>
    <mergeCell ref="JT7:JZ7"/>
    <mergeCell ref="KA7:KA8"/>
    <mergeCell ref="NW5:OG6"/>
    <mergeCell ref="LL7:LR7"/>
    <mergeCell ref="LS7:LS8"/>
    <mergeCell ref="LT7:LV7"/>
    <mergeCell ref="IT7:IT8"/>
    <mergeCell ref="IU7:IW7"/>
    <mergeCell ref="IX7:JD7"/>
    <mergeCell ref="JE7:JE8"/>
    <mergeCell ref="JF7:JH7"/>
    <mergeCell ref="HY7:IA7"/>
    <mergeCell ref="IB7:IH7"/>
    <mergeCell ref="II7:II8"/>
    <mergeCell ref="IJ7:IL7"/>
    <mergeCell ref="IM7:IS7"/>
    <mergeCell ref="KW7:KW8"/>
    <mergeCell ref="KX7:KZ7"/>
    <mergeCell ref="LA7:LG7"/>
    <mergeCell ref="F2:G2"/>
    <mergeCell ref="ER7:EX7"/>
    <mergeCell ref="EY7:EY8"/>
    <mergeCell ref="DR7:DR8"/>
    <mergeCell ref="DS7:DU7"/>
    <mergeCell ref="DV7:EB7"/>
    <mergeCell ref="EC7:EC8"/>
    <mergeCell ref="DK7:DQ7"/>
    <mergeCell ref="CL7:CN7"/>
    <mergeCell ref="CO7:CU7"/>
    <mergeCell ref="CV7:CV8"/>
    <mergeCell ref="CW7:CY7"/>
    <mergeCell ref="CZ7:DF7"/>
    <mergeCell ref="DG7:DG8"/>
    <mergeCell ref="DH7:DJ7"/>
    <mergeCell ref="CK7:CK8"/>
    <mergeCell ref="BH7:BN7"/>
    <mergeCell ref="BO7:BO8"/>
    <mergeCell ref="BP7:BR7"/>
    <mergeCell ref="BS7:BY7"/>
    <mergeCell ref="BE7:BG7"/>
    <mergeCell ref="BZ7:BZ8"/>
    <mergeCell ref="CA7:CC7"/>
    <mergeCell ref="CD7:CJ7"/>
    <mergeCell ref="HX7:HX8"/>
    <mergeCell ref="HF7:HL7"/>
    <mergeCell ref="HM7:HM8"/>
    <mergeCell ref="HN7:HP7"/>
    <mergeCell ref="HQ7:HW7"/>
    <mergeCell ref="FK7:FM7"/>
    <mergeCell ref="FN7:FT7"/>
    <mergeCell ref="ED7:EF7"/>
    <mergeCell ref="EG7:EM7"/>
    <mergeCell ref="EN7:EN8"/>
    <mergeCell ref="EO7:EQ7"/>
    <mergeCell ref="GR7:GT7"/>
    <mergeCell ref="GU7:HA7"/>
    <mergeCell ref="HB7:HB8"/>
    <mergeCell ref="HC7:HE7"/>
    <mergeCell ref="FU7:FU8"/>
    <mergeCell ref="FV7:FX7"/>
    <mergeCell ref="FY7:GE7"/>
    <mergeCell ref="GF7:GF8"/>
    <mergeCell ref="GQ7:GQ8"/>
    <mergeCell ref="GJ7:GP7"/>
    <mergeCell ref="GG7:GI7"/>
    <mergeCell ref="EZ7:FB7"/>
    <mergeCell ref="FC7:FI7"/>
    <mergeCell ref="A4:A8"/>
    <mergeCell ref="B4:L6"/>
    <mergeCell ref="M4:HX4"/>
    <mergeCell ref="M5:BZ5"/>
    <mergeCell ref="CA5:DG5"/>
    <mergeCell ref="FK5:HB5"/>
    <mergeCell ref="HC5:HM6"/>
    <mergeCell ref="HN5:HX6"/>
    <mergeCell ref="X6:AH6"/>
    <mergeCell ref="P7:V7"/>
    <mergeCell ref="W7:W8"/>
    <mergeCell ref="X7:Z7"/>
    <mergeCell ref="AA7:AG7"/>
    <mergeCell ref="B7:D7"/>
    <mergeCell ref="E7:K7"/>
    <mergeCell ref="L7:L8"/>
    <mergeCell ref="M7:O7"/>
    <mergeCell ref="AT7:AV7"/>
    <mergeCell ref="AW7:BC7"/>
    <mergeCell ref="BD7:BD8"/>
    <mergeCell ref="AH7:AH8"/>
    <mergeCell ref="AI7:AK7"/>
    <mergeCell ref="AL7:AR7"/>
    <mergeCell ref="AS7:AS8"/>
    <mergeCell ref="FJ7:FJ8"/>
    <mergeCell ref="DH5:FJ5"/>
    <mergeCell ref="H1:I1"/>
    <mergeCell ref="GR6:HB6"/>
    <mergeCell ref="GG6:GQ6"/>
    <mergeCell ref="M6:W6"/>
    <mergeCell ref="CA6:CK6"/>
    <mergeCell ref="DH6:DR6"/>
    <mergeCell ref="DS6:EC6"/>
    <mergeCell ref="ED6:EN6"/>
    <mergeCell ref="EO6:EY6"/>
    <mergeCell ref="FK6:FU6"/>
    <mergeCell ref="FV6:GF6"/>
    <mergeCell ref="EZ6:FJ6"/>
    <mergeCell ref="CW6:DG6"/>
    <mergeCell ref="BP6:BZ6"/>
    <mergeCell ref="CL6:CV6"/>
    <mergeCell ref="AI6:AS6"/>
    <mergeCell ref="AT6:BD6"/>
    <mergeCell ref="BE6:BO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10"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25" customWidth="1"/>
    <col min="82" max="82" width="7.6640625" style="325" customWidth="1"/>
    <col min="83" max="83" width="9.88671875" style="325" customWidth="1"/>
    <col min="84" max="84" width="10" style="325" customWidth="1"/>
    <col min="85" max="85" width="9.77734375" style="325" customWidth="1"/>
    <col min="86" max="86" width="9.21875" style="325" customWidth="1"/>
    <col min="87" max="87" width="8.77734375" style="325" customWidth="1"/>
    <col min="88" max="88" width="9.88671875" style="325" customWidth="1"/>
    <col min="89" max="89" width="9.77734375" style="325"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25" customWidth="1"/>
    <col min="115" max="115" width="7.21875" style="325" customWidth="1"/>
    <col min="116" max="120" width="8.21875" style="325" customWidth="1"/>
    <col min="121" max="121" width="10.109375" style="325" customWidth="1"/>
    <col min="122" max="122" width="9.77734375" style="325"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25" customWidth="1"/>
    <col min="170" max="170" width="6.6640625" style="325" customWidth="1"/>
    <col min="171" max="175" width="8.21875" style="325" customWidth="1"/>
    <col min="176" max="176" width="10.109375" style="325" customWidth="1"/>
    <col min="177" max="177" width="9.88671875" style="325"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368">
        <f>第１表!F2</f>
        <v>4</v>
      </c>
      <c r="E1" s="251">
        <f>第１表!G2</f>
        <v>6</v>
      </c>
      <c r="F1" s="646">
        <f>IF(E1&lt;3,E1-2+12,E1-2)</f>
        <v>4</v>
      </c>
      <c r="G1" s="646"/>
      <c r="IA1" s="368"/>
      <c r="IB1" s="253"/>
      <c r="IC1" s="611"/>
      <c r="ID1" s="611"/>
    </row>
    <row r="2" spans="1:408" ht="21.75" customHeight="1" x14ac:dyDescent="0.2">
      <c r="A2" s="20" t="s">
        <v>147</v>
      </c>
      <c r="D2" s="250"/>
      <c r="E2" s="251"/>
      <c r="F2" s="342"/>
      <c r="G2" s="342"/>
      <c r="IA2" s="252"/>
      <c r="IB2" s="253"/>
      <c r="IC2" s="371"/>
      <c r="ID2" s="371"/>
    </row>
    <row r="3" spans="1:408" ht="24" customHeight="1" thickBot="1" x14ac:dyDescent="0.25">
      <c r="A3" s="20" t="s">
        <v>137</v>
      </c>
    </row>
    <row r="4" spans="1:408" ht="19.5" customHeight="1" thickBot="1" x14ac:dyDescent="0.25">
      <c r="A4" s="706" t="s">
        <v>42</v>
      </c>
      <c r="B4" s="709" t="s">
        <v>63</v>
      </c>
      <c r="C4" s="709"/>
      <c r="D4" s="709"/>
      <c r="E4" s="709"/>
      <c r="F4" s="709"/>
      <c r="G4" s="709"/>
      <c r="H4" s="709"/>
      <c r="I4" s="709"/>
      <c r="J4" s="709"/>
      <c r="K4" s="709"/>
      <c r="L4" s="709"/>
      <c r="M4" s="712"/>
      <c r="N4" s="712"/>
      <c r="O4" s="712"/>
      <c r="P4" s="712"/>
      <c r="Q4" s="712"/>
      <c r="R4" s="712"/>
      <c r="S4" s="712"/>
      <c r="T4" s="712"/>
      <c r="U4" s="712"/>
      <c r="V4" s="712"/>
      <c r="W4" s="712"/>
      <c r="X4" s="712"/>
      <c r="Y4" s="712"/>
      <c r="Z4" s="712"/>
      <c r="AA4" s="712"/>
      <c r="AB4" s="712"/>
      <c r="AC4" s="712"/>
      <c r="AD4" s="712"/>
      <c r="AE4" s="712"/>
      <c r="AF4" s="712"/>
      <c r="AG4" s="712"/>
      <c r="AH4" s="712"/>
      <c r="AI4" s="712"/>
      <c r="AJ4" s="712"/>
      <c r="AK4" s="712"/>
      <c r="AL4" s="712"/>
      <c r="AM4" s="712"/>
      <c r="AN4" s="712"/>
      <c r="AO4" s="712"/>
      <c r="AP4" s="712"/>
      <c r="AQ4" s="712"/>
      <c r="AR4" s="712"/>
      <c r="AS4" s="712"/>
      <c r="AT4" s="712"/>
      <c r="AU4" s="712"/>
      <c r="AV4" s="712"/>
      <c r="AW4" s="712"/>
      <c r="AX4" s="712"/>
      <c r="AY4" s="712"/>
      <c r="AZ4" s="712"/>
      <c r="BA4" s="712"/>
      <c r="BB4" s="712"/>
      <c r="BC4" s="712"/>
      <c r="BD4" s="712"/>
      <c r="BE4" s="712"/>
      <c r="BF4" s="712"/>
      <c r="BG4" s="712"/>
      <c r="BH4" s="712"/>
      <c r="BI4" s="712"/>
      <c r="BJ4" s="712"/>
      <c r="BK4" s="712"/>
      <c r="BL4" s="712"/>
      <c r="BM4" s="712"/>
      <c r="BN4" s="712"/>
      <c r="BO4" s="712"/>
      <c r="BP4" s="712"/>
      <c r="BQ4" s="712"/>
      <c r="BR4" s="712"/>
      <c r="BS4" s="712"/>
      <c r="BT4" s="712"/>
      <c r="BU4" s="712"/>
      <c r="BV4" s="712"/>
      <c r="BW4" s="712"/>
      <c r="BX4" s="712"/>
      <c r="BY4" s="712"/>
      <c r="BZ4" s="712"/>
      <c r="CA4" s="712"/>
      <c r="CB4" s="712"/>
      <c r="CC4" s="712"/>
      <c r="CD4" s="712"/>
      <c r="CE4" s="712"/>
      <c r="CF4" s="712"/>
      <c r="CG4" s="712"/>
      <c r="CH4" s="712"/>
      <c r="CI4" s="712"/>
      <c r="CJ4" s="712"/>
      <c r="CK4" s="712"/>
      <c r="CL4" s="712"/>
      <c r="CM4" s="712"/>
      <c r="CN4" s="712"/>
      <c r="CO4" s="712"/>
      <c r="CP4" s="712"/>
      <c r="CQ4" s="712"/>
      <c r="CR4" s="712"/>
      <c r="CS4" s="712"/>
      <c r="CT4" s="712"/>
      <c r="CU4" s="712"/>
      <c r="CV4" s="712"/>
      <c r="CW4" s="712"/>
      <c r="CX4" s="712"/>
      <c r="CY4" s="712"/>
      <c r="CZ4" s="712"/>
      <c r="DA4" s="712"/>
      <c r="DB4" s="712"/>
      <c r="DC4" s="712"/>
      <c r="DD4" s="712"/>
      <c r="DE4" s="712"/>
      <c r="DF4" s="712"/>
      <c r="DG4" s="712"/>
      <c r="DH4" s="712"/>
      <c r="DI4" s="712"/>
      <c r="DJ4" s="712"/>
      <c r="DK4" s="712"/>
      <c r="DL4" s="712"/>
      <c r="DM4" s="712"/>
      <c r="DN4" s="712"/>
      <c r="DO4" s="712"/>
      <c r="DP4" s="712"/>
      <c r="DQ4" s="712"/>
      <c r="DR4" s="712"/>
      <c r="DS4" s="712"/>
      <c r="DT4" s="712"/>
      <c r="DU4" s="712"/>
      <c r="DV4" s="712"/>
      <c r="DW4" s="712"/>
      <c r="DX4" s="712"/>
      <c r="DY4" s="712"/>
      <c r="DZ4" s="712"/>
      <c r="EA4" s="712"/>
      <c r="EB4" s="712"/>
      <c r="EC4" s="712"/>
      <c r="ED4" s="712"/>
      <c r="EE4" s="712"/>
      <c r="EF4" s="712"/>
      <c r="EG4" s="712"/>
      <c r="EH4" s="712"/>
      <c r="EI4" s="712"/>
      <c r="EJ4" s="712"/>
      <c r="EK4" s="712"/>
      <c r="EL4" s="712"/>
      <c r="EM4" s="712"/>
      <c r="EN4" s="712"/>
      <c r="EO4" s="712"/>
      <c r="EP4" s="712"/>
      <c r="EQ4" s="712"/>
      <c r="ER4" s="712"/>
      <c r="ES4" s="712"/>
      <c r="ET4" s="712"/>
      <c r="EU4" s="712"/>
      <c r="EV4" s="712"/>
      <c r="EW4" s="712"/>
      <c r="EX4" s="712"/>
      <c r="EY4" s="712"/>
      <c r="EZ4" s="712"/>
      <c r="FA4" s="712"/>
      <c r="FB4" s="712"/>
      <c r="FC4" s="712"/>
      <c r="FD4" s="712"/>
      <c r="FE4" s="712"/>
      <c r="FF4" s="712"/>
      <c r="FG4" s="712"/>
      <c r="FH4" s="712"/>
      <c r="FI4" s="712"/>
      <c r="FJ4" s="712"/>
      <c r="FK4" s="712"/>
      <c r="FL4" s="712"/>
      <c r="FM4" s="712"/>
      <c r="FN4" s="712"/>
      <c r="FO4" s="712"/>
      <c r="FP4" s="712"/>
      <c r="FQ4" s="712"/>
      <c r="FR4" s="712"/>
      <c r="FS4" s="712"/>
      <c r="FT4" s="712"/>
      <c r="FU4" s="712"/>
      <c r="FV4" s="712"/>
      <c r="FW4" s="712"/>
      <c r="FX4" s="712"/>
      <c r="FY4" s="712"/>
      <c r="FZ4" s="712"/>
      <c r="GA4" s="712"/>
      <c r="GB4" s="712"/>
      <c r="GC4" s="712"/>
      <c r="GD4" s="712"/>
      <c r="GE4" s="712"/>
      <c r="GF4" s="712"/>
      <c r="GG4" s="712"/>
      <c r="GH4" s="712"/>
      <c r="GI4" s="712"/>
      <c r="GJ4" s="712"/>
      <c r="GK4" s="712"/>
      <c r="GL4" s="712"/>
      <c r="GM4" s="712"/>
      <c r="GN4" s="712"/>
      <c r="GO4" s="712"/>
      <c r="GP4" s="712"/>
      <c r="GQ4" s="712"/>
      <c r="GR4" s="712"/>
      <c r="GS4" s="712"/>
      <c r="GT4" s="712"/>
      <c r="GU4" s="712"/>
      <c r="GV4" s="712"/>
      <c r="GW4" s="712"/>
      <c r="GX4" s="712"/>
      <c r="GY4" s="712"/>
      <c r="GZ4" s="712"/>
      <c r="HA4" s="712"/>
      <c r="HB4" s="712"/>
      <c r="HC4" s="712"/>
      <c r="HD4" s="712"/>
      <c r="HE4" s="712"/>
      <c r="HF4" s="712"/>
      <c r="HG4" s="712"/>
      <c r="HH4" s="712"/>
      <c r="HI4" s="712"/>
      <c r="HJ4" s="712"/>
      <c r="HK4" s="712"/>
      <c r="HL4" s="712"/>
      <c r="HM4" s="712"/>
      <c r="HN4" s="712"/>
      <c r="HO4" s="712"/>
      <c r="HP4" s="712"/>
      <c r="HQ4" s="712"/>
      <c r="HR4" s="712"/>
      <c r="HS4" s="712"/>
      <c r="HT4" s="712"/>
      <c r="HU4" s="712"/>
      <c r="HV4" s="712"/>
      <c r="HW4" s="712"/>
      <c r="HX4" s="713"/>
      <c r="HY4" s="608" t="s">
        <v>85</v>
      </c>
      <c r="HZ4" s="609"/>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10"/>
      <c r="ME4" s="608" t="s">
        <v>86</v>
      </c>
      <c r="MF4" s="609"/>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10"/>
      <c r="OH4" s="599" t="s">
        <v>60</v>
      </c>
      <c r="OI4" s="503"/>
      <c r="OJ4" s="503"/>
      <c r="OK4" s="503"/>
      <c r="OL4" s="503"/>
      <c r="OM4" s="503"/>
      <c r="ON4" s="503"/>
      <c r="OO4" s="503"/>
      <c r="OP4" s="503"/>
      <c r="OQ4" s="503"/>
      <c r="OR4" s="504"/>
    </row>
    <row r="5" spans="1:408" ht="19.5" customHeight="1" thickBot="1" x14ac:dyDescent="0.25">
      <c r="A5" s="707"/>
      <c r="B5" s="710"/>
      <c r="C5" s="710"/>
      <c r="D5" s="710"/>
      <c r="E5" s="710"/>
      <c r="F5" s="710"/>
      <c r="G5" s="710"/>
      <c r="H5" s="710"/>
      <c r="I5" s="710"/>
      <c r="J5" s="710"/>
      <c r="K5" s="710"/>
      <c r="L5" s="710"/>
      <c r="M5" s="714" t="s">
        <v>64</v>
      </c>
      <c r="N5" s="715"/>
      <c r="O5" s="715"/>
      <c r="P5" s="715"/>
      <c r="Q5" s="715"/>
      <c r="R5" s="715"/>
      <c r="S5" s="715"/>
      <c r="T5" s="715"/>
      <c r="U5" s="715"/>
      <c r="V5" s="715"/>
      <c r="W5" s="715"/>
      <c r="X5" s="715"/>
      <c r="Y5" s="715"/>
      <c r="Z5" s="715"/>
      <c r="AA5" s="715"/>
      <c r="AB5" s="715"/>
      <c r="AC5" s="715"/>
      <c r="AD5" s="715"/>
      <c r="AE5" s="715"/>
      <c r="AF5" s="715"/>
      <c r="AG5" s="715"/>
      <c r="AH5" s="715"/>
      <c r="AI5" s="715"/>
      <c r="AJ5" s="715"/>
      <c r="AK5" s="715"/>
      <c r="AL5" s="715"/>
      <c r="AM5" s="715"/>
      <c r="AN5" s="715"/>
      <c r="AO5" s="715"/>
      <c r="AP5" s="715"/>
      <c r="AQ5" s="715"/>
      <c r="AR5" s="715"/>
      <c r="AS5" s="715"/>
      <c r="AT5" s="715"/>
      <c r="AU5" s="715"/>
      <c r="AV5" s="715"/>
      <c r="AW5" s="715"/>
      <c r="AX5" s="715"/>
      <c r="AY5" s="715"/>
      <c r="AZ5" s="715"/>
      <c r="BA5" s="715"/>
      <c r="BB5" s="715"/>
      <c r="BC5" s="715"/>
      <c r="BD5" s="715"/>
      <c r="BE5" s="715"/>
      <c r="BF5" s="715"/>
      <c r="BG5" s="715"/>
      <c r="BH5" s="715"/>
      <c r="BI5" s="715"/>
      <c r="BJ5" s="715"/>
      <c r="BK5" s="715"/>
      <c r="BL5" s="715"/>
      <c r="BM5" s="715"/>
      <c r="BN5" s="715"/>
      <c r="BO5" s="715"/>
      <c r="BP5" s="715"/>
      <c r="BQ5" s="715"/>
      <c r="BR5" s="715"/>
      <c r="BS5" s="715"/>
      <c r="BT5" s="715"/>
      <c r="BU5" s="715"/>
      <c r="BV5" s="715"/>
      <c r="BW5" s="715"/>
      <c r="BX5" s="715"/>
      <c r="BY5" s="715"/>
      <c r="BZ5" s="716"/>
      <c r="CA5" s="714" t="s">
        <v>65</v>
      </c>
      <c r="CB5" s="715"/>
      <c r="CC5" s="715"/>
      <c r="CD5" s="715"/>
      <c r="CE5" s="715"/>
      <c r="CF5" s="715"/>
      <c r="CG5" s="715"/>
      <c r="CH5" s="715"/>
      <c r="CI5" s="715"/>
      <c r="CJ5" s="715"/>
      <c r="CK5" s="715"/>
      <c r="CL5" s="715"/>
      <c r="CM5" s="715"/>
      <c r="CN5" s="715"/>
      <c r="CO5" s="715"/>
      <c r="CP5" s="715"/>
      <c r="CQ5" s="715"/>
      <c r="CR5" s="715"/>
      <c r="CS5" s="715"/>
      <c r="CT5" s="715"/>
      <c r="CU5" s="715"/>
      <c r="CV5" s="715"/>
      <c r="CW5" s="715"/>
      <c r="CX5" s="715"/>
      <c r="CY5" s="715"/>
      <c r="CZ5" s="715"/>
      <c r="DA5" s="715"/>
      <c r="DB5" s="715"/>
      <c r="DC5" s="715"/>
      <c r="DD5" s="715"/>
      <c r="DE5" s="715"/>
      <c r="DF5" s="715"/>
      <c r="DG5" s="716"/>
      <c r="DH5" s="520" t="s">
        <v>66</v>
      </c>
      <c r="DI5" s="521"/>
      <c r="DJ5" s="521"/>
      <c r="DK5" s="521"/>
      <c r="DL5" s="521"/>
      <c r="DM5" s="521"/>
      <c r="DN5" s="521"/>
      <c r="DO5" s="521"/>
      <c r="DP5" s="521"/>
      <c r="DQ5" s="521"/>
      <c r="DR5" s="521"/>
      <c r="DS5" s="521"/>
      <c r="DT5" s="521"/>
      <c r="DU5" s="521"/>
      <c r="DV5" s="521"/>
      <c r="DW5" s="521"/>
      <c r="DX5" s="521"/>
      <c r="DY5" s="521"/>
      <c r="DZ5" s="521"/>
      <c r="EA5" s="521"/>
      <c r="EB5" s="521"/>
      <c r="EC5" s="521"/>
      <c r="ED5" s="521"/>
      <c r="EE5" s="521"/>
      <c r="EF5" s="521"/>
      <c r="EG5" s="521"/>
      <c r="EH5" s="521"/>
      <c r="EI5" s="521"/>
      <c r="EJ5" s="521"/>
      <c r="EK5" s="521"/>
      <c r="EL5" s="521"/>
      <c r="EM5" s="521"/>
      <c r="EN5" s="521"/>
      <c r="EO5" s="521"/>
      <c r="EP5" s="521"/>
      <c r="EQ5" s="521"/>
      <c r="ER5" s="521"/>
      <c r="ES5" s="521"/>
      <c r="ET5" s="521"/>
      <c r="EU5" s="521"/>
      <c r="EV5" s="521"/>
      <c r="EW5" s="521"/>
      <c r="EX5" s="521"/>
      <c r="EY5" s="521"/>
      <c r="EZ5" s="521"/>
      <c r="FA5" s="521"/>
      <c r="FB5" s="521"/>
      <c r="FC5" s="521"/>
      <c r="FD5" s="521"/>
      <c r="FE5" s="521"/>
      <c r="FF5" s="521"/>
      <c r="FG5" s="521"/>
      <c r="FH5" s="521"/>
      <c r="FI5" s="521"/>
      <c r="FJ5" s="522"/>
      <c r="FK5" s="714" t="s">
        <v>67</v>
      </c>
      <c r="FL5" s="715"/>
      <c r="FM5" s="715"/>
      <c r="FN5" s="715"/>
      <c r="FO5" s="715"/>
      <c r="FP5" s="715"/>
      <c r="FQ5" s="715"/>
      <c r="FR5" s="715"/>
      <c r="FS5" s="715"/>
      <c r="FT5" s="715"/>
      <c r="FU5" s="715"/>
      <c r="FV5" s="715"/>
      <c r="FW5" s="715"/>
      <c r="FX5" s="715"/>
      <c r="FY5" s="715"/>
      <c r="FZ5" s="715"/>
      <c r="GA5" s="715"/>
      <c r="GB5" s="715"/>
      <c r="GC5" s="715"/>
      <c r="GD5" s="715"/>
      <c r="GE5" s="715"/>
      <c r="GF5" s="715"/>
      <c r="GG5" s="715"/>
      <c r="GH5" s="715"/>
      <c r="GI5" s="715"/>
      <c r="GJ5" s="715"/>
      <c r="GK5" s="715"/>
      <c r="GL5" s="715"/>
      <c r="GM5" s="715"/>
      <c r="GN5" s="715"/>
      <c r="GO5" s="715"/>
      <c r="GP5" s="715"/>
      <c r="GQ5" s="715"/>
      <c r="GR5" s="715"/>
      <c r="GS5" s="715"/>
      <c r="GT5" s="715"/>
      <c r="GU5" s="715"/>
      <c r="GV5" s="715"/>
      <c r="GW5" s="715"/>
      <c r="GX5" s="715"/>
      <c r="GY5" s="715"/>
      <c r="GZ5" s="715"/>
      <c r="HA5" s="715"/>
      <c r="HB5" s="716"/>
      <c r="HC5" s="717" t="s">
        <v>68</v>
      </c>
      <c r="HD5" s="718"/>
      <c r="HE5" s="718"/>
      <c r="HF5" s="718"/>
      <c r="HG5" s="718"/>
      <c r="HH5" s="718"/>
      <c r="HI5" s="718"/>
      <c r="HJ5" s="718"/>
      <c r="HK5" s="718"/>
      <c r="HL5" s="718"/>
      <c r="HM5" s="719"/>
      <c r="HN5" s="717" t="s">
        <v>69</v>
      </c>
      <c r="HO5" s="718"/>
      <c r="HP5" s="718"/>
      <c r="HQ5" s="718"/>
      <c r="HR5" s="718"/>
      <c r="HS5" s="718"/>
      <c r="HT5" s="718"/>
      <c r="HU5" s="718"/>
      <c r="HV5" s="718"/>
      <c r="HW5" s="718"/>
      <c r="HX5" s="719"/>
      <c r="HY5" s="659"/>
      <c r="HZ5" s="660"/>
      <c r="IA5" s="660"/>
      <c r="IB5" s="660"/>
      <c r="IC5" s="660"/>
      <c r="ID5" s="660"/>
      <c r="IE5" s="660"/>
      <c r="IF5" s="660"/>
      <c r="IG5" s="660"/>
      <c r="IH5" s="660"/>
      <c r="II5" s="661"/>
      <c r="IJ5" s="599" t="s">
        <v>94</v>
      </c>
      <c r="IK5" s="503"/>
      <c r="IL5" s="503"/>
      <c r="IM5" s="503"/>
      <c r="IN5" s="503"/>
      <c r="IO5" s="503"/>
      <c r="IP5" s="503"/>
      <c r="IQ5" s="503"/>
      <c r="IR5" s="503"/>
      <c r="IS5" s="503"/>
      <c r="IT5" s="504"/>
      <c r="IU5" s="599" t="s">
        <v>88</v>
      </c>
      <c r="IV5" s="503"/>
      <c r="IW5" s="503"/>
      <c r="IX5" s="503"/>
      <c r="IY5" s="503"/>
      <c r="IZ5" s="503"/>
      <c r="JA5" s="503"/>
      <c r="JB5" s="503"/>
      <c r="JC5" s="503"/>
      <c r="JD5" s="503"/>
      <c r="JE5" s="504"/>
      <c r="JF5" s="662" t="s">
        <v>144</v>
      </c>
      <c r="JG5" s="663"/>
      <c r="JH5" s="663"/>
      <c r="JI5" s="663"/>
      <c r="JJ5" s="663"/>
      <c r="JK5" s="663"/>
      <c r="JL5" s="663"/>
      <c r="JM5" s="663"/>
      <c r="JN5" s="663"/>
      <c r="JO5" s="663"/>
      <c r="JP5" s="664"/>
      <c r="JQ5" s="599" t="s">
        <v>90</v>
      </c>
      <c r="JR5" s="503"/>
      <c r="JS5" s="503"/>
      <c r="JT5" s="503"/>
      <c r="JU5" s="503"/>
      <c r="JV5" s="503"/>
      <c r="JW5" s="503"/>
      <c r="JX5" s="503"/>
      <c r="JY5" s="503"/>
      <c r="JZ5" s="503"/>
      <c r="KA5" s="504"/>
      <c r="KB5" s="599" t="s">
        <v>89</v>
      </c>
      <c r="KC5" s="503"/>
      <c r="KD5" s="503"/>
      <c r="KE5" s="503"/>
      <c r="KF5" s="503"/>
      <c r="KG5" s="503"/>
      <c r="KH5" s="503"/>
      <c r="KI5" s="503"/>
      <c r="KJ5" s="503"/>
      <c r="KK5" s="503"/>
      <c r="KL5" s="504"/>
      <c r="KM5" s="599" t="s">
        <v>91</v>
      </c>
      <c r="KN5" s="503"/>
      <c r="KO5" s="503"/>
      <c r="KP5" s="503"/>
      <c r="KQ5" s="503"/>
      <c r="KR5" s="503"/>
      <c r="KS5" s="503"/>
      <c r="KT5" s="503"/>
      <c r="KU5" s="503"/>
      <c r="KV5" s="503"/>
      <c r="KW5" s="504"/>
      <c r="KX5" s="599" t="s">
        <v>92</v>
      </c>
      <c r="KY5" s="503"/>
      <c r="KZ5" s="503"/>
      <c r="LA5" s="503"/>
      <c r="LB5" s="503"/>
      <c r="LC5" s="503"/>
      <c r="LD5" s="503"/>
      <c r="LE5" s="503"/>
      <c r="LF5" s="503"/>
      <c r="LG5" s="503"/>
      <c r="LH5" s="504"/>
      <c r="LI5" s="668" t="s">
        <v>93</v>
      </c>
      <c r="LJ5" s="669"/>
      <c r="LK5" s="669"/>
      <c r="LL5" s="669"/>
      <c r="LM5" s="669"/>
      <c r="LN5" s="669"/>
      <c r="LO5" s="669"/>
      <c r="LP5" s="669"/>
      <c r="LQ5" s="669"/>
      <c r="LR5" s="669"/>
      <c r="LS5" s="670"/>
      <c r="LT5" s="671" t="s">
        <v>145</v>
      </c>
      <c r="LU5" s="672"/>
      <c r="LV5" s="672"/>
      <c r="LW5" s="672"/>
      <c r="LX5" s="672"/>
      <c r="LY5" s="672"/>
      <c r="LZ5" s="672"/>
      <c r="MA5" s="672"/>
      <c r="MB5" s="672"/>
      <c r="MC5" s="672"/>
      <c r="MD5" s="673"/>
      <c r="ME5" s="659"/>
      <c r="MF5" s="660"/>
      <c r="MG5" s="660"/>
      <c r="MH5" s="660"/>
      <c r="MI5" s="660"/>
      <c r="MJ5" s="660"/>
      <c r="MK5" s="660"/>
      <c r="ML5" s="660"/>
      <c r="MM5" s="660"/>
      <c r="MN5" s="660"/>
      <c r="MO5" s="661"/>
      <c r="MP5" s="599" t="s">
        <v>57</v>
      </c>
      <c r="MQ5" s="503"/>
      <c r="MR5" s="503"/>
      <c r="MS5" s="503"/>
      <c r="MT5" s="503"/>
      <c r="MU5" s="503"/>
      <c r="MV5" s="503"/>
      <c r="MW5" s="503"/>
      <c r="MX5" s="503"/>
      <c r="MY5" s="503"/>
      <c r="MZ5" s="504"/>
      <c r="NA5" s="599" t="s">
        <v>58</v>
      </c>
      <c r="NB5" s="503"/>
      <c r="NC5" s="503"/>
      <c r="ND5" s="503"/>
      <c r="NE5" s="503"/>
      <c r="NF5" s="503"/>
      <c r="NG5" s="503"/>
      <c r="NH5" s="503"/>
      <c r="NI5" s="503"/>
      <c r="NJ5" s="503"/>
      <c r="NK5" s="504"/>
      <c r="NL5" s="599" t="s">
        <v>59</v>
      </c>
      <c r="NM5" s="503"/>
      <c r="NN5" s="503"/>
      <c r="NO5" s="503"/>
      <c r="NP5" s="503"/>
      <c r="NQ5" s="503"/>
      <c r="NR5" s="503"/>
      <c r="NS5" s="503"/>
      <c r="NT5" s="503"/>
      <c r="NU5" s="503"/>
      <c r="NV5" s="504"/>
      <c r="NW5" s="649" t="s">
        <v>151</v>
      </c>
      <c r="NX5" s="650"/>
      <c r="NY5" s="650"/>
      <c r="NZ5" s="650"/>
      <c r="OA5" s="650"/>
      <c r="OB5" s="650"/>
      <c r="OC5" s="650"/>
      <c r="OD5" s="650"/>
      <c r="OE5" s="650"/>
      <c r="OF5" s="650"/>
      <c r="OG5" s="651"/>
      <c r="OH5" s="656"/>
      <c r="OI5" s="657"/>
      <c r="OJ5" s="657"/>
      <c r="OK5" s="657"/>
      <c r="OL5" s="657"/>
      <c r="OM5" s="657"/>
      <c r="ON5" s="657"/>
      <c r="OO5" s="657"/>
      <c r="OP5" s="657"/>
      <c r="OQ5" s="657"/>
      <c r="OR5" s="658"/>
    </row>
    <row r="6" spans="1:408" ht="19.5" customHeight="1" thickBot="1" x14ac:dyDescent="0.25">
      <c r="A6" s="707"/>
      <c r="B6" s="711"/>
      <c r="C6" s="711"/>
      <c r="D6" s="711"/>
      <c r="E6" s="711"/>
      <c r="F6" s="711"/>
      <c r="G6" s="711"/>
      <c r="H6" s="711"/>
      <c r="I6" s="711"/>
      <c r="J6" s="711"/>
      <c r="K6" s="711"/>
      <c r="L6" s="711"/>
      <c r="M6" s="512"/>
      <c r="N6" s="513"/>
      <c r="O6" s="513"/>
      <c r="P6" s="513"/>
      <c r="Q6" s="513"/>
      <c r="R6" s="513"/>
      <c r="S6" s="513"/>
      <c r="T6" s="513"/>
      <c r="U6" s="513"/>
      <c r="V6" s="513"/>
      <c r="W6" s="514"/>
      <c r="X6" s="699" t="s">
        <v>70</v>
      </c>
      <c r="Y6" s="516"/>
      <c r="Z6" s="516"/>
      <c r="AA6" s="516"/>
      <c r="AB6" s="516"/>
      <c r="AC6" s="516"/>
      <c r="AD6" s="516"/>
      <c r="AE6" s="516"/>
      <c r="AF6" s="516"/>
      <c r="AG6" s="516"/>
      <c r="AH6" s="517"/>
      <c r="AI6" s="694" t="s">
        <v>71</v>
      </c>
      <c r="AJ6" s="695"/>
      <c r="AK6" s="695"/>
      <c r="AL6" s="695"/>
      <c r="AM6" s="695"/>
      <c r="AN6" s="695"/>
      <c r="AO6" s="695"/>
      <c r="AP6" s="695"/>
      <c r="AQ6" s="695"/>
      <c r="AR6" s="695"/>
      <c r="AS6" s="696"/>
      <c r="AT6" s="694" t="s">
        <v>72</v>
      </c>
      <c r="AU6" s="695"/>
      <c r="AV6" s="695"/>
      <c r="AW6" s="695"/>
      <c r="AX6" s="695"/>
      <c r="AY6" s="695"/>
      <c r="AZ6" s="695"/>
      <c r="BA6" s="695"/>
      <c r="BB6" s="695"/>
      <c r="BC6" s="695"/>
      <c r="BD6" s="696"/>
      <c r="BE6" s="694" t="s">
        <v>73</v>
      </c>
      <c r="BF6" s="695"/>
      <c r="BG6" s="695"/>
      <c r="BH6" s="695"/>
      <c r="BI6" s="695"/>
      <c r="BJ6" s="695"/>
      <c r="BK6" s="695"/>
      <c r="BL6" s="695"/>
      <c r="BM6" s="695"/>
      <c r="BN6" s="695"/>
      <c r="BO6" s="696"/>
      <c r="BP6" s="694" t="s">
        <v>74</v>
      </c>
      <c r="BQ6" s="695"/>
      <c r="BR6" s="695"/>
      <c r="BS6" s="695"/>
      <c r="BT6" s="695"/>
      <c r="BU6" s="695"/>
      <c r="BV6" s="695"/>
      <c r="BW6" s="695"/>
      <c r="BX6" s="695"/>
      <c r="BY6" s="695"/>
      <c r="BZ6" s="696"/>
      <c r="CA6" s="697"/>
      <c r="CB6" s="698"/>
      <c r="CC6" s="698"/>
      <c r="CD6" s="698"/>
      <c r="CE6" s="698"/>
      <c r="CF6" s="698"/>
      <c r="CG6" s="698"/>
      <c r="CH6" s="698"/>
      <c r="CI6" s="698"/>
      <c r="CJ6" s="698"/>
      <c r="CK6" s="723"/>
      <c r="CL6" s="694" t="s">
        <v>75</v>
      </c>
      <c r="CM6" s="695"/>
      <c r="CN6" s="695"/>
      <c r="CO6" s="695"/>
      <c r="CP6" s="695"/>
      <c r="CQ6" s="695"/>
      <c r="CR6" s="695"/>
      <c r="CS6" s="695"/>
      <c r="CT6" s="695"/>
      <c r="CU6" s="695"/>
      <c r="CV6" s="696"/>
      <c r="CW6" s="694" t="s">
        <v>76</v>
      </c>
      <c r="CX6" s="695"/>
      <c r="CY6" s="695"/>
      <c r="CZ6" s="695"/>
      <c r="DA6" s="695"/>
      <c r="DB6" s="695"/>
      <c r="DC6" s="695"/>
      <c r="DD6" s="695"/>
      <c r="DE6" s="695"/>
      <c r="DF6" s="695"/>
      <c r="DG6" s="696"/>
      <c r="DH6" s="697"/>
      <c r="DI6" s="698"/>
      <c r="DJ6" s="698"/>
      <c r="DK6" s="698"/>
      <c r="DL6" s="698"/>
      <c r="DM6" s="698"/>
      <c r="DN6" s="698"/>
      <c r="DO6" s="698"/>
      <c r="DP6" s="698"/>
      <c r="DQ6" s="698"/>
      <c r="DR6" s="698"/>
      <c r="DS6" s="694" t="s">
        <v>77</v>
      </c>
      <c r="DT6" s="695"/>
      <c r="DU6" s="695"/>
      <c r="DV6" s="695"/>
      <c r="DW6" s="695"/>
      <c r="DX6" s="695"/>
      <c r="DY6" s="695"/>
      <c r="DZ6" s="695"/>
      <c r="EA6" s="695"/>
      <c r="EB6" s="695"/>
      <c r="EC6" s="696"/>
      <c r="ED6" s="694" t="s">
        <v>78</v>
      </c>
      <c r="EE6" s="695"/>
      <c r="EF6" s="695"/>
      <c r="EG6" s="695"/>
      <c r="EH6" s="695"/>
      <c r="EI6" s="695"/>
      <c r="EJ6" s="695"/>
      <c r="EK6" s="695"/>
      <c r="EL6" s="695"/>
      <c r="EM6" s="695"/>
      <c r="EN6" s="696"/>
      <c r="EO6" s="694" t="s">
        <v>79</v>
      </c>
      <c r="EP6" s="695"/>
      <c r="EQ6" s="695"/>
      <c r="ER6" s="695"/>
      <c r="ES6" s="695"/>
      <c r="ET6" s="695"/>
      <c r="EU6" s="695"/>
      <c r="EV6" s="695"/>
      <c r="EW6" s="695"/>
      <c r="EX6" s="695"/>
      <c r="EY6" s="696"/>
      <c r="EZ6" s="618" t="s">
        <v>152</v>
      </c>
      <c r="FA6" s="695"/>
      <c r="FB6" s="695"/>
      <c r="FC6" s="695"/>
      <c r="FD6" s="695"/>
      <c r="FE6" s="695"/>
      <c r="FF6" s="695"/>
      <c r="FG6" s="695"/>
      <c r="FH6" s="695"/>
      <c r="FI6" s="695"/>
      <c r="FJ6" s="696"/>
      <c r="FK6" s="697"/>
      <c r="FL6" s="698"/>
      <c r="FM6" s="698"/>
      <c r="FN6" s="698"/>
      <c r="FO6" s="698"/>
      <c r="FP6" s="698"/>
      <c r="FQ6" s="698"/>
      <c r="FR6" s="698"/>
      <c r="FS6" s="698"/>
      <c r="FT6" s="698"/>
      <c r="FU6" s="698"/>
      <c r="FV6" s="694" t="s">
        <v>80</v>
      </c>
      <c r="FW6" s="695"/>
      <c r="FX6" s="695"/>
      <c r="FY6" s="695"/>
      <c r="FZ6" s="695"/>
      <c r="GA6" s="695"/>
      <c r="GB6" s="695"/>
      <c r="GC6" s="695"/>
      <c r="GD6" s="695"/>
      <c r="GE6" s="695"/>
      <c r="GF6" s="696"/>
      <c r="GG6" s="699" t="s">
        <v>81</v>
      </c>
      <c r="GH6" s="516"/>
      <c r="GI6" s="516"/>
      <c r="GJ6" s="516"/>
      <c r="GK6" s="516"/>
      <c r="GL6" s="516"/>
      <c r="GM6" s="516"/>
      <c r="GN6" s="516"/>
      <c r="GO6" s="516"/>
      <c r="GP6" s="516"/>
      <c r="GQ6" s="517"/>
      <c r="GR6" s="699" t="s">
        <v>82</v>
      </c>
      <c r="GS6" s="516"/>
      <c r="GT6" s="516"/>
      <c r="GU6" s="516"/>
      <c r="GV6" s="516"/>
      <c r="GW6" s="516"/>
      <c r="GX6" s="516"/>
      <c r="GY6" s="516"/>
      <c r="GZ6" s="516"/>
      <c r="HA6" s="516"/>
      <c r="HB6" s="517"/>
      <c r="HC6" s="720"/>
      <c r="HD6" s="721"/>
      <c r="HE6" s="721"/>
      <c r="HF6" s="721"/>
      <c r="HG6" s="721"/>
      <c r="HH6" s="721"/>
      <c r="HI6" s="721"/>
      <c r="HJ6" s="721"/>
      <c r="HK6" s="721"/>
      <c r="HL6" s="721"/>
      <c r="HM6" s="722"/>
      <c r="HN6" s="720"/>
      <c r="HO6" s="721"/>
      <c r="HP6" s="721"/>
      <c r="HQ6" s="721"/>
      <c r="HR6" s="721"/>
      <c r="HS6" s="721"/>
      <c r="HT6" s="721"/>
      <c r="HU6" s="721"/>
      <c r="HV6" s="721"/>
      <c r="HW6" s="721"/>
      <c r="HX6" s="722"/>
      <c r="HY6" s="612"/>
      <c r="HZ6" s="613"/>
      <c r="IA6" s="613"/>
      <c r="IB6" s="613"/>
      <c r="IC6" s="613"/>
      <c r="ID6" s="613"/>
      <c r="IE6" s="613"/>
      <c r="IF6" s="613"/>
      <c r="IG6" s="613"/>
      <c r="IH6" s="613"/>
      <c r="II6" s="614"/>
      <c r="IJ6" s="600"/>
      <c r="IK6" s="593"/>
      <c r="IL6" s="593"/>
      <c r="IM6" s="593"/>
      <c r="IN6" s="593"/>
      <c r="IO6" s="593"/>
      <c r="IP6" s="593"/>
      <c r="IQ6" s="593"/>
      <c r="IR6" s="593"/>
      <c r="IS6" s="593"/>
      <c r="IT6" s="601"/>
      <c r="IU6" s="600"/>
      <c r="IV6" s="593"/>
      <c r="IW6" s="593"/>
      <c r="IX6" s="593"/>
      <c r="IY6" s="593"/>
      <c r="IZ6" s="593"/>
      <c r="JA6" s="593"/>
      <c r="JB6" s="593"/>
      <c r="JC6" s="593"/>
      <c r="JD6" s="593"/>
      <c r="JE6" s="601"/>
      <c r="JF6" s="665"/>
      <c r="JG6" s="666"/>
      <c r="JH6" s="666"/>
      <c r="JI6" s="666"/>
      <c r="JJ6" s="666"/>
      <c r="JK6" s="666"/>
      <c r="JL6" s="666"/>
      <c r="JM6" s="666"/>
      <c r="JN6" s="666"/>
      <c r="JO6" s="666"/>
      <c r="JP6" s="667"/>
      <c r="JQ6" s="600"/>
      <c r="JR6" s="593"/>
      <c r="JS6" s="593"/>
      <c r="JT6" s="593"/>
      <c r="JU6" s="593"/>
      <c r="JV6" s="593"/>
      <c r="JW6" s="593"/>
      <c r="JX6" s="593"/>
      <c r="JY6" s="593"/>
      <c r="JZ6" s="593"/>
      <c r="KA6" s="601"/>
      <c r="KB6" s="600"/>
      <c r="KC6" s="593"/>
      <c r="KD6" s="593"/>
      <c r="KE6" s="593"/>
      <c r="KF6" s="593"/>
      <c r="KG6" s="593"/>
      <c r="KH6" s="593"/>
      <c r="KI6" s="593"/>
      <c r="KJ6" s="593"/>
      <c r="KK6" s="593"/>
      <c r="KL6" s="601"/>
      <c r="KM6" s="600"/>
      <c r="KN6" s="593"/>
      <c r="KO6" s="593"/>
      <c r="KP6" s="593"/>
      <c r="KQ6" s="593"/>
      <c r="KR6" s="593"/>
      <c r="KS6" s="593"/>
      <c r="KT6" s="593"/>
      <c r="KU6" s="593"/>
      <c r="KV6" s="593"/>
      <c r="KW6" s="601"/>
      <c r="KX6" s="600"/>
      <c r="KY6" s="593"/>
      <c r="KZ6" s="593"/>
      <c r="LA6" s="593"/>
      <c r="LB6" s="593"/>
      <c r="LC6" s="593"/>
      <c r="LD6" s="593"/>
      <c r="LE6" s="593"/>
      <c r="LF6" s="593"/>
      <c r="LG6" s="593"/>
      <c r="LH6" s="601"/>
      <c r="LI6" s="612"/>
      <c r="LJ6" s="613"/>
      <c r="LK6" s="613"/>
      <c r="LL6" s="613"/>
      <c r="LM6" s="613"/>
      <c r="LN6" s="613"/>
      <c r="LO6" s="613"/>
      <c r="LP6" s="613"/>
      <c r="LQ6" s="613"/>
      <c r="LR6" s="613"/>
      <c r="LS6" s="614"/>
      <c r="LT6" s="674"/>
      <c r="LU6" s="675"/>
      <c r="LV6" s="675"/>
      <c r="LW6" s="675"/>
      <c r="LX6" s="675"/>
      <c r="LY6" s="675"/>
      <c r="LZ6" s="675"/>
      <c r="MA6" s="675"/>
      <c r="MB6" s="675"/>
      <c r="MC6" s="675"/>
      <c r="MD6" s="676"/>
      <c r="ME6" s="612"/>
      <c r="MF6" s="613"/>
      <c r="MG6" s="613"/>
      <c r="MH6" s="613"/>
      <c r="MI6" s="613"/>
      <c r="MJ6" s="613"/>
      <c r="MK6" s="613"/>
      <c r="ML6" s="613"/>
      <c r="MM6" s="613"/>
      <c r="MN6" s="613"/>
      <c r="MO6" s="614"/>
      <c r="MP6" s="600"/>
      <c r="MQ6" s="593"/>
      <c r="MR6" s="593"/>
      <c r="MS6" s="593"/>
      <c r="MT6" s="593"/>
      <c r="MU6" s="593"/>
      <c r="MV6" s="593"/>
      <c r="MW6" s="593"/>
      <c r="MX6" s="593"/>
      <c r="MY6" s="593"/>
      <c r="MZ6" s="601"/>
      <c r="NA6" s="600"/>
      <c r="NB6" s="593"/>
      <c r="NC6" s="593"/>
      <c r="ND6" s="593"/>
      <c r="NE6" s="593"/>
      <c r="NF6" s="593"/>
      <c r="NG6" s="593"/>
      <c r="NH6" s="593"/>
      <c r="NI6" s="593"/>
      <c r="NJ6" s="593"/>
      <c r="NK6" s="601"/>
      <c r="NL6" s="600"/>
      <c r="NM6" s="593"/>
      <c r="NN6" s="593"/>
      <c r="NO6" s="593"/>
      <c r="NP6" s="593"/>
      <c r="NQ6" s="593"/>
      <c r="NR6" s="593"/>
      <c r="NS6" s="593"/>
      <c r="NT6" s="593"/>
      <c r="NU6" s="593"/>
      <c r="NV6" s="601"/>
      <c r="NW6" s="652"/>
      <c r="NX6" s="653"/>
      <c r="NY6" s="653"/>
      <c r="NZ6" s="653"/>
      <c r="OA6" s="653"/>
      <c r="OB6" s="653"/>
      <c r="OC6" s="653"/>
      <c r="OD6" s="653"/>
      <c r="OE6" s="653"/>
      <c r="OF6" s="653"/>
      <c r="OG6" s="654"/>
      <c r="OH6" s="600"/>
      <c r="OI6" s="593"/>
      <c r="OJ6" s="593"/>
      <c r="OK6" s="593"/>
      <c r="OL6" s="593"/>
      <c r="OM6" s="593"/>
      <c r="ON6" s="593"/>
      <c r="OO6" s="593"/>
      <c r="OP6" s="593"/>
      <c r="OQ6" s="593"/>
      <c r="OR6" s="601"/>
    </row>
    <row r="7" spans="1:408" ht="23.25" customHeight="1" x14ac:dyDescent="0.2">
      <c r="A7" s="707"/>
      <c r="B7" s="692" t="s">
        <v>61</v>
      </c>
      <c r="C7" s="692"/>
      <c r="D7" s="692"/>
      <c r="E7" s="704" t="s">
        <v>62</v>
      </c>
      <c r="F7" s="692"/>
      <c r="G7" s="692"/>
      <c r="H7" s="692"/>
      <c r="I7" s="692"/>
      <c r="J7" s="692"/>
      <c r="K7" s="692"/>
      <c r="L7" s="704" t="s">
        <v>52</v>
      </c>
      <c r="M7" s="703" t="s">
        <v>61</v>
      </c>
      <c r="N7" s="692"/>
      <c r="O7" s="692"/>
      <c r="P7" s="704" t="s">
        <v>62</v>
      </c>
      <c r="Q7" s="692"/>
      <c r="R7" s="692"/>
      <c r="S7" s="692"/>
      <c r="T7" s="692"/>
      <c r="U7" s="692"/>
      <c r="V7" s="705"/>
      <c r="W7" s="700" t="s">
        <v>52</v>
      </c>
      <c r="X7" s="512" t="s">
        <v>61</v>
      </c>
      <c r="Y7" s="513"/>
      <c r="Z7" s="686"/>
      <c r="AA7" s="685" t="s">
        <v>62</v>
      </c>
      <c r="AB7" s="513"/>
      <c r="AC7" s="513"/>
      <c r="AD7" s="513"/>
      <c r="AE7" s="513"/>
      <c r="AF7" s="513"/>
      <c r="AG7" s="686"/>
      <c r="AH7" s="514" t="s">
        <v>52</v>
      </c>
      <c r="AI7" s="680" t="s">
        <v>61</v>
      </c>
      <c r="AJ7" s="681"/>
      <c r="AK7" s="682"/>
      <c r="AL7" s="683" t="s">
        <v>62</v>
      </c>
      <c r="AM7" s="681"/>
      <c r="AN7" s="681"/>
      <c r="AO7" s="681"/>
      <c r="AP7" s="681"/>
      <c r="AQ7" s="681"/>
      <c r="AR7" s="684"/>
      <c r="AS7" s="514" t="s">
        <v>52</v>
      </c>
      <c r="AT7" s="680" t="s">
        <v>61</v>
      </c>
      <c r="AU7" s="681"/>
      <c r="AV7" s="682"/>
      <c r="AW7" s="683" t="s">
        <v>62</v>
      </c>
      <c r="AX7" s="681"/>
      <c r="AY7" s="681"/>
      <c r="AZ7" s="681"/>
      <c r="BA7" s="681"/>
      <c r="BB7" s="681"/>
      <c r="BC7" s="684"/>
      <c r="BD7" s="514" t="s">
        <v>52</v>
      </c>
      <c r="BE7" s="680" t="s">
        <v>61</v>
      </c>
      <c r="BF7" s="681"/>
      <c r="BG7" s="682"/>
      <c r="BH7" s="683" t="s">
        <v>62</v>
      </c>
      <c r="BI7" s="681"/>
      <c r="BJ7" s="681"/>
      <c r="BK7" s="681"/>
      <c r="BL7" s="681"/>
      <c r="BM7" s="681"/>
      <c r="BN7" s="684"/>
      <c r="BO7" s="514" t="s">
        <v>52</v>
      </c>
      <c r="BP7" s="680" t="s">
        <v>61</v>
      </c>
      <c r="BQ7" s="681"/>
      <c r="BR7" s="682"/>
      <c r="BS7" s="683" t="s">
        <v>62</v>
      </c>
      <c r="BT7" s="681"/>
      <c r="BU7" s="681"/>
      <c r="BV7" s="681"/>
      <c r="BW7" s="681"/>
      <c r="BX7" s="681"/>
      <c r="BY7" s="684"/>
      <c r="BZ7" s="514" t="s">
        <v>52</v>
      </c>
      <c r="CA7" s="687" t="s">
        <v>61</v>
      </c>
      <c r="CB7" s="688"/>
      <c r="CC7" s="689"/>
      <c r="CD7" s="690" t="s">
        <v>62</v>
      </c>
      <c r="CE7" s="688"/>
      <c r="CF7" s="688"/>
      <c r="CG7" s="688"/>
      <c r="CH7" s="688"/>
      <c r="CI7" s="688"/>
      <c r="CJ7" s="691"/>
      <c r="CK7" s="700" t="s">
        <v>52</v>
      </c>
      <c r="CL7" s="680" t="s">
        <v>61</v>
      </c>
      <c r="CM7" s="681"/>
      <c r="CN7" s="684"/>
      <c r="CO7" s="683" t="s">
        <v>62</v>
      </c>
      <c r="CP7" s="681"/>
      <c r="CQ7" s="681"/>
      <c r="CR7" s="681"/>
      <c r="CS7" s="681"/>
      <c r="CT7" s="681"/>
      <c r="CU7" s="684"/>
      <c r="CV7" s="702" t="s">
        <v>52</v>
      </c>
      <c r="CW7" s="680" t="s">
        <v>61</v>
      </c>
      <c r="CX7" s="681"/>
      <c r="CY7" s="684"/>
      <c r="CZ7" s="683" t="s">
        <v>62</v>
      </c>
      <c r="DA7" s="681"/>
      <c r="DB7" s="681"/>
      <c r="DC7" s="681"/>
      <c r="DD7" s="681"/>
      <c r="DE7" s="681"/>
      <c r="DF7" s="684"/>
      <c r="DG7" s="702" t="s">
        <v>52</v>
      </c>
      <c r="DH7" s="687" t="s">
        <v>61</v>
      </c>
      <c r="DI7" s="688"/>
      <c r="DJ7" s="691"/>
      <c r="DK7" s="690" t="s">
        <v>62</v>
      </c>
      <c r="DL7" s="688"/>
      <c r="DM7" s="688"/>
      <c r="DN7" s="688"/>
      <c r="DO7" s="688"/>
      <c r="DP7" s="688"/>
      <c r="DQ7" s="691"/>
      <c r="DR7" s="700" t="s">
        <v>52</v>
      </c>
      <c r="DS7" s="680" t="s">
        <v>61</v>
      </c>
      <c r="DT7" s="681"/>
      <c r="DU7" s="682"/>
      <c r="DV7" s="683" t="s">
        <v>62</v>
      </c>
      <c r="DW7" s="681"/>
      <c r="DX7" s="681"/>
      <c r="DY7" s="681"/>
      <c r="DZ7" s="681"/>
      <c r="EA7" s="681"/>
      <c r="EB7" s="684"/>
      <c r="EC7" s="514" t="s">
        <v>52</v>
      </c>
      <c r="ED7" s="680" t="s">
        <v>61</v>
      </c>
      <c r="EE7" s="681"/>
      <c r="EF7" s="682"/>
      <c r="EG7" s="683" t="s">
        <v>62</v>
      </c>
      <c r="EH7" s="681"/>
      <c r="EI7" s="681"/>
      <c r="EJ7" s="681"/>
      <c r="EK7" s="681"/>
      <c r="EL7" s="681"/>
      <c r="EM7" s="684"/>
      <c r="EN7" s="514" t="s">
        <v>52</v>
      </c>
      <c r="EO7" s="680" t="s">
        <v>61</v>
      </c>
      <c r="EP7" s="681"/>
      <c r="EQ7" s="682"/>
      <c r="ER7" s="683" t="s">
        <v>62</v>
      </c>
      <c r="ES7" s="681"/>
      <c r="ET7" s="681"/>
      <c r="EU7" s="681"/>
      <c r="EV7" s="681"/>
      <c r="EW7" s="681"/>
      <c r="EX7" s="684"/>
      <c r="EY7" s="514" t="s">
        <v>52</v>
      </c>
      <c r="EZ7" s="680" t="s">
        <v>61</v>
      </c>
      <c r="FA7" s="681"/>
      <c r="FB7" s="682"/>
      <c r="FC7" s="683" t="s">
        <v>62</v>
      </c>
      <c r="FD7" s="681"/>
      <c r="FE7" s="681"/>
      <c r="FF7" s="681"/>
      <c r="FG7" s="681"/>
      <c r="FH7" s="681"/>
      <c r="FI7" s="684"/>
      <c r="FJ7" s="514" t="s">
        <v>52</v>
      </c>
      <c r="FK7" s="687" t="s">
        <v>61</v>
      </c>
      <c r="FL7" s="688"/>
      <c r="FM7" s="689"/>
      <c r="FN7" s="690" t="s">
        <v>62</v>
      </c>
      <c r="FO7" s="688"/>
      <c r="FP7" s="688"/>
      <c r="FQ7" s="688"/>
      <c r="FR7" s="688"/>
      <c r="FS7" s="688"/>
      <c r="FT7" s="691"/>
      <c r="FU7" s="692" t="s">
        <v>52</v>
      </c>
      <c r="FV7" s="680" t="s">
        <v>61</v>
      </c>
      <c r="FW7" s="681"/>
      <c r="FX7" s="682"/>
      <c r="FY7" s="683" t="s">
        <v>62</v>
      </c>
      <c r="FZ7" s="681"/>
      <c r="GA7" s="681"/>
      <c r="GB7" s="681"/>
      <c r="GC7" s="681"/>
      <c r="GD7" s="681"/>
      <c r="GE7" s="684"/>
      <c r="GF7" s="514" t="s">
        <v>52</v>
      </c>
      <c r="GG7" s="512" t="s">
        <v>61</v>
      </c>
      <c r="GH7" s="513"/>
      <c r="GI7" s="513"/>
      <c r="GJ7" s="685" t="s">
        <v>62</v>
      </c>
      <c r="GK7" s="513"/>
      <c r="GL7" s="513"/>
      <c r="GM7" s="513"/>
      <c r="GN7" s="513"/>
      <c r="GO7" s="513"/>
      <c r="GP7" s="686"/>
      <c r="GQ7" s="678" t="s">
        <v>52</v>
      </c>
      <c r="GR7" s="512" t="s">
        <v>61</v>
      </c>
      <c r="GS7" s="513"/>
      <c r="GT7" s="686"/>
      <c r="GU7" s="685" t="s">
        <v>62</v>
      </c>
      <c r="GV7" s="513"/>
      <c r="GW7" s="513"/>
      <c r="GX7" s="513"/>
      <c r="GY7" s="513"/>
      <c r="GZ7" s="513"/>
      <c r="HA7" s="686"/>
      <c r="HB7" s="678" t="s">
        <v>52</v>
      </c>
      <c r="HC7" s="680" t="s">
        <v>61</v>
      </c>
      <c r="HD7" s="681"/>
      <c r="HE7" s="682"/>
      <c r="HF7" s="683" t="s">
        <v>62</v>
      </c>
      <c r="HG7" s="681"/>
      <c r="HH7" s="681"/>
      <c r="HI7" s="681"/>
      <c r="HJ7" s="681"/>
      <c r="HK7" s="681"/>
      <c r="HL7" s="684"/>
      <c r="HM7" s="514" t="s">
        <v>52</v>
      </c>
      <c r="HN7" s="680" t="s">
        <v>61</v>
      </c>
      <c r="HO7" s="681"/>
      <c r="HP7" s="682"/>
      <c r="HQ7" s="683" t="s">
        <v>62</v>
      </c>
      <c r="HR7" s="681"/>
      <c r="HS7" s="681"/>
      <c r="HT7" s="681"/>
      <c r="HU7" s="681"/>
      <c r="HV7" s="681"/>
      <c r="HW7" s="684"/>
      <c r="HX7" s="514" t="s">
        <v>52</v>
      </c>
      <c r="HY7" s="581" t="s">
        <v>61</v>
      </c>
      <c r="HZ7" s="582"/>
      <c r="IA7" s="583"/>
      <c r="IB7" s="640" t="s">
        <v>62</v>
      </c>
      <c r="IC7" s="582"/>
      <c r="ID7" s="582"/>
      <c r="IE7" s="582"/>
      <c r="IF7" s="582"/>
      <c r="IG7" s="582"/>
      <c r="IH7" s="641"/>
      <c r="II7" s="585" t="s">
        <v>52</v>
      </c>
      <c r="IJ7" s="589" t="s">
        <v>61</v>
      </c>
      <c r="IK7" s="590"/>
      <c r="IL7" s="591"/>
      <c r="IM7" s="638" t="s">
        <v>62</v>
      </c>
      <c r="IN7" s="590"/>
      <c r="IO7" s="590"/>
      <c r="IP7" s="590"/>
      <c r="IQ7" s="590"/>
      <c r="IR7" s="590"/>
      <c r="IS7" s="639"/>
      <c r="IT7" s="601" t="s">
        <v>52</v>
      </c>
      <c r="IU7" s="589" t="s">
        <v>61</v>
      </c>
      <c r="IV7" s="590"/>
      <c r="IW7" s="639"/>
      <c r="IX7" s="638" t="s">
        <v>62</v>
      </c>
      <c r="IY7" s="590"/>
      <c r="IZ7" s="590"/>
      <c r="JA7" s="590"/>
      <c r="JB7" s="590"/>
      <c r="JC7" s="590"/>
      <c r="JD7" s="639"/>
      <c r="JE7" s="601" t="s">
        <v>52</v>
      </c>
      <c r="JF7" s="589" t="s">
        <v>61</v>
      </c>
      <c r="JG7" s="590"/>
      <c r="JH7" s="591"/>
      <c r="JI7" s="638" t="s">
        <v>62</v>
      </c>
      <c r="JJ7" s="590"/>
      <c r="JK7" s="590"/>
      <c r="JL7" s="590"/>
      <c r="JM7" s="590"/>
      <c r="JN7" s="590"/>
      <c r="JO7" s="639"/>
      <c r="JP7" s="647" t="s">
        <v>52</v>
      </c>
      <c r="JQ7" s="589" t="s">
        <v>61</v>
      </c>
      <c r="JR7" s="590"/>
      <c r="JS7" s="591"/>
      <c r="JT7" s="638" t="s">
        <v>62</v>
      </c>
      <c r="JU7" s="590"/>
      <c r="JV7" s="590"/>
      <c r="JW7" s="590"/>
      <c r="JX7" s="590"/>
      <c r="JY7" s="590"/>
      <c r="JZ7" s="639"/>
      <c r="KA7" s="647" t="s">
        <v>52</v>
      </c>
      <c r="KB7" s="589" t="s">
        <v>61</v>
      </c>
      <c r="KC7" s="590"/>
      <c r="KD7" s="591"/>
      <c r="KE7" s="638" t="s">
        <v>62</v>
      </c>
      <c r="KF7" s="590"/>
      <c r="KG7" s="590"/>
      <c r="KH7" s="590"/>
      <c r="KI7" s="590"/>
      <c r="KJ7" s="590"/>
      <c r="KK7" s="639"/>
      <c r="KL7" s="647" t="s">
        <v>52</v>
      </c>
      <c r="KM7" s="589" t="s">
        <v>61</v>
      </c>
      <c r="KN7" s="590"/>
      <c r="KO7" s="591"/>
      <c r="KP7" s="638" t="s">
        <v>62</v>
      </c>
      <c r="KQ7" s="590"/>
      <c r="KR7" s="590"/>
      <c r="KS7" s="590"/>
      <c r="KT7" s="590"/>
      <c r="KU7" s="590"/>
      <c r="KV7" s="639"/>
      <c r="KW7" s="647" t="s">
        <v>52</v>
      </c>
      <c r="KX7" s="589" t="s">
        <v>61</v>
      </c>
      <c r="KY7" s="590"/>
      <c r="KZ7" s="591"/>
      <c r="LA7" s="638" t="s">
        <v>62</v>
      </c>
      <c r="LB7" s="590"/>
      <c r="LC7" s="590"/>
      <c r="LD7" s="590"/>
      <c r="LE7" s="590"/>
      <c r="LF7" s="590"/>
      <c r="LG7" s="639"/>
      <c r="LH7" s="647" t="s">
        <v>52</v>
      </c>
      <c r="LI7" s="589" t="s">
        <v>61</v>
      </c>
      <c r="LJ7" s="590"/>
      <c r="LK7" s="591"/>
      <c r="LL7" s="638" t="s">
        <v>62</v>
      </c>
      <c r="LM7" s="590"/>
      <c r="LN7" s="590"/>
      <c r="LO7" s="590"/>
      <c r="LP7" s="590"/>
      <c r="LQ7" s="590"/>
      <c r="LR7" s="639"/>
      <c r="LS7" s="647" t="s">
        <v>52</v>
      </c>
      <c r="LT7" s="589" t="s">
        <v>61</v>
      </c>
      <c r="LU7" s="590"/>
      <c r="LV7" s="591"/>
      <c r="LW7" s="638" t="s">
        <v>62</v>
      </c>
      <c r="LX7" s="590"/>
      <c r="LY7" s="590"/>
      <c r="LZ7" s="590"/>
      <c r="MA7" s="590"/>
      <c r="MB7" s="590"/>
      <c r="MC7" s="639"/>
      <c r="MD7" s="647" t="s">
        <v>52</v>
      </c>
      <c r="ME7" s="581" t="s">
        <v>61</v>
      </c>
      <c r="MF7" s="582"/>
      <c r="MG7" s="583"/>
      <c r="MH7" s="640" t="s">
        <v>62</v>
      </c>
      <c r="MI7" s="582"/>
      <c r="MJ7" s="582"/>
      <c r="MK7" s="582"/>
      <c r="ML7" s="582"/>
      <c r="MM7" s="582"/>
      <c r="MN7" s="641"/>
      <c r="MO7" s="634" t="s">
        <v>52</v>
      </c>
      <c r="MP7" s="589" t="s">
        <v>61</v>
      </c>
      <c r="MQ7" s="590"/>
      <c r="MR7" s="591"/>
      <c r="MS7" s="638" t="s">
        <v>62</v>
      </c>
      <c r="MT7" s="590"/>
      <c r="MU7" s="590"/>
      <c r="MV7" s="590"/>
      <c r="MW7" s="590"/>
      <c r="MX7" s="590"/>
      <c r="MY7" s="639"/>
      <c r="MZ7" s="647" t="s">
        <v>52</v>
      </c>
      <c r="NA7" s="589" t="s">
        <v>61</v>
      </c>
      <c r="NB7" s="590"/>
      <c r="NC7" s="591"/>
      <c r="ND7" s="638" t="s">
        <v>62</v>
      </c>
      <c r="NE7" s="590"/>
      <c r="NF7" s="590"/>
      <c r="NG7" s="590"/>
      <c r="NH7" s="590"/>
      <c r="NI7" s="590"/>
      <c r="NJ7" s="639"/>
      <c r="NK7" s="647" t="s">
        <v>52</v>
      </c>
      <c r="NL7" s="589" t="s">
        <v>61</v>
      </c>
      <c r="NM7" s="590"/>
      <c r="NN7" s="591"/>
      <c r="NO7" s="638" t="s">
        <v>62</v>
      </c>
      <c r="NP7" s="590"/>
      <c r="NQ7" s="590"/>
      <c r="NR7" s="590"/>
      <c r="NS7" s="590"/>
      <c r="NT7" s="590"/>
      <c r="NU7" s="639"/>
      <c r="NV7" s="647" t="s">
        <v>52</v>
      </c>
      <c r="NW7" s="589" t="s">
        <v>61</v>
      </c>
      <c r="NX7" s="590"/>
      <c r="NY7" s="591"/>
      <c r="NZ7" s="638" t="s">
        <v>62</v>
      </c>
      <c r="OA7" s="590"/>
      <c r="OB7" s="590"/>
      <c r="OC7" s="590"/>
      <c r="OD7" s="590"/>
      <c r="OE7" s="590"/>
      <c r="OF7" s="639"/>
      <c r="OG7" s="647" t="s">
        <v>52</v>
      </c>
      <c r="OH7" s="581" t="s">
        <v>61</v>
      </c>
      <c r="OI7" s="582"/>
      <c r="OJ7" s="583"/>
      <c r="OK7" s="640" t="s">
        <v>62</v>
      </c>
      <c r="OL7" s="582"/>
      <c r="OM7" s="582"/>
      <c r="ON7" s="582"/>
      <c r="OO7" s="582"/>
      <c r="OP7" s="582"/>
      <c r="OQ7" s="641"/>
      <c r="OR7" s="634" t="s">
        <v>52</v>
      </c>
    </row>
    <row r="8" spans="1:408" ht="28.5" customHeight="1" thickBot="1" x14ac:dyDescent="0.25">
      <c r="A8" s="708"/>
      <c r="B8" s="326" t="s">
        <v>43</v>
      </c>
      <c r="C8" s="47" t="s">
        <v>44</v>
      </c>
      <c r="D8" s="327" t="s">
        <v>45</v>
      </c>
      <c r="E8" s="52" t="s">
        <v>83</v>
      </c>
      <c r="F8" s="47" t="s">
        <v>47</v>
      </c>
      <c r="G8" s="47" t="s">
        <v>48</v>
      </c>
      <c r="H8" s="47" t="s">
        <v>49</v>
      </c>
      <c r="I8" s="47" t="s">
        <v>50</v>
      </c>
      <c r="J8" s="47" t="s">
        <v>51</v>
      </c>
      <c r="K8" s="48" t="s">
        <v>45</v>
      </c>
      <c r="L8" s="724"/>
      <c r="M8" s="51" t="s">
        <v>43</v>
      </c>
      <c r="N8" s="47" t="s">
        <v>44</v>
      </c>
      <c r="O8" s="48" t="s">
        <v>45</v>
      </c>
      <c r="P8" s="52" t="s">
        <v>83</v>
      </c>
      <c r="Q8" s="47" t="s">
        <v>47</v>
      </c>
      <c r="R8" s="47" t="s">
        <v>48</v>
      </c>
      <c r="S8" s="47" t="s">
        <v>49</v>
      </c>
      <c r="T8" s="47" t="s">
        <v>50</v>
      </c>
      <c r="U8" s="47" t="s">
        <v>51</v>
      </c>
      <c r="V8" s="48" t="s">
        <v>45</v>
      </c>
      <c r="W8" s="701"/>
      <c r="X8" s="51" t="s">
        <v>43</v>
      </c>
      <c r="Y8" s="47" t="s">
        <v>44</v>
      </c>
      <c r="Z8" s="48" t="s">
        <v>45</v>
      </c>
      <c r="AA8" s="52" t="s">
        <v>83</v>
      </c>
      <c r="AB8" s="47" t="s">
        <v>47</v>
      </c>
      <c r="AC8" s="47" t="s">
        <v>48</v>
      </c>
      <c r="AD8" s="47" t="s">
        <v>49</v>
      </c>
      <c r="AE8" s="47" t="s">
        <v>50</v>
      </c>
      <c r="AF8" s="47" t="s">
        <v>51</v>
      </c>
      <c r="AG8" s="48" t="s">
        <v>45</v>
      </c>
      <c r="AH8" s="677"/>
      <c r="AI8" s="51" t="s">
        <v>43</v>
      </c>
      <c r="AJ8" s="47" t="s">
        <v>44</v>
      </c>
      <c r="AK8" s="327" t="s">
        <v>45</v>
      </c>
      <c r="AL8" s="52" t="s">
        <v>83</v>
      </c>
      <c r="AM8" s="47" t="s">
        <v>47</v>
      </c>
      <c r="AN8" s="47" t="s">
        <v>48</v>
      </c>
      <c r="AO8" s="47" t="s">
        <v>49</v>
      </c>
      <c r="AP8" s="47" t="s">
        <v>50</v>
      </c>
      <c r="AQ8" s="47" t="s">
        <v>51</v>
      </c>
      <c r="AR8" s="48" t="s">
        <v>45</v>
      </c>
      <c r="AS8" s="677"/>
      <c r="AT8" s="51" t="s">
        <v>43</v>
      </c>
      <c r="AU8" s="47" t="s">
        <v>44</v>
      </c>
      <c r="AV8" s="327" t="s">
        <v>45</v>
      </c>
      <c r="AW8" s="52" t="s">
        <v>83</v>
      </c>
      <c r="AX8" s="47" t="s">
        <v>47</v>
      </c>
      <c r="AY8" s="47" t="s">
        <v>48</v>
      </c>
      <c r="AZ8" s="47" t="s">
        <v>49</v>
      </c>
      <c r="BA8" s="47" t="s">
        <v>50</v>
      </c>
      <c r="BB8" s="47" t="s">
        <v>51</v>
      </c>
      <c r="BC8" s="48" t="s">
        <v>45</v>
      </c>
      <c r="BD8" s="677"/>
      <c r="BE8" s="328" t="s">
        <v>43</v>
      </c>
      <c r="BF8" s="47" t="s">
        <v>44</v>
      </c>
      <c r="BG8" s="327" t="s">
        <v>45</v>
      </c>
      <c r="BH8" s="52" t="s">
        <v>83</v>
      </c>
      <c r="BI8" s="47" t="s">
        <v>47</v>
      </c>
      <c r="BJ8" s="47" t="s">
        <v>48</v>
      </c>
      <c r="BK8" s="47" t="s">
        <v>49</v>
      </c>
      <c r="BL8" s="47" t="s">
        <v>50</v>
      </c>
      <c r="BM8" s="47" t="s">
        <v>51</v>
      </c>
      <c r="BN8" s="48" t="s">
        <v>45</v>
      </c>
      <c r="BO8" s="677"/>
      <c r="BP8" s="51" t="s">
        <v>43</v>
      </c>
      <c r="BQ8" s="47" t="s">
        <v>44</v>
      </c>
      <c r="BR8" s="327" t="s">
        <v>45</v>
      </c>
      <c r="BS8" s="52" t="s">
        <v>83</v>
      </c>
      <c r="BT8" s="47" t="s">
        <v>47</v>
      </c>
      <c r="BU8" s="47" t="s">
        <v>48</v>
      </c>
      <c r="BV8" s="47" t="s">
        <v>49</v>
      </c>
      <c r="BW8" s="47" t="s">
        <v>50</v>
      </c>
      <c r="BX8" s="47" t="s">
        <v>51</v>
      </c>
      <c r="BY8" s="48" t="s">
        <v>45</v>
      </c>
      <c r="BZ8" s="677"/>
      <c r="CA8" s="51" t="s">
        <v>43</v>
      </c>
      <c r="CB8" s="47" t="s">
        <v>44</v>
      </c>
      <c r="CC8" s="327" t="s">
        <v>45</v>
      </c>
      <c r="CD8" s="52" t="s">
        <v>83</v>
      </c>
      <c r="CE8" s="47" t="s">
        <v>47</v>
      </c>
      <c r="CF8" s="47" t="s">
        <v>48</v>
      </c>
      <c r="CG8" s="47" t="s">
        <v>49</v>
      </c>
      <c r="CH8" s="47" t="s">
        <v>50</v>
      </c>
      <c r="CI8" s="47" t="s">
        <v>51</v>
      </c>
      <c r="CJ8" s="48" t="s">
        <v>45</v>
      </c>
      <c r="CK8" s="701"/>
      <c r="CL8" s="51" t="s">
        <v>43</v>
      </c>
      <c r="CM8" s="47" t="s">
        <v>44</v>
      </c>
      <c r="CN8" s="48" t="s">
        <v>45</v>
      </c>
      <c r="CO8" s="52" t="s">
        <v>83</v>
      </c>
      <c r="CP8" s="47" t="s">
        <v>47</v>
      </c>
      <c r="CQ8" s="47" t="s">
        <v>48</v>
      </c>
      <c r="CR8" s="47" t="s">
        <v>49</v>
      </c>
      <c r="CS8" s="47" t="s">
        <v>50</v>
      </c>
      <c r="CT8" s="47" t="s">
        <v>51</v>
      </c>
      <c r="CU8" s="48" t="s">
        <v>45</v>
      </c>
      <c r="CV8" s="701"/>
      <c r="CW8" s="51" t="s">
        <v>43</v>
      </c>
      <c r="CX8" s="47" t="s">
        <v>44</v>
      </c>
      <c r="CY8" s="48" t="s">
        <v>45</v>
      </c>
      <c r="CZ8" s="52" t="s">
        <v>83</v>
      </c>
      <c r="DA8" s="47" t="s">
        <v>47</v>
      </c>
      <c r="DB8" s="47" t="s">
        <v>48</v>
      </c>
      <c r="DC8" s="47" t="s">
        <v>49</v>
      </c>
      <c r="DD8" s="47" t="s">
        <v>50</v>
      </c>
      <c r="DE8" s="47" t="s">
        <v>51</v>
      </c>
      <c r="DF8" s="48" t="s">
        <v>45</v>
      </c>
      <c r="DG8" s="701"/>
      <c r="DH8" s="51" t="s">
        <v>43</v>
      </c>
      <c r="DI8" s="47" t="s">
        <v>44</v>
      </c>
      <c r="DJ8" s="48" t="s">
        <v>45</v>
      </c>
      <c r="DK8" s="52" t="s">
        <v>83</v>
      </c>
      <c r="DL8" s="47" t="s">
        <v>47</v>
      </c>
      <c r="DM8" s="47" t="s">
        <v>48</v>
      </c>
      <c r="DN8" s="47" t="s">
        <v>49</v>
      </c>
      <c r="DO8" s="47" t="s">
        <v>50</v>
      </c>
      <c r="DP8" s="47" t="s">
        <v>51</v>
      </c>
      <c r="DQ8" s="48" t="s">
        <v>45</v>
      </c>
      <c r="DR8" s="701"/>
      <c r="DS8" s="51" t="s">
        <v>43</v>
      </c>
      <c r="DT8" s="47" t="s">
        <v>44</v>
      </c>
      <c r="DU8" s="327" t="s">
        <v>45</v>
      </c>
      <c r="DV8" s="52" t="s">
        <v>83</v>
      </c>
      <c r="DW8" s="47" t="s">
        <v>47</v>
      </c>
      <c r="DX8" s="47" t="s">
        <v>48</v>
      </c>
      <c r="DY8" s="47" t="s">
        <v>49</v>
      </c>
      <c r="DZ8" s="47" t="s">
        <v>50</v>
      </c>
      <c r="EA8" s="47" t="s">
        <v>51</v>
      </c>
      <c r="EB8" s="48" t="s">
        <v>45</v>
      </c>
      <c r="EC8" s="677"/>
      <c r="ED8" s="51" t="s">
        <v>43</v>
      </c>
      <c r="EE8" s="47" t="s">
        <v>44</v>
      </c>
      <c r="EF8" s="327" t="s">
        <v>45</v>
      </c>
      <c r="EG8" s="52" t="s">
        <v>83</v>
      </c>
      <c r="EH8" s="47" t="s">
        <v>47</v>
      </c>
      <c r="EI8" s="47" t="s">
        <v>48</v>
      </c>
      <c r="EJ8" s="47" t="s">
        <v>49</v>
      </c>
      <c r="EK8" s="47" t="s">
        <v>50</v>
      </c>
      <c r="EL8" s="47" t="s">
        <v>51</v>
      </c>
      <c r="EM8" s="48" t="s">
        <v>45</v>
      </c>
      <c r="EN8" s="677"/>
      <c r="EO8" s="51" t="s">
        <v>43</v>
      </c>
      <c r="EP8" s="47" t="s">
        <v>44</v>
      </c>
      <c r="EQ8" s="327" t="s">
        <v>45</v>
      </c>
      <c r="ER8" s="52" t="s">
        <v>83</v>
      </c>
      <c r="ES8" s="47" t="s">
        <v>47</v>
      </c>
      <c r="ET8" s="47" t="s">
        <v>48</v>
      </c>
      <c r="EU8" s="47" t="s">
        <v>49</v>
      </c>
      <c r="EV8" s="47" t="s">
        <v>50</v>
      </c>
      <c r="EW8" s="47" t="s">
        <v>51</v>
      </c>
      <c r="EX8" s="48" t="s">
        <v>45</v>
      </c>
      <c r="EY8" s="677"/>
      <c r="EZ8" s="51" t="s">
        <v>43</v>
      </c>
      <c r="FA8" s="47" t="s">
        <v>44</v>
      </c>
      <c r="FB8" s="327" t="s">
        <v>45</v>
      </c>
      <c r="FC8" s="52" t="s">
        <v>83</v>
      </c>
      <c r="FD8" s="47" t="s">
        <v>47</v>
      </c>
      <c r="FE8" s="47" t="s">
        <v>48</v>
      </c>
      <c r="FF8" s="47" t="s">
        <v>49</v>
      </c>
      <c r="FG8" s="47" t="s">
        <v>50</v>
      </c>
      <c r="FH8" s="47" t="s">
        <v>51</v>
      </c>
      <c r="FI8" s="48" t="s">
        <v>45</v>
      </c>
      <c r="FJ8" s="677"/>
      <c r="FK8" s="51" t="s">
        <v>43</v>
      </c>
      <c r="FL8" s="47" t="s">
        <v>44</v>
      </c>
      <c r="FM8" s="327" t="s">
        <v>45</v>
      </c>
      <c r="FN8" s="52" t="s">
        <v>83</v>
      </c>
      <c r="FO8" s="47" t="s">
        <v>47</v>
      </c>
      <c r="FP8" s="47" t="s">
        <v>48</v>
      </c>
      <c r="FQ8" s="47" t="s">
        <v>49</v>
      </c>
      <c r="FR8" s="47" t="s">
        <v>50</v>
      </c>
      <c r="FS8" s="47" t="s">
        <v>51</v>
      </c>
      <c r="FT8" s="48" t="s">
        <v>45</v>
      </c>
      <c r="FU8" s="693"/>
      <c r="FV8" s="51" t="s">
        <v>43</v>
      </c>
      <c r="FW8" s="47" t="s">
        <v>44</v>
      </c>
      <c r="FX8" s="327" t="s">
        <v>45</v>
      </c>
      <c r="FY8" s="52" t="s">
        <v>83</v>
      </c>
      <c r="FZ8" s="47" t="s">
        <v>47</v>
      </c>
      <c r="GA8" s="47" t="s">
        <v>48</v>
      </c>
      <c r="GB8" s="47" t="s">
        <v>49</v>
      </c>
      <c r="GC8" s="47" t="s">
        <v>50</v>
      </c>
      <c r="GD8" s="47" t="s">
        <v>51</v>
      </c>
      <c r="GE8" s="48" t="s">
        <v>45</v>
      </c>
      <c r="GF8" s="677"/>
      <c r="GG8" s="51" t="s">
        <v>43</v>
      </c>
      <c r="GH8" s="47" t="s">
        <v>44</v>
      </c>
      <c r="GI8" s="327" t="s">
        <v>45</v>
      </c>
      <c r="GJ8" s="52" t="s">
        <v>83</v>
      </c>
      <c r="GK8" s="47" t="s">
        <v>47</v>
      </c>
      <c r="GL8" s="47" t="s">
        <v>48</v>
      </c>
      <c r="GM8" s="47" t="s">
        <v>49</v>
      </c>
      <c r="GN8" s="47" t="s">
        <v>50</v>
      </c>
      <c r="GO8" s="47" t="s">
        <v>51</v>
      </c>
      <c r="GP8" s="48" t="s">
        <v>45</v>
      </c>
      <c r="GQ8" s="679"/>
      <c r="GR8" s="51" t="s">
        <v>43</v>
      </c>
      <c r="GS8" s="47" t="s">
        <v>44</v>
      </c>
      <c r="GT8" s="327" t="s">
        <v>45</v>
      </c>
      <c r="GU8" s="52" t="s">
        <v>83</v>
      </c>
      <c r="GV8" s="47" t="s">
        <v>47</v>
      </c>
      <c r="GW8" s="47" t="s">
        <v>48</v>
      </c>
      <c r="GX8" s="47" t="s">
        <v>49</v>
      </c>
      <c r="GY8" s="47" t="s">
        <v>50</v>
      </c>
      <c r="GZ8" s="47" t="s">
        <v>51</v>
      </c>
      <c r="HA8" s="48" t="s">
        <v>45</v>
      </c>
      <c r="HB8" s="679"/>
      <c r="HC8" s="51" t="s">
        <v>43</v>
      </c>
      <c r="HD8" s="47" t="s">
        <v>44</v>
      </c>
      <c r="HE8" s="327" t="s">
        <v>45</v>
      </c>
      <c r="HF8" s="52" t="s">
        <v>83</v>
      </c>
      <c r="HG8" s="47" t="s">
        <v>47</v>
      </c>
      <c r="HH8" s="47" t="s">
        <v>48</v>
      </c>
      <c r="HI8" s="47" t="s">
        <v>49</v>
      </c>
      <c r="HJ8" s="47" t="s">
        <v>50</v>
      </c>
      <c r="HK8" s="47" t="s">
        <v>51</v>
      </c>
      <c r="HL8" s="48" t="s">
        <v>45</v>
      </c>
      <c r="HM8" s="677"/>
      <c r="HN8" s="51" t="s">
        <v>43</v>
      </c>
      <c r="HO8" s="47" t="s">
        <v>44</v>
      </c>
      <c r="HP8" s="327" t="s">
        <v>45</v>
      </c>
      <c r="HQ8" s="52" t="s">
        <v>83</v>
      </c>
      <c r="HR8" s="47" t="s">
        <v>47</v>
      </c>
      <c r="HS8" s="47" t="s">
        <v>48</v>
      </c>
      <c r="HT8" s="47" t="s">
        <v>49</v>
      </c>
      <c r="HU8" s="47" t="s">
        <v>50</v>
      </c>
      <c r="HV8" s="47" t="s">
        <v>51</v>
      </c>
      <c r="HW8" s="48" t="s">
        <v>45</v>
      </c>
      <c r="HX8" s="677"/>
      <c r="HY8" s="369" t="s">
        <v>43</v>
      </c>
      <c r="HZ8" s="370" t="s">
        <v>44</v>
      </c>
      <c r="IA8" s="41" t="s">
        <v>45</v>
      </c>
      <c r="IB8" s="42" t="s">
        <v>83</v>
      </c>
      <c r="IC8" s="370" t="s">
        <v>47</v>
      </c>
      <c r="ID8" s="370" t="s">
        <v>48</v>
      </c>
      <c r="IE8" s="370" t="s">
        <v>49</v>
      </c>
      <c r="IF8" s="370" t="s">
        <v>50</v>
      </c>
      <c r="IG8" s="370" t="s">
        <v>51</v>
      </c>
      <c r="IH8" s="17" t="s">
        <v>45</v>
      </c>
      <c r="II8" s="645"/>
      <c r="IJ8" s="369" t="s">
        <v>43</v>
      </c>
      <c r="IK8" s="370" t="s">
        <v>44</v>
      </c>
      <c r="IL8" s="41" t="s">
        <v>45</v>
      </c>
      <c r="IM8" s="42" t="s">
        <v>83</v>
      </c>
      <c r="IN8" s="59" t="s">
        <v>47</v>
      </c>
      <c r="IO8" s="59" t="s">
        <v>48</v>
      </c>
      <c r="IP8" s="59" t="s">
        <v>49</v>
      </c>
      <c r="IQ8" s="59" t="s">
        <v>50</v>
      </c>
      <c r="IR8" s="59" t="s">
        <v>51</v>
      </c>
      <c r="IS8" s="64" t="s">
        <v>45</v>
      </c>
      <c r="IT8" s="655"/>
      <c r="IU8" s="61" t="s">
        <v>43</v>
      </c>
      <c r="IV8" s="59" t="s">
        <v>44</v>
      </c>
      <c r="IW8" s="64" t="s">
        <v>45</v>
      </c>
      <c r="IX8" s="33" t="s">
        <v>83</v>
      </c>
      <c r="IY8" s="59" t="s">
        <v>47</v>
      </c>
      <c r="IZ8" s="59" t="s">
        <v>48</v>
      </c>
      <c r="JA8" s="59" t="s">
        <v>49</v>
      </c>
      <c r="JB8" s="59" t="s">
        <v>50</v>
      </c>
      <c r="JC8" s="59" t="s">
        <v>51</v>
      </c>
      <c r="JD8" s="64" t="s">
        <v>45</v>
      </c>
      <c r="JE8" s="655"/>
      <c r="JF8" s="61" t="s">
        <v>43</v>
      </c>
      <c r="JG8" s="59" t="s">
        <v>44</v>
      </c>
      <c r="JH8" s="60" t="s">
        <v>45</v>
      </c>
      <c r="JI8" s="33" t="s">
        <v>83</v>
      </c>
      <c r="JJ8" s="59" t="s">
        <v>47</v>
      </c>
      <c r="JK8" s="59" t="s">
        <v>48</v>
      </c>
      <c r="JL8" s="59" t="s">
        <v>49</v>
      </c>
      <c r="JM8" s="59" t="s">
        <v>50</v>
      </c>
      <c r="JN8" s="59" t="s">
        <v>51</v>
      </c>
      <c r="JO8" s="64" t="s">
        <v>45</v>
      </c>
      <c r="JP8" s="648"/>
      <c r="JQ8" s="61" t="s">
        <v>43</v>
      </c>
      <c r="JR8" s="59" t="s">
        <v>44</v>
      </c>
      <c r="JS8" s="60" t="s">
        <v>45</v>
      </c>
      <c r="JT8" s="33" t="s">
        <v>83</v>
      </c>
      <c r="JU8" s="59" t="s">
        <v>47</v>
      </c>
      <c r="JV8" s="59" t="s">
        <v>48</v>
      </c>
      <c r="JW8" s="59" t="s">
        <v>49</v>
      </c>
      <c r="JX8" s="59" t="s">
        <v>50</v>
      </c>
      <c r="JY8" s="59" t="s">
        <v>51</v>
      </c>
      <c r="JZ8" s="64" t="s">
        <v>45</v>
      </c>
      <c r="KA8" s="648"/>
      <c r="KB8" s="61" t="s">
        <v>43</v>
      </c>
      <c r="KC8" s="59" t="s">
        <v>44</v>
      </c>
      <c r="KD8" s="60" t="s">
        <v>45</v>
      </c>
      <c r="KE8" s="33" t="s">
        <v>83</v>
      </c>
      <c r="KF8" s="59" t="s">
        <v>47</v>
      </c>
      <c r="KG8" s="59" t="s">
        <v>48</v>
      </c>
      <c r="KH8" s="59" t="s">
        <v>49</v>
      </c>
      <c r="KI8" s="59" t="s">
        <v>50</v>
      </c>
      <c r="KJ8" s="59" t="s">
        <v>51</v>
      </c>
      <c r="KK8" s="64" t="s">
        <v>45</v>
      </c>
      <c r="KL8" s="648"/>
      <c r="KM8" s="61" t="s">
        <v>43</v>
      </c>
      <c r="KN8" s="59" t="s">
        <v>44</v>
      </c>
      <c r="KO8" s="60" t="s">
        <v>45</v>
      </c>
      <c r="KP8" s="42" t="s">
        <v>83</v>
      </c>
      <c r="KQ8" s="59" t="s">
        <v>47</v>
      </c>
      <c r="KR8" s="59" t="s">
        <v>48</v>
      </c>
      <c r="KS8" s="59" t="s">
        <v>49</v>
      </c>
      <c r="KT8" s="59" t="s">
        <v>50</v>
      </c>
      <c r="KU8" s="59" t="s">
        <v>51</v>
      </c>
      <c r="KV8" s="64" t="s">
        <v>45</v>
      </c>
      <c r="KW8" s="648"/>
      <c r="KX8" s="61" t="s">
        <v>43</v>
      </c>
      <c r="KY8" s="59" t="s">
        <v>44</v>
      </c>
      <c r="KZ8" s="60" t="s">
        <v>45</v>
      </c>
      <c r="LA8" s="42" t="s">
        <v>83</v>
      </c>
      <c r="LB8" s="59" t="s">
        <v>47</v>
      </c>
      <c r="LC8" s="59" t="s">
        <v>48</v>
      </c>
      <c r="LD8" s="59" t="s">
        <v>49</v>
      </c>
      <c r="LE8" s="59" t="s">
        <v>50</v>
      </c>
      <c r="LF8" s="59" t="s">
        <v>51</v>
      </c>
      <c r="LG8" s="64" t="s">
        <v>45</v>
      </c>
      <c r="LH8" s="648"/>
      <c r="LI8" s="61" t="s">
        <v>43</v>
      </c>
      <c r="LJ8" s="59" t="s">
        <v>44</v>
      </c>
      <c r="LK8" s="60" t="s">
        <v>45</v>
      </c>
      <c r="LL8" s="42" t="s">
        <v>83</v>
      </c>
      <c r="LM8" s="59" t="s">
        <v>47</v>
      </c>
      <c r="LN8" s="59" t="s">
        <v>48</v>
      </c>
      <c r="LO8" s="59" t="s">
        <v>49</v>
      </c>
      <c r="LP8" s="59" t="s">
        <v>50</v>
      </c>
      <c r="LQ8" s="59" t="s">
        <v>51</v>
      </c>
      <c r="LR8" s="64" t="s">
        <v>45</v>
      </c>
      <c r="LS8" s="648"/>
      <c r="LT8" s="61" t="s">
        <v>43</v>
      </c>
      <c r="LU8" s="59" t="s">
        <v>44</v>
      </c>
      <c r="LV8" s="60" t="s">
        <v>45</v>
      </c>
      <c r="LW8" s="42" t="s">
        <v>83</v>
      </c>
      <c r="LX8" s="59" t="s">
        <v>47</v>
      </c>
      <c r="LY8" s="59" t="s">
        <v>48</v>
      </c>
      <c r="LZ8" s="59" t="s">
        <v>49</v>
      </c>
      <c r="MA8" s="59" t="s">
        <v>50</v>
      </c>
      <c r="MB8" s="59" t="s">
        <v>51</v>
      </c>
      <c r="MC8" s="64" t="s">
        <v>45</v>
      </c>
      <c r="MD8" s="648"/>
      <c r="ME8" s="61" t="s">
        <v>43</v>
      </c>
      <c r="MF8" s="59" t="s">
        <v>44</v>
      </c>
      <c r="MG8" s="60" t="s">
        <v>45</v>
      </c>
      <c r="MH8" s="42" t="s">
        <v>83</v>
      </c>
      <c r="MI8" s="59" t="s">
        <v>47</v>
      </c>
      <c r="MJ8" s="59" t="s">
        <v>48</v>
      </c>
      <c r="MK8" s="59" t="s">
        <v>49</v>
      </c>
      <c r="ML8" s="59" t="s">
        <v>50</v>
      </c>
      <c r="MM8" s="59" t="s">
        <v>51</v>
      </c>
      <c r="MN8" s="64" t="s">
        <v>45</v>
      </c>
      <c r="MO8" s="648"/>
      <c r="MP8" s="61" t="s">
        <v>43</v>
      </c>
      <c r="MQ8" s="59" t="s">
        <v>44</v>
      </c>
      <c r="MR8" s="60" t="s">
        <v>45</v>
      </c>
      <c r="MS8" s="42" t="s">
        <v>83</v>
      </c>
      <c r="MT8" s="59" t="s">
        <v>47</v>
      </c>
      <c r="MU8" s="59" t="s">
        <v>48</v>
      </c>
      <c r="MV8" s="59" t="s">
        <v>49</v>
      </c>
      <c r="MW8" s="59" t="s">
        <v>50</v>
      </c>
      <c r="MX8" s="59" t="s">
        <v>51</v>
      </c>
      <c r="MY8" s="64" t="s">
        <v>45</v>
      </c>
      <c r="MZ8" s="648"/>
      <c r="NA8" s="61" t="s">
        <v>43</v>
      </c>
      <c r="NB8" s="59" t="s">
        <v>44</v>
      </c>
      <c r="NC8" s="60" t="s">
        <v>45</v>
      </c>
      <c r="ND8" s="42" t="s">
        <v>83</v>
      </c>
      <c r="NE8" s="59" t="s">
        <v>47</v>
      </c>
      <c r="NF8" s="59" t="s">
        <v>48</v>
      </c>
      <c r="NG8" s="59" t="s">
        <v>49</v>
      </c>
      <c r="NH8" s="59" t="s">
        <v>50</v>
      </c>
      <c r="NI8" s="59" t="s">
        <v>51</v>
      </c>
      <c r="NJ8" s="64" t="s">
        <v>45</v>
      </c>
      <c r="NK8" s="648"/>
      <c r="NL8" s="61" t="s">
        <v>43</v>
      </c>
      <c r="NM8" s="59" t="s">
        <v>44</v>
      </c>
      <c r="NN8" s="60" t="s">
        <v>45</v>
      </c>
      <c r="NO8" s="42" t="s">
        <v>83</v>
      </c>
      <c r="NP8" s="59" t="s">
        <v>47</v>
      </c>
      <c r="NQ8" s="59" t="s">
        <v>48</v>
      </c>
      <c r="NR8" s="59" t="s">
        <v>49</v>
      </c>
      <c r="NS8" s="59" t="s">
        <v>50</v>
      </c>
      <c r="NT8" s="59" t="s">
        <v>51</v>
      </c>
      <c r="NU8" s="64" t="s">
        <v>45</v>
      </c>
      <c r="NV8" s="648"/>
      <c r="NW8" s="61" t="s">
        <v>43</v>
      </c>
      <c r="NX8" s="59" t="s">
        <v>44</v>
      </c>
      <c r="NY8" s="60" t="s">
        <v>45</v>
      </c>
      <c r="NZ8" s="42" t="s">
        <v>83</v>
      </c>
      <c r="OA8" s="59" t="s">
        <v>47</v>
      </c>
      <c r="OB8" s="59" t="s">
        <v>48</v>
      </c>
      <c r="OC8" s="59" t="s">
        <v>49</v>
      </c>
      <c r="OD8" s="59" t="s">
        <v>50</v>
      </c>
      <c r="OE8" s="59" t="s">
        <v>51</v>
      </c>
      <c r="OF8" s="64" t="s">
        <v>45</v>
      </c>
      <c r="OG8" s="648"/>
      <c r="OH8" s="61" t="s">
        <v>43</v>
      </c>
      <c r="OI8" s="59" t="s">
        <v>44</v>
      </c>
      <c r="OJ8" s="60" t="s">
        <v>45</v>
      </c>
      <c r="OK8" s="33" t="s">
        <v>83</v>
      </c>
      <c r="OL8" s="59" t="s">
        <v>47</v>
      </c>
      <c r="OM8" s="59" t="s">
        <v>48</v>
      </c>
      <c r="ON8" s="59" t="s">
        <v>49</v>
      </c>
      <c r="OO8" s="59" t="s">
        <v>50</v>
      </c>
      <c r="OP8" s="59" t="s">
        <v>51</v>
      </c>
      <c r="OQ8" s="64" t="s">
        <v>45</v>
      </c>
      <c r="OR8" s="648"/>
    </row>
    <row r="9" spans="1:408" s="474" customFormat="1" ht="20.25" customHeight="1" x14ac:dyDescent="0.2">
      <c r="A9" s="468" t="s">
        <v>4</v>
      </c>
      <c r="B9" s="388">
        <v>26787886</v>
      </c>
      <c r="C9" s="389">
        <v>41780179</v>
      </c>
      <c r="D9" s="390">
        <v>68568065</v>
      </c>
      <c r="E9" s="391">
        <v>0</v>
      </c>
      <c r="F9" s="389">
        <v>296443721</v>
      </c>
      <c r="G9" s="389">
        <v>379144117</v>
      </c>
      <c r="H9" s="389">
        <v>360714608</v>
      </c>
      <c r="I9" s="389">
        <v>302358426</v>
      </c>
      <c r="J9" s="389">
        <v>194758818</v>
      </c>
      <c r="K9" s="392">
        <v>1533419690</v>
      </c>
      <c r="L9" s="393">
        <v>1601987755</v>
      </c>
      <c r="M9" s="388">
        <v>8317027</v>
      </c>
      <c r="N9" s="389">
        <v>13740632</v>
      </c>
      <c r="O9" s="394">
        <v>22057659</v>
      </c>
      <c r="P9" s="388">
        <v>0</v>
      </c>
      <c r="Q9" s="389">
        <v>91981586</v>
      </c>
      <c r="R9" s="389">
        <v>126463199</v>
      </c>
      <c r="S9" s="389">
        <v>114522469</v>
      </c>
      <c r="T9" s="389">
        <v>112501543</v>
      </c>
      <c r="U9" s="389">
        <v>99264496</v>
      </c>
      <c r="V9" s="394">
        <v>544733293</v>
      </c>
      <c r="W9" s="393">
        <v>566790952</v>
      </c>
      <c r="X9" s="388">
        <v>0</v>
      </c>
      <c r="Y9" s="389">
        <v>0</v>
      </c>
      <c r="Z9" s="394">
        <v>0</v>
      </c>
      <c r="AA9" s="395">
        <v>0</v>
      </c>
      <c r="AB9" s="396">
        <v>39622094</v>
      </c>
      <c r="AC9" s="396">
        <v>54785309</v>
      </c>
      <c r="AD9" s="396">
        <v>56078136</v>
      </c>
      <c r="AE9" s="396">
        <v>57905532</v>
      </c>
      <c r="AF9" s="396">
        <v>52128976</v>
      </c>
      <c r="AG9" s="394">
        <v>260520047</v>
      </c>
      <c r="AH9" s="393">
        <v>260520047</v>
      </c>
      <c r="AI9" s="397">
        <v>8246</v>
      </c>
      <c r="AJ9" s="396">
        <v>75535</v>
      </c>
      <c r="AK9" s="394">
        <v>83781</v>
      </c>
      <c r="AL9" s="395">
        <v>0</v>
      </c>
      <c r="AM9" s="396">
        <v>475741</v>
      </c>
      <c r="AN9" s="392">
        <v>1160727</v>
      </c>
      <c r="AO9" s="396">
        <v>3328668</v>
      </c>
      <c r="AP9" s="396">
        <v>7464900</v>
      </c>
      <c r="AQ9" s="396">
        <v>13980534</v>
      </c>
      <c r="AR9" s="394">
        <v>26410570</v>
      </c>
      <c r="AS9" s="393">
        <v>26494351</v>
      </c>
      <c r="AT9" s="397">
        <v>4145927</v>
      </c>
      <c r="AU9" s="396">
        <v>8894578</v>
      </c>
      <c r="AV9" s="394">
        <v>13040505</v>
      </c>
      <c r="AW9" s="395">
        <v>0</v>
      </c>
      <c r="AX9" s="396">
        <v>33235752</v>
      </c>
      <c r="AY9" s="396">
        <v>47437523</v>
      </c>
      <c r="AZ9" s="396">
        <v>34523723</v>
      </c>
      <c r="BA9" s="396">
        <v>29011696</v>
      </c>
      <c r="BB9" s="396">
        <v>21603052</v>
      </c>
      <c r="BC9" s="394">
        <v>165811746</v>
      </c>
      <c r="BD9" s="398">
        <v>178852251</v>
      </c>
      <c r="BE9" s="397">
        <v>516262</v>
      </c>
      <c r="BF9" s="392">
        <v>1583607</v>
      </c>
      <c r="BG9" s="399">
        <v>2099869</v>
      </c>
      <c r="BH9" s="395">
        <v>0</v>
      </c>
      <c r="BI9" s="396">
        <v>2171097</v>
      </c>
      <c r="BJ9" s="396">
        <v>3691784</v>
      </c>
      <c r="BK9" s="396">
        <v>2490886</v>
      </c>
      <c r="BL9" s="396">
        <v>2423983</v>
      </c>
      <c r="BM9" s="396">
        <v>1253546</v>
      </c>
      <c r="BN9" s="394">
        <v>12031296</v>
      </c>
      <c r="BO9" s="393">
        <v>14131165</v>
      </c>
      <c r="BP9" s="397">
        <v>3646592</v>
      </c>
      <c r="BQ9" s="396">
        <v>3186912</v>
      </c>
      <c r="BR9" s="394">
        <v>6833504</v>
      </c>
      <c r="BS9" s="395">
        <v>0</v>
      </c>
      <c r="BT9" s="396">
        <v>16476902</v>
      </c>
      <c r="BU9" s="396">
        <v>19387856</v>
      </c>
      <c r="BV9" s="396">
        <v>18101056</v>
      </c>
      <c r="BW9" s="396">
        <v>15695432</v>
      </c>
      <c r="BX9" s="396">
        <v>10298388</v>
      </c>
      <c r="BY9" s="394">
        <v>79959634</v>
      </c>
      <c r="BZ9" s="393">
        <v>86793138</v>
      </c>
      <c r="CA9" s="397">
        <v>2630770</v>
      </c>
      <c r="CB9" s="396">
        <v>6273298</v>
      </c>
      <c r="CC9" s="394">
        <v>8904068</v>
      </c>
      <c r="CD9" s="395">
        <v>0</v>
      </c>
      <c r="CE9" s="396">
        <v>92054140</v>
      </c>
      <c r="CF9" s="396">
        <v>114186408</v>
      </c>
      <c r="CG9" s="400">
        <v>90070058</v>
      </c>
      <c r="CH9" s="396">
        <v>48637562</v>
      </c>
      <c r="CI9" s="396">
        <v>17361851</v>
      </c>
      <c r="CJ9" s="394">
        <v>362310019</v>
      </c>
      <c r="CK9" s="393">
        <v>371214087</v>
      </c>
      <c r="CL9" s="388">
        <v>0</v>
      </c>
      <c r="CM9" s="389">
        <v>0</v>
      </c>
      <c r="CN9" s="394">
        <v>0</v>
      </c>
      <c r="CO9" s="395">
        <v>0</v>
      </c>
      <c r="CP9" s="396">
        <v>73685953</v>
      </c>
      <c r="CQ9" s="396">
        <v>83020420</v>
      </c>
      <c r="CR9" s="396">
        <v>67390390</v>
      </c>
      <c r="CS9" s="396">
        <v>34067315</v>
      </c>
      <c r="CT9" s="396">
        <v>13476874</v>
      </c>
      <c r="CU9" s="401">
        <v>271640952</v>
      </c>
      <c r="CV9" s="393">
        <v>271640952</v>
      </c>
      <c r="CW9" s="397">
        <v>2630770</v>
      </c>
      <c r="CX9" s="396">
        <v>6273298</v>
      </c>
      <c r="CY9" s="394">
        <v>8904068</v>
      </c>
      <c r="CZ9" s="395">
        <v>0</v>
      </c>
      <c r="DA9" s="396">
        <v>18368187</v>
      </c>
      <c r="DB9" s="396">
        <v>31165988</v>
      </c>
      <c r="DC9" s="396">
        <v>22679668</v>
      </c>
      <c r="DD9" s="396">
        <v>14570247</v>
      </c>
      <c r="DE9" s="396">
        <v>3884977</v>
      </c>
      <c r="DF9" s="394">
        <v>90669067</v>
      </c>
      <c r="DG9" s="393">
        <v>99573135</v>
      </c>
      <c r="DH9" s="397">
        <v>75022</v>
      </c>
      <c r="DI9" s="396">
        <v>625567</v>
      </c>
      <c r="DJ9" s="399">
        <v>700589</v>
      </c>
      <c r="DK9" s="395">
        <v>0</v>
      </c>
      <c r="DL9" s="396">
        <v>10315116</v>
      </c>
      <c r="DM9" s="396">
        <v>16570744</v>
      </c>
      <c r="DN9" s="396">
        <v>34683597</v>
      </c>
      <c r="DO9" s="396">
        <v>28614345</v>
      </c>
      <c r="DP9" s="396">
        <v>10307155</v>
      </c>
      <c r="DQ9" s="402">
        <v>100490957</v>
      </c>
      <c r="DR9" s="393">
        <v>101191546</v>
      </c>
      <c r="DS9" s="397">
        <v>75022</v>
      </c>
      <c r="DT9" s="396">
        <v>625567</v>
      </c>
      <c r="DU9" s="394">
        <v>700589</v>
      </c>
      <c r="DV9" s="395">
        <v>0</v>
      </c>
      <c r="DW9" s="396">
        <v>8879095</v>
      </c>
      <c r="DX9" s="396">
        <v>14212098</v>
      </c>
      <c r="DY9" s="396">
        <v>30612473</v>
      </c>
      <c r="DZ9" s="396">
        <v>26011498</v>
      </c>
      <c r="EA9" s="396">
        <v>8874937</v>
      </c>
      <c r="EB9" s="394">
        <v>88590101</v>
      </c>
      <c r="EC9" s="393">
        <v>89290690</v>
      </c>
      <c r="ED9" s="397">
        <v>0</v>
      </c>
      <c r="EE9" s="392">
        <v>0</v>
      </c>
      <c r="EF9" s="394">
        <v>0</v>
      </c>
      <c r="EG9" s="398">
        <v>0</v>
      </c>
      <c r="EH9" s="396">
        <v>1436021</v>
      </c>
      <c r="EI9" s="396">
        <v>2358646</v>
      </c>
      <c r="EJ9" s="396">
        <v>4071124</v>
      </c>
      <c r="EK9" s="396">
        <v>2602847</v>
      </c>
      <c r="EL9" s="400">
        <v>1432218</v>
      </c>
      <c r="EM9" s="392">
        <v>11900856</v>
      </c>
      <c r="EN9" s="393">
        <v>11900856</v>
      </c>
      <c r="EO9" s="397">
        <v>0</v>
      </c>
      <c r="EP9" s="396">
        <v>0</v>
      </c>
      <c r="EQ9" s="392">
        <v>0</v>
      </c>
      <c r="ER9" s="395">
        <v>0</v>
      </c>
      <c r="ES9" s="396">
        <v>0</v>
      </c>
      <c r="ET9" s="396">
        <v>0</v>
      </c>
      <c r="EU9" s="396">
        <v>0</v>
      </c>
      <c r="EV9" s="396">
        <v>0</v>
      </c>
      <c r="EW9" s="396">
        <v>0</v>
      </c>
      <c r="EX9" s="401">
        <v>0</v>
      </c>
      <c r="EY9" s="393">
        <v>0</v>
      </c>
      <c r="EZ9" s="397">
        <v>0</v>
      </c>
      <c r="FA9" s="396">
        <v>0</v>
      </c>
      <c r="FB9" s="392">
        <v>0</v>
      </c>
      <c r="FC9" s="403"/>
      <c r="FD9" s="396">
        <v>0</v>
      </c>
      <c r="FE9" s="396">
        <v>0</v>
      </c>
      <c r="FF9" s="396">
        <v>0</v>
      </c>
      <c r="FG9" s="396">
        <v>0</v>
      </c>
      <c r="FH9" s="396">
        <v>0</v>
      </c>
      <c r="FI9" s="401">
        <v>0</v>
      </c>
      <c r="FJ9" s="393">
        <v>0</v>
      </c>
      <c r="FK9" s="397">
        <v>5549218</v>
      </c>
      <c r="FL9" s="396">
        <v>8664544</v>
      </c>
      <c r="FM9" s="394">
        <v>14213762</v>
      </c>
      <c r="FN9" s="395">
        <v>0</v>
      </c>
      <c r="FO9" s="396">
        <v>16536556</v>
      </c>
      <c r="FP9" s="396">
        <v>36724836</v>
      </c>
      <c r="FQ9" s="396">
        <v>29276487</v>
      </c>
      <c r="FR9" s="396">
        <v>26158462</v>
      </c>
      <c r="FS9" s="396">
        <v>15502472</v>
      </c>
      <c r="FT9" s="394">
        <v>124198813</v>
      </c>
      <c r="FU9" s="393">
        <v>138412575</v>
      </c>
      <c r="FV9" s="397">
        <v>2437480</v>
      </c>
      <c r="FW9" s="396">
        <v>5881510</v>
      </c>
      <c r="FX9" s="392">
        <v>8318990</v>
      </c>
      <c r="FY9" s="398">
        <v>0</v>
      </c>
      <c r="FZ9" s="396">
        <v>10980682</v>
      </c>
      <c r="GA9" s="404">
        <v>33065634</v>
      </c>
      <c r="GB9" s="396">
        <v>25715056</v>
      </c>
      <c r="GC9" s="404">
        <v>23014136</v>
      </c>
      <c r="GD9" s="396">
        <v>14530624</v>
      </c>
      <c r="GE9" s="401">
        <v>107306132</v>
      </c>
      <c r="GF9" s="405">
        <v>115625122</v>
      </c>
      <c r="GG9" s="406">
        <v>206959</v>
      </c>
      <c r="GH9" s="396">
        <v>615106</v>
      </c>
      <c r="GI9" s="404">
        <v>822065</v>
      </c>
      <c r="GJ9" s="391">
        <v>0</v>
      </c>
      <c r="GK9" s="396">
        <v>782053</v>
      </c>
      <c r="GL9" s="392">
        <v>1013163</v>
      </c>
      <c r="GM9" s="396">
        <v>1015751</v>
      </c>
      <c r="GN9" s="392">
        <v>1015182</v>
      </c>
      <c r="GO9" s="396">
        <v>308888</v>
      </c>
      <c r="GP9" s="402">
        <v>4135037</v>
      </c>
      <c r="GQ9" s="393">
        <v>4957102</v>
      </c>
      <c r="GR9" s="392">
        <v>2904779</v>
      </c>
      <c r="GS9" s="396">
        <v>2167928</v>
      </c>
      <c r="GT9" s="394">
        <v>5072707</v>
      </c>
      <c r="GU9" s="392">
        <v>0</v>
      </c>
      <c r="GV9" s="396">
        <v>4773821</v>
      </c>
      <c r="GW9" s="392">
        <v>2646039</v>
      </c>
      <c r="GX9" s="396">
        <v>2545680</v>
      </c>
      <c r="GY9" s="392">
        <v>2129144</v>
      </c>
      <c r="GZ9" s="396">
        <v>662960</v>
      </c>
      <c r="HA9" s="392">
        <v>12757644</v>
      </c>
      <c r="HB9" s="393">
        <v>17830351</v>
      </c>
      <c r="HC9" s="392">
        <v>10215849</v>
      </c>
      <c r="HD9" s="396">
        <v>12476138</v>
      </c>
      <c r="HE9" s="392">
        <v>22691987</v>
      </c>
      <c r="HF9" s="398">
        <v>0</v>
      </c>
      <c r="HG9" s="396">
        <v>85556323</v>
      </c>
      <c r="HH9" s="404">
        <v>85198930</v>
      </c>
      <c r="HI9" s="396">
        <v>92161997</v>
      </c>
      <c r="HJ9" s="404">
        <v>86446514</v>
      </c>
      <c r="HK9" s="396">
        <v>52322844</v>
      </c>
      <c r="HL9" s="401">
        <v>401686608</v>
      </c>
      <c r="HM9" s="392">
        <v>424378595</v>
      </c>
      <c r="HN9" s="469"/>
      <c r="HO9" s="470"/>
      <c r="HP9" s="471"/>
      <c r="HQ9" s="472"/>
      <c r="HR9" s="470"/>
      <c r="HS9" s="472"/>
      <c r="HT9" s="470"/>
      <c r="HU9" s="472"/>
      <c r="HV9" s="470"/>
      <c r="HW9" s="472"/>
      <c r="HX9" s="473"/>
      <c r="HY9" s="407">
        <v>592624</v>
      </c>
      <c r="HZ9" s="408">
        <v>890765</v>
      </c>
      <c r="IA9" s="409">
        <v>1483389</v>
      </c>
      <c r="IB9" s="410">
        <v>0</v>
      </c>
      <c r="IC9" s="408">
        <v>82644839</v>
      </c>
      <c r="ID9" s="411">
        <v>102301992</v>
      </c>
      <c r="IE9" s="412">
        <v>109563257</v>
      </c>
      <c r="IF9" s="408">
        <v>80715072</v>
      </c>
      <c r="IG9" s="412">
        <v>44819391</v>
      </c>
      <c r="IH9" s="413">
        <v>420044551</v>
      </c>
      <c r="II9" s="414">
        <v>421527940</v>
      </c>
      <c r="IJ9" s="415">
        <v>0</v>
      </c>
      <c r="IK9" s="416">
        <v>0</v>
      </c>
      <c r="IL9" s="417">
        <v>0</v>
      </c>
      <c r="IM9" s="418">
        <v>0</v>
      </c>
      <c r="IN9" s="419">
        <v>1466535</v>
      </c>
      <c r="IO9" s="419">
        <v>3378312</v>
      </c>
      <c r="IP9" s="419">
        <v>3118900</v>
      </c>
      <c r="IQ9" s="419">
        <v>5370118</v>
      </c>
      <c r="IR9" s="419">
        <v>5316915</v>
      </c>
      <c r="IS9" s="420">
        <v>18650780</v>
      </c>
      <c r="IT9" s="421">
        <v>18650780</v>
      </c>
      <c r="IU9" s="422">
        <v>0</v>
      </c>
      <c r="IV9" s="419">
        <v>0</v>
      </c>
      <c r="IW9" s="423">
        <v>0</v>
      </c>
      <c r="IX9" s="424"/>
      <c r="IY9" s="419">
        <v>328593</v>
      </c>
      <c r="IZ9" s="419">
        <v>767648</v>
      </c>
      <c r="JA9" s="419">
        <v>662337</v>
      </c>
      <c r="JB9" s="419">
        <v>788476</v>
      </c>
      <c r="JC9" s="419">
        <v>1016926</v>
      </c>
      <c r="JD9" s="423">
        <v>3563980</v>
      </c>
      <c r="JE9" s="425">
        <v>3563980</v>
      </c>
      <c r="JF9" s="422">
        <v>0</v>
      </c>
      <c r="JG9" s="419">
        <v>0</v>
      </c>
      <c r="JH9" s="420">
        <v>0</v>
      </c>
      <c r="JI9" s="426">
        <v>0</v>
      </c>
      <c r="JJ9" s="419">
        <v>36907874</v>
      </c>
      <c r="JK9" s="419">
        <v>34801926</v>
      </c>
      <c r="JL9" s="419">
        <v>29839099</v>
      </c>
      <c r="JM9" s="419">
        <v>14885825</v>
      </c>
      <c r="JN9" s="419">
        <v>6964452</v>
      </c>
      <c r="JO9" s="423">
        <v>123399176</v>
      </c>
      <c r="JP9" s="421">
        <v>123399176</v>
      </c>
      <c r="JQ9" s="422">
        <v>26231</v>
      </c>
      <c r="JR9" s="419">
        <v>93236</v>
      </c>
      <c r="JS9" s="420">
        <v>119467</v>
      </c>
      <c r="JT9" s="426">
        <v>0</v>
      </c>
      <c r="JU9" s="419">
        <v>6024494</v>
      </c>
      <c r="JV9" s="419">
        <v>7832818</v>
      </c>
      <c r="JW9" s="419">
        <v>9251509</v>
      </c>
      <c r="JX9" s="419">
        <v>4756663</v>
      </c>
      <c r="JY9" s="419">
        <v>2676183</v>
      </c>
      <c r="JZ9" s="423">
        <v>30541667</v>
      </c>
      <c r="KA9" s="421">
        <v>30661134</v>
      </c>
      <c r="KB9" s="427">
        <v>566393</v>
      </c>
      <c r="KC9" s="428">
        <v>797529</v>
      </c>
      <c r="KD9" s="423">
        <v>1363922</v>
      </c>
      <c r="KE9" s="426">
        <v>0</v>
      </c>
      <c r="KF9" s="419">
        <v>10031675</v>
      </c>
      <c r="KG9" s="419">
        <v>13845254</v>
      </c>
      <c r="KH9" s="419">
        <v>18221062</v>
      </c>
      <c r="KI9" s="419">
        <v>13175545</v>
      </c>
      <c r="KJ9" s="419">
        <v>4260742</v>
      </c>
      <c r="KK9" s="423">
        <v>59534278</v>
      </c>
      <c r="KL9" s="429">
        <v>60898200</v>
      </c>
      <c r="KM9" s="415">
        <v>0</v>
      </c>
      <c r="KN9" s="416">
        <v>0</v>
      </c>
      <c r="KO9" s="417">
        <v>0</v>
      </c>
      <c r="KP9" s="418"/>
      <c r="KQ9" s="419">
        <v>24678219</v>
      </c>
      <c r="KR9" s="419">
        <v>37997623</v>
      </c>
      <c r="KS9" s="419">
        <v>39552750</v>
      </c>
      <c r="KT9" s="419">
        <v>28900911</v>
      </c>
      <c r="KU9" s="419">
        <v>11483767</v>
      </c>
      <c r="KV9" s="423">
        <v>142613270</v>
      </c>
      <c r="KW9" s="421">
        <v>142613270</v>
      </c>
      <c r="KX9" s="422">
        <v>0</v>
      </c>
      <c r="KY9" s="419">
        <v>0</v>
      </c>
      <c r="KZ9" s="423">
        <v>0</v>
      </c>
      <c r="LA9" s="430"/>
      <c r="LB9" s="419">
        <v>309683</v>
      </c>
      <c r="LC9" s="419">
        <v>950551</v>
      </c>
      <c r="LD9" s="419">
        <v>668174</v>
      </c>
      <c r="LE9" s="419">
        <v>2300397</v>
      </c>
      <c r="LF9" s="419">
        <v>683554</v>
      </c>
      <c r="LG9" s="423">
        <v>4912359</v>
      </c>
      <c r="LH9" s="425">
        <v>4912359</v>
      </c>
      <c r="LI9" s="422">
        <v>0</v>
      </c>
      <c r="LJ9" s="419">
        <v>0</v>
      </c>
      <c r="LK9" s="423">
        <v>0</v>
      </c>
      <c r="LL9" s="430"/>
      <c r="LM9" s="419">
        <v>0</v>
      </c>
      <c r="LN9" s="419">
        <v>238644</v>
      </c>
      <c r="LO9" s="419">
        <v>3862402</v>
      </c>
      <c r="LP9" s="419">
        <v>3474074</v>
      </c>
      <c r="LQ9" s="419">
        <v>2015293</v>
      </c>
      <c r="LR9" s="423">
        <v>9590413</v>
      </c>
      <c r="LS9" s="421">
        <v>9590413</v>
      </c>
      <c r="LT9" s="422">
        <v>0</v>
      </c>
      <c r="LU9" s="419">
        <v>0</v>
      </c>
      <c r="LV9" s="423">
        <v>0</v>
      </c>
      <c r="LW9" s="430"/>
      <c r="LX9" s="419">
        <v>2897766</v>
      </c>
      <c r="LY9" s="419">
        <v>2489216</v>
      </c>
      <c r="LZ9" s="419">
        <v>4387024</v>
      </c>
      <c r="MA9" s="419">
        <v>7063063</v>
      </c>
      <c r="MB9" s="419">
        <v>10401559</v>
      </c>
      <c r="MC9" s="423">
        <v>27238628</v>
      </c>
      <c r="MD9" s="425">
        <v>27238628</v>
      </c>
      <c r="ME9" s="422">
        <v>0</v>
      </c>
      <c r="MF9" s="419">
        <v>0</v>
      </c>
      <c r="MG9" s="423">
        <v>0</v>
      </c>
      <c r="MH9" s="430"/>
      <c r="MI9" s="419">
        <v>24319646</v>
      </c>
      <c r="MJ9" s="419">
        <v>59447998</v>
      </c>
      <c r="MK9" s="419">
        <v>180957538</v>
      </c>
      <c r="ML9" s="419">
        <v>262594969</v>
      </c>
      <c r="MM9" s="419">
        <v>158303353</v>
      </c>
      <c r="MN9" s="423">
        <v>685623504</v>
      </c>
      <c r="MO9" s="429">
        <v>685623504</v>
      </c>
      <c r="MP9" s="422">
        <v>0</v>
      </c>
      <c r="MQ9" s="419">
        <v>0</v>
      </c>
      <c r="MR9" s="423">
        <v>0</v>
      </c>
      <c r="MS9" s="430"/>
      <c r="MT9" s="419">
        <v>1603093</v>
      </c>
      <c r="MU9" s="419">
        <v>10259924</v>
      </c>
      <c r="MV9" s="419">
        <v>102063099</v>
      </c>
      <c r="MW9" s="419">
        <v>157350504</v>
      </c>
      <c r="MX9" s="419">
        <v>97992902</v>
      </c>
      <c r="MY9" s="423">
        <v>369269522</v>
      </c>
      <c r="MZ9" s="429">
        <v>369269522</v>
      </c>
      <c r="NA9" s="422">
        <v>0</v>
      </c>
      <c r="NB9" s="419">
        <v>0</v>
      </c>
      <c r="NC9" s="423">
        <v>0</v>
      </c>
      <c r="ND9" s="430"/>
      <c r="NE9" s="419">
        <v>22528432</v>
      </c>
      <c r="NF9" s="419">
        <v>48962258</v>
      </c>
      <c r="NG9" s="419">
        <v>77198944</v>
      </c>
      <c r="NH9" s="419">
        <v>95153919</v>
      </c>
      <c r="NI9" s="419">
        <v>47532219</v>
      </c>
      <c r="NJ9" s="423">
        <v>291375772</v>
      </c>
      <c r="NK9" s="421">
        <v>291375772</v>
      </c>
      <c r="NL9" s="422">
        <v>0</v>
      </c>
      <c r="NM9" s="419">
        <v>0</v>
      </c>
      <c r="NN9" s="423">
        <v>0</v>
      </c>
      <c r="NO9" s="430"/>
      <c r="NP9" s="419">
        <v>188121</v>
      </c>
      <c r="NQ9" s="419">
        <v>0</v>
      </c>
      <c r="NR9" s="419">
        <v>1082475</v>
      </c>
      <c r="NS9" s="419">
        <v>4919716</v>
      </c>
      <c r="NT9" s="419">
        <v>4990837</v>
      </c>
      <c r="NU9" s="423">
        <v>11181149</v>
      </c>
      <c r="NV9" s="425">
        <v>11181149</v>
      </c>
      <c r="NW9" s="422">
        <v>0</v>
      </c>
      <c r="NX9" s="419">
        <v>0</v>
      </c>
      <c r="NY9" s="423">
        <v>0</v>
      </c>
      <c r="NZ9" s="430"/>
      <c r="OA9" s="419">
        <v>0</v>
      </c>
      <c r="OB9" s="419">
        <v>225816</v>
      </c>
      <c r="OC9" s="419">
        <v>613020</v>
      </c>
      <c r="OD9" s="419">
        <v>5170830</v>
      </c>
      <c r="OE9" s="419">
        <v>7787395</v>
      </c>
      <c r="OF9" s="423">
        <v>13797061</v>
      </c>
      <c r="OG9" s="425">
        <v>13797061</v>
      </c>
      <c r="OH9" s="422">
        <v>27380510</v>
      </c>
      <c r="OI9" s="419">
        <v>42670944</v>
      </c>
      <c r="OJ9" s="420">
        <v>70051454</v>
      </c>
      <c r="OK9" s="426">
        <v>0</v>
      </c>
      <c r="OL9" s="419">
        <v>403408206</v>
      </c>
      <c r="OM9" s="419">
        <v>540894107</v>
      </c>
      <c r="ON9" s="419">
        <v>651235403</v>
      </c>
      <c r="OO9" s="419">
        <v>645668467</v>
      </c>
      <c r="OP9" s="419">
        <v>397881562</v>
      </c>
      <c r="OQ9" s="423">
        <v>2639087745</v>
      </c>
      <c r="OR9" s="429">
        <v>2709139199</v>
      </c>
    </row>
    <row r="10" spans="1:408" s="474" customFormat="1" ht="20.25" customHeight="1" x14ac:dyDescent="0.2">
      <c r="A10" s="475" t="s">
        <v>5</v>
      </c>
      <c r="B10" s="433">
        <v>11519674</v>
      </c>
      <c r="C10" s="434">
        <v>21559007</v>
      </c>
      <c r="D10" s="435">
        <v>33078681</v>
      </c>
      <c r="E10" s="436">
        <v>0</v>
      </c>
      <c r="F10" s="434">
        <v>110473042</v>
      </c>
      <c r="G10" s="434">
        <v>175173617</v>
      </c>
      <c r="H10" s="434">
        <v>163968589</v>
      </c>
      <c r="I10" s="434">
        <v>129532038</v>
      </c>
      <c r="J10" s="434">
        <v>85953825</v>
      </c>
      <c r="K10" s="436">
        <v>665101111</v>
      </c>
      <c r="L10" s="437">
        <v>698179792</v>
      </c>
      <c r="M10" s="433">
        <v>3901364</v>
      </c>
      <c r="N10" s="434">
        <v>7765962</v>
      </c>
      <c r="O10" s="435">
        <v>11667326</v>
      </c>
      <c r="P10" s="433">
        <v>0</v>
      </c>
      <c r="Q10" s="434">
        <v>35456468</v>
      </c>
      <c r="R10" s="434">
        <v>61748326</v>
      </c>
      <c r="S10" s="434">
        <v>51724554</v>
      </c>
      <c r="T10" s="434">
        <v>46872058</v>
      </c>
      <c r="U10" s="434">
        <v>44584417</v>
      </c>
      <c r="V10" s="435">
        <v>240385823</v>
      </c>
      <c r="W10" s="437">
        <v>252053149</v>
      </c>
      <c r="X10" s="433">
        <v>0</v>
      </c>
      <c r="Y10" s="434">
        <v>0</v>
      </c>
      <c r="Z10" s="435">
        <v>0</v>
      </c>
      <c r="AA10" s="433">
        <v>0</v>
      </c>
      <c r="AB10" s="434">
        <v>15806623</v>
      </c>
      <c r="AC10" s="434">
        <v>24574882</v>
      </c>
      <c r="AD10" s="434">
        <v>23476552</v>
      </c>
      <c r="AE10" s="434">
        <v>22290931</v>
      </c>
      <c r="AF10" s="434">
        <v>22377416</v>
      </c>
      <c r="AG10" s="435">
        <v>108526404</v>
      </c>
      <c r="AH10" s="437">
        <v>108526404</v>
      </c>
      <c r="AI10" s="433">
        <v>8246</v>
      </c>
      <c r="AJ10" s="434">
        <v>75535</v>
      </c>
      <c r="AK10" s="435">
        <v>83781</v>
      </c>
      <c r="AL10" s="433">
        <v>0</v>
      </c>
      <c r="AM10" s="434">
        <v>180602</v>
      </c>
      <c r="AN10" s="434">
        <v>520698</v>
      </c>
      <c r="AO10" s="434">
        <v>1150378</v>
      </c>
      <c r="AP10" s="434">
        <v>2735439</v>
      </c>
      <c r="AQ10" s="434">
        <v>6829901</v>
      </c>
      <c r="AR10" s="435">
        <v>11417018</v>
      </c>
      <c r="AS10" s="437">
        <v>11500799</v>
      </c>
      <c r="AT10" s="433">
        <v>2167543</v>
      </c>
      <c r="AU10" s="434">
        <v>5205452</v>
      </c>
      <c r="AV10" s="435">
        <v>7372995</v>
      </c>
      <c r="AW10" s="433">
        <v>0</v>
      </c>
      <c r="AX10" s="434">
        <v>13020241</v>
      </c>
      <c r="AY10" s="434">
        <v>26008925</v>
      </c>
      <c r="AZ10" s="434">
        <v>17729707</v>
      </c>
      <c r="BA10" s="434">
        <v>14201038</v>
      </c>
      <c r="BB10" s="434">
        <v>10436154</v>
      </c>
      <c r="BC10" s="435">
        <v>81396065</v>
      </c>
      <c r="BD10" s="437">
        <v>88769060</v>
      </c>
      <c r="BE10" s="433">
        <v>209671</v>
      </c>
      <c r="BF10" s="434">
        <v>908975</v>
      </c>
      <c r="BG10" s="438">
        <v>1118646</v>
      </c>
      <c r="BH10" s="439">
        <v>0</v>
      </c>
      <c r="BI10" s="434">
        <v>517660</v>
      </c>
      <c r="BJ10" s="434">
        <v>1775285</v>
      </c>
      <c r="BK10" s="434">
        <v>1195053</v>
      </c>
      <c r="BL10" s="434">
        <v>1013826</v>
      </c>
      <c r="BM10" s="434">
        <v>549730</v>
      </c>
      <c r="BN10" s="435">
        <v>5051554</v>
      </c>
      <c r="BO10" s="437">
        <v>6170200</v>
      </c>
      <c r="BP10" s="433">
        <v>1515904</v>
      </c>
      <c r="BQ10" s="434">
        <v>1576000</v>
      </c>
      <c r="BR10" s="435">
        <v>3091904</v>
      </c>
      <c r="BS10" s="433">
        <v>0</v>
      </c>
      <c r="BT10" s="434">
        <v>5931342</v>
      </c>
      <c r="BU10" s="434">
        <v>8868536</v>
      </c>
      <c r="BV10" s="434">
        <v>8172864</v>
      </c>
      <c r="BW10" s="434">
        <v>6630824</v>
      </c>
      <c r="BX10" s="434">
        <v>4391216</v>
      </c>
      <c r="BY10" s="435">
        <v>33994782</v>
      </c>
      <c r="BZ10" s="437">
        <v>37086686</v>
      </c>
      <c r="CA10" s="433">
        <v>1310019</v>
      </c>
      <c r="CB10" s="434">
        <v>3615235</v>
      </c>
      <c r="CC10" s="435">
        <v>4925254</v>
      </c>
      <c r="CD10" s="433">
        <v>0</v>
      </c>
      <c r="CE10" s="434">
        <v>33492334</v>
      </c>
      <c r="CF10" s="434">
        <v>50357783</v>
      </c>
      <c r="CG10" s="434">
        <v>37284488</v>
      </c>
      <c r="CH10" s="434">
        <v>18202058</v>
      </c>
      <c r="CI10" s="434">
        <v>6865653</v>
      </c>
      <c r="CJ10" s="435">
        <v>146202316</v>
      </c>
      <c r="CK10" s="437">
        <v>151127570</v>
      </c>
      <c r="CL10" s="433">
        <v>0</v>
      </c>
      <c r="CM10" s="434">
        <v>0</v>
      </c>
      <c r="CN10" s="435">
        <v>0</v>
      </c>
      <c r="CO10" s="439">
        <v>0</v>
      </c>
      <c r="CP10" s="434">
        <v>26889993</v>
      </c>
      <c r="CQ10" s="434">
        <v>36583742</v>
      </c>
      <c r="CR10" s="434">
        <v>26252046</v>
      </c>
      <c r="CS10" s="434">
        <v>12207939</v>
      </c>
      <c r="CT10" s="434">
        <v>5159338</v>
      </c>
      <c r="CU10" s="435">
        <v>107093058</v>
      </c>
      <c r="CV10" s="437">
        <v>107093058</v>
      </c>
      <c r="CW10" s="433">
        <v>1310019</v>
      </c>
      <c r="CX10" s="434">
        <v>3615235</v>
      </c>
      <c r="CY10" s="435">
        <v>4925254</v>
      </c>
      <c r="CZ10" s="433">
        <v>0</v>
      </c>
      <c r="DA10" s="434">
        <v>6602341</v>
      </c>
      <c r="DB10" s="434">
        <v>13774041</v>
      </c>
      <c r="DC10" s="434">
        <v>11032442</v>
      </c>
      <c r="DD10" s="434">
        <v>5994119</v>
      </c>
      <c r="DE10" s="434">
        <v>1706315</v>
      </c>
      <c r="DF10" s="435">
        <v>39109258</v>
      </c>
      <c r="DG10" s="437">
        <v>44034512</v>
      </c>
      <c r="DH10" s="433">
        <v>42161</v>
      </c>
      <c r="DI10" s="434">
        <v>408845</v>
      </c>
      <c r="DJ10" s="438">
        <v>451006</v>
      </c>
      <c r="DK10" s="439">
        <v>0</v>
      </c>
      <c r="DL10" s="434">
        <v>3729739</v>
      </c>
      <c r="DM10" s="434">
        <v>7039021</v>
      </c>
      <c r="DN10" s="434">
        <v>17033044</v>
      </c>
      <c r="DO10" s="434">
        <v>13350684</v>
      </c>
      <c r="DP10" s="434">
        <v>3884383</v>
      </c>
      <c r="DQ10" s="435">
        <v>45036871</v>
      </c>
      <c r="DR10" s="437">
        <v>45487877</v>
      </c>
      <c r="DS10" s="433">
        <v>42161</v>
      </c>
      <c r="DT10" s="434">
        <v>408845</v>
      </c>
      <c r="DU10" s="435">
        <v>451006</v>
      </c>
      <c r="DV10" s="433">
        <v>0</v>
      </c>
      <c r="DW10" s="434">
        <v>2806630</v>
      </c>
      <c r="DX10" s="434">
        <v>5770338</v>
      </c>
      <c r="DY10" s="434">
        <v>14241311</v>
      </c>
      <c r="DZ10" s="434">
        <v>11583947</v>
      </c>
      <c r="EA10" s="434">
        <v>3033449</v>
      </c>
      <c r="EB10" s="435">
        <v>37435675</v>
      </c>
      <c r="EC10" s="437">
        <v>37886681</v>
      </c>
      <c r="ED10" s="433">
        <v>0</v>
      </c>
      <c r="EE10" s="438">
        <v>0</v>
      </c>
      <c r="EF10" s="435">
        <v>0</v>
      </c>
      <c r="EG10" s="433">
        <v>0</v>
      </c>
      <c r="EH10" s="434">
        <v>923109</v>
      </c>
      <c r="EI10" s="434">
        <v>1268683</v>
      </c>
      <c r="EJ10" s="434">
        <v>2791733</v>
      </c>
      <c r="EK10" s="434">
        <v>1766737</v>
      </c>
      <c r="EL10" s="434">
        <v>850934</v>
      </c>
      <c r="EM10" s="438">
        <v>7601196</v>
      </c>
      <c r="EN10" s="437">
        <v>7601196</v>
      </c>
      <c r="EO10" s="433">
        <v>0</v>
      </c>
      <c r="EP10" s="434">
        <v>0</v>
      </c>
      <c r="EQ10" s="438">
        <v>0</v>
      </c>
      <c r="ER10" s="439">
        <v>0</v>
      </c>
      <c r="ES10" s="434">
        <v>0</v>
      </c>
      <c r="ET10" s="434">
        <v>0</v>
      </c>
      <c r="EU10" s="434">
        <v>0</v>
      </c>
      <c r="EV10" s="434">
        <v>0</v>
      </c>
      <c r="EW10" s="434">
        <v>0</v>
      </c>
      <c r="EX10" s="435">
        <v>0</v>
      </c>
      <c r="EY10" s="437">
        <v>0</v>
      </c>
      <c r="EZ10" s="433">
        <v>0</v>
      </c>
      <c r="FA10" s="434">
        <v>0</v>
      </c>
      <c r="FB10" s="438">
        <v>0</v>
      </c>
      <c r="FC10" s="440"/>
      <c r="FD10" s="434">
        <v>0</v>
      </c>
      <c r="FE10" s="434">
        <v>0</v>
      </c>
      <c r="FF10" s="434">
        <v>0</v>
      </c>
      <c r="FG10" s="434">
        <v>0</v>
      </c>
      <c r="FH10" s="434">
        <v>0</v>
      </c>
      <c r="FI10" s="435">
        <v>0</v>
      </c>
      <c r="FJ10" s="437">
        <v>0</v>
      </c>
      <c r="FK10" s="433">
        <v>2203119</v>
      </c>
      <c r="FL10" s="434">
        <v>4771738</v>
      </c>
      <c r="FM10" s="435">
        <v>6974857</v>
      </c>
      <c r="FN10" s="433">
        <v>0</v>
      </c>
      <c r="FO10" s="434">
        <v>5803251</v>
      </c>
      <c r="FP10" s="434">
        <v>15804328</v>
      </c>
      <c r="FQ10" s="434">
        <v>12964159</v>
      </c>
      <c r="FR10" s="434">
        <v>10956672</v>
      </c>
      <c r="FS10" s="434">
        <v>6955484</v>
      </c>
      <c r="FT10" s="435">
        <v>52483894</v>
      </c>
      <c r="FU10" s="437">
        <v>59458751</v>
      </c>
      <c r="FV10" s="441">
        <v>867000</v>
      </c>
      <c r="FW10" s="434">
        <v>2927802</v>
      </c>
      <c r="FX10" s="438">
        <v>3794802</v>
      </c>
      <c r="FY10" s="439">
        <v>0</v>
      </c>
      <c r="FZ10" s="434">
        <v>3109658</v>
      </c>
      <c r="GA10" s="434">
        <v>14240696</v>
      </c>
      <c r="GB10" s="434">
        <v>11231056</v>
      </c>
      <c r="GC10" s="434">
        <v>9364008</v>
      </c>
      <c r="GD10" s="434">
        <v>6497144</v>
      </c>
      <c r="GE10" s="435">
        <v>44442562</v>
      </c>
      <c r="GF10" s="442">
        <v>48237364</v>
      </c>
      <c r="GG10" s="441">
        <v>160799</v>
      </c>
      <c r="GH10" s="434">
        <v>311016</v>
      </c>
      <c r="GI10" s="438">
        <v>471815</v>
      </c>
      <c r="GJ10" s="439">
        <v>0</v>
      </c>
      <c r="GK10" s="434">
        <v>250592</v>
      </c>
      <c r="GL10" s="434">
        <v>428920</v>
      </c>
      <c r="GM10" s="434">
        <v>462383</v>
      </c>
      <c r="GN10" s="434">
        <v>468344</v>
      </c>
      <c r="GO10" s="434">
        <v>79860</v>
      </c>
      <c r="GP10" s="435">
        <v>1690099</v>
      </c>
      <c r="GQ10" s="437">
        <v>2161914</v>
      </c>
      <c r="GR10" s="433">
        <v>1175320</v>
      </c>
      <c r="GS10" s="434">
        <v>1532920</v>
      </c>
      <c r="GT10" s="435">
        <v>2708240</v>
      </c>
      <c r="GU10" s="433">
        <v>0</v>
      </c>
      <c r="GV10" s="434">
        <v>2443001</v>
      </c>
      <c r="GW10" s="434">
        <v>1134712</v>
      </c>
      <c r="GX10" s="434">
        <v>1270720</v>
      </c>
      <c r="GY10" s="434">
        <v>1124320</v>
      </c>
      <c r="GZ10" s="434">
        <v>378480</v>
      </c>
      <c r="HA10" s="438">
        <v>6351233</v>
      </c>
      <c r="HB10" s="437">
        <v>9059473</v>
      </c>
      <c r="HC10" s="433">
        <v>4063011</v>
      </c>
      <c r="HD10" s="434">
        <v>4997227</v>
      </c>
      <c r="HE10" s="438">
        <v>9060238</v>
      </c>
      <c r="HF10" s="439">
        <v>0</v>
      </c>
      <c r="HG10" s="434">
        <v>31991250</v>
      </c>
      <c r="HH10" s="434">
        <v>40224159</v>
      </c>
      <c r="HI10" s="434">
        <v>44962344</v>
      </c>
      <c r="HJ10" s="434">
        <v>40150566</v>
      </c>
      <c r="HK10" s="434">
        <v>23663888</v>
      </c>
      <c r="HL10" s="435">
        <v>180992207</v>
      </c>
      <c r="HM10" s="436">
        <v>190052445</v>
      </c>
      <c r="HN10" s="476"/>
      <c r="HO10" s="477"/>
      <c r="HP10" s="478"/>
      <c r="HQ10" s="479"/>
      <c r="HR10" s="477"/>
      <c r="HS10" s="477"/>
      <c r="HT10" s="477"/>
      <c r="HU10" s="477"/>
      <c r="HV10" s="477"/>
      <c r="HW10" s="480"/>
      <c r="HX10" s="481"/>
      <c r="HY10" s="443">
        <v>226091</v>
      </c>
      <c r="HZ10" s="444">
        <v>682099</v>
      </c>
      <c r="IA10" s="445">
        <v>908190</v>
      </c>
      <c r="IB10" s="446">
        <v>0</v>
      </c>
      <c r="IC10" s="447">
        <v>30850398</v>
      </c>
      <c r="ID10" s="448">
        <v>45983453</v>
      </c>
      <c r="IE10" s="449">
        <v>47574520</v>
      </c>
      <c r="IF10" s="447">
        <v>32447763</v>
      </c>
      <c r="IG10" s="449">
        <v>21250269</v>
      </c>
      <c r="IH10" s="450">
        <v>178106403</v>
      </c>
      <c r="II10" s="451">
        <v>179014593</v>
      </c>
      <c r="IJ10" s="452">
        <v>0</v>
      </c>
      <c r="IK10" s="453">
        <v>0</v>
      </c>
      <c r="IL10" s="454">
        <v>0</v>
      </c>
      <c r="IM10" s="455"/>
      <c r="IN10" s="456">
        <v>535685</v>
      </c>
      <c r="IO10" s="456">
        <v>1798623</v>
      </c>
      <c r="IP10" s="456">
        <v>1797524</v>
      </c>
      <c r="IQ10" s="456">
        <v>1846533</v>
      </c>
      <c r="IR10" s="456">
        <v>2661205</v>
      </c>
      <c r="IS10" s="457">
        <v>8639570</v>
      </c>
      <c r="IT10" s="458">
        <v>8639570</v>
      </c>
      <c r="IU10" s="459">
        <v>0</v>
      </c>
      <c r="IV10" s="456">
        <v>0</v>
      </c>
      <c r="IW10" s="460">
        <v>0</v>
      </c>
      <c r="IX10" s="461"/>
      <c r="IY10" s="456">
        <v>219081</v>
      </c>
      <c r="IZ10" s="456">
        <v>481813</v>
      </c>
      <c r="JA10" s="456">
        <v>551130</v>
      </c>
      <c r="JB10" s="456">
        <v>660691</v>
      </c>
      <c r="JC10" s="456">
        <v>864589</v>
      </c>
      <c r="JD10" s="460">
        <v>2777304</v>
      </c>
      <c r="JE10" s="462">
        <v>2777304</v>
      </c>
      <c r="JF10" s="459">
        <v>0</v>
      </c>
      <c r="JG10" s="456">
        <v>0</v>
      </c>
      <c r="JH10" s="457">
        <v>0</v>
      </c>
      <c r="JI10" s="463">
        <v>0</v>
      </c>
      <c r="JJ10" s="456">
        <v>14061871</v>
      </c>
      <c r="JK10" s="456">
        <v>16799192</v>
      </c>
      <c r="JL10" s="456">
        <v>15888976</v>
      </c>
      <c r="JM10" s="456">
        <v>8369251</v>
      </c>
      <c r="JN10" s="456">
        <v>4256422</v>
      </c>
      <c r="JO10" s="460">
        <v>59375712</v>
      </c>
      <c r="JP10" s="458">
        <v>59375712</v>
      </c>
      <c r="JQ10" s="459">
        <v>0</v>
      </c>
      <c r="JR10" s="456">
        <v>93236</v>
      </c>
      <c r="JS10" s="457">
        <v>93236</v>
      </c>
      <c r="JT10" s="463">
        <v>0</v>
      </c>
      <c r="JU10" s="456">
        <v>2901883</v>
      </c>
      <c r="JV10" s="456">
        <v>4898218</v>
      </c>
      <c r="JW10" s="456">
        <v>5135601</v>
      </c>
      <c r="JX10" s="456">
        <v>3003626</v>
      </c>
      <c r="JY10" s="456">
        <v>1681428</v>
      </c>
      <c r="JZ10" s="460">
        <v>17620756</v>
      </c>
      <c r="KA10" s="458">
        <v>17713992</v>
      </c>
      <c r="KB10" s="464">
        <v>226091</v>
      </c>
      <c r="KC10" s="465">
        <v>588863</v>
      </c>
      <c r="KD10" s="460">
        <v>814954</v>
      </c>
      <c r="KE10" s="463">
        <v>0</v>
      </c>
      <c r="KF10" s="456">
        <v>3424533</v>
      </c>
      <c r="KG10" s="456">
        <v>5261219</v>
      </c>
      <c r="KH10" s="456">
        <v>7321839</v>
      </c>
      <c r="KI10" s="456">
        <v>5627505</v>
      </c>
      <c r="KJ10" s="456">
        <v>1564686</v>
      </c>
      <c r="KK10" s="460">
        <v>23199782</v>
      </c>
      <c r="KL10" s="466">
        <v>24014736</v>
      </c>
      <c r="KM10" s="452">
        <v>0</v>
      </c>
      <c r="KN10" s="453">
        <v>0</v>
      </c>
      <c r="KO10" s="454">
        <v>0</v>
      </c>
      <c r="KP10" s="455"/>
      <c r="KQ10" s="456">
        <v>8820751</v>
      </c>
      <c r="KR10" s="456">
        <v>15694150</v>
      </c>
      <c r="KS10" s="456">
        <v>16073518</v>
      </c>
      <c r="KT10" s="456">
        <v>10788514</v>
      </c>
      <c r="KU10" s="456">
        <v>3202536</v>
      </c>
      <c r="KV10" s="460">
        <v>54579469</v>
      </c>
      <c r="KW10" s="458">
        <v>54579469</v>
      </c>
      <c r="KX10" s="459">
        <v>0</v>
      </c>
      <c r="KY10" s="456">
        <v>0</v>
      </c>
      <c r="KZ10" s="460">
        <v>0</v>
      </c>
      <c r="LA10" s="467"/>
      <c r="LB10" s="456">
        <v>0</v>
      </c>
      <c r="LC10" s="456">
        <v>0</v>
      </c>
      <c r="LD10" s="456">
        <v>0</v>
      </c>
      <c r="LE10" s="456">
        <v>0</v>
      </c>
      <c r="LF10" s="456">
        <v>0</v>
      </c>
      <c r="LG10" s="460">
        <v>0</v>
      </c>
      <c r="LH10" s="462">
        <v>0</v>
      </c>
      <c r="LI10" s="459">
        <v>0</v>
      </c>
      <c r="LJ10" s="456">
        <v>0</v>
      </c>
      <c r="LK10" s="460">
        <v>0</v>
      </c>
      <c r="LL10" s="467"/>
      <c r="LM10" s="456">
        <v>0</v>
      </c>
      <c r="LN10" s="456">
        <v>238644</v>
      </c>
      <c r="LO10" s="456">
        <v>544952</v>
      </c>
      <c r="LP10" s="456">
        <v>489499</v>
      </c>
      <c r="LQ10" s="456">
        <v>594984</v>
      </c>
      <c r="LR10" s="460">
        <v>1868079</v>
      </c>
      <c r="LS10" s="458">
        <v>1868079</v>
      </c>
      <c r="LT10" s="459">
        <v>0</v>
      </c>
      <c r="LU10" s="456">
        <v>0</v>
      </c>
      <c r="LV10" s="460">
        <v>0</v>
      </c>
      <c r="LW10" s="467"/>
      <c r="LX10" s="456">
        <v>886594</v>
      </c>
      <c r="LY10" s="456">
        <v>811594</v>
      </c>
      <c r="LZ10" s="456">
        <v>260980</v>
      </c>
      <c r="MA10" s="456">
        <v>1662144</v>
      </c>
      <c r="MB10" s="456">
        <v>6424419</v>
      </c>
      <c r="MC10" s="460">
        <v>10045731</v>
      </c>
      <c r="MD10" s="462">
        <v>10045731</v>
      </c>
      <c r="ME10" s="459">
        <v>0</v>
      </c>
      <c r="MF10" s="456">
        <v>0</v>
      </c>
      <c r="MG10" s="460">
        <v>0</v>
      </c>
      <c r="MH10" s="467"/>
      <c r="MI10" s="456">
        <v>10323012</v>
      </c>
      <c r="MJ10" s="456">
        <v>32239938</v>
      </c>
      <c r="MK10" s="456">
        <v>89794404</v>
      </c>
      <c r="ML10" s="456">
        <v>121428031</v>
      </c>
      <c r="MM10" s="456">
        <v>79060514</v>
      </c>
      <c r="MN10" s="460">
        <v>332845899</v>
      </c>
      <c r="MO10" s="466">
        <v>332845899</v>
      </c>
      <c r="MP10" s="459">
        <v>0</v>
      </c>
      <c r="MQ10" s="456">
        <v>0</v>
      </c>
      <c r="MR10" s="460">
        <v>0</v>
      </c>
      <c r="MS10" s="467"/>
      <c r="MT10" s="456">
        <v>554223</v>
      </c>
      <c r="MU10" s="456">
        <v>6549573</v>
      </c>
      <c r="MV10" s="456">
        <v>53344237</v>
      </c>
      <c r="MW10" s="456">
        <v>68758546</v>
      </c>
      <c r="MX10" s="456">
        <v>48565249</v>
      </c>
      <c r="MY10" s="460">
        <v>177771828</v>
      </c>
      <c r="MZ10" s="466">
        <v>177771828</v>
      </c>
      <c r="NA10" s="459">
        <v>0</v>
      </c>
      <c r="NB10" s="456">
        <v>0</v>
      </c>
      <c r="NC10" s="460">
        <v>0</v>
      </c>
      <c r="ND10" s="467"/>
      <c r="NE10" s="456">
        <v>9768789</v>
      </c>
      <c r="NF10" s="456">
        <v>25690365</v>
      </c>
      <c r="NG10" s="456">
        <v>36450167</v>
      </c>
      <c r="NH10" s="456">
        <v>49988012</v>
      </c>
      <c r="NI10" s="456">
        <v>26380065</v>
      </c>
      <c r="NJ10" s="460">
        <v>148277398</v>
      </c>
      <c r="NK10" s="458">
        <v>148277398</v>
      </c>
      <c r="NL10" s="459">
        <v>0</v>
      </c>
      <c r="NM10" s="456">
        <v>0</v>
      </c>
      <c r="NN10" s="460">
        <v>0</v>
      </c>
      <c r="NO10" s="467"/>
      <c r="NP10" s="456">
        <v>0</v>
      </c>
      <c r="NQ10" s="456">
        <v>0</v>
      </c>
      <c r="NR10" s="456">
        <v>0</v>
      </c>
      <c r="NS10" s="456">
        <v>942507</v>
      </c>
      <c r="NT10" s="456">
        <v>1911784</v>
      </c>
      <c r="NU10" s="460">
        <v>2854291</v>
      </c>
      <c r="NV10" s="462">
        <v>2854291</v>
      </c>
      <c r="NW10" s="459">
        <v>0</v>
      </c>
      <c r="NX10" s="456">
        <v>0</v>
      </c>
      <c r="NY10" s="460">
        <v>0</v>
      </c>
      <c r="NZ10" s="467"/>
      <c r="OA10" s="456">
        <v>0</v>
      </c>
      <c r="OB10" s="456">
        <v>0</v>
      </c>
      <c r="OC10" s="456">
        <v>0</v>
      </c>
      <c r="OD10" s="456">
        <v>1738966</v>
      </c>
      <c r="OE10" s="456">
        <v>2203416</v>
      </c>
      <c r="OF10" s="460">
        <v>3942382</v>
      </c>
      <c r="OG10" s="462">
        <v>3942382</v>
      </c>
      <c r="OH10" s="459">
        <v>11745765</v>
      </c>
      <c r="OI10" s="456">
        <v>22241106</v>
      </c>
      <c r="OJ10" s="457">
        <v>33986871</v>
      </c>
      <c r="OK10" s="463">
        <v>0</v>
      </c>
      <c r="OL10" s="456">
        <v>151646452</v>
      </c>
      <c r="OM10" s="456">
        <v>253397008</v>
      </c>
      <c r="ON10" s="456">
        <v>301337513</v>
      </c>
      <c r="OO10" s="456">
        <v>283407832</v>
      </c>
      <c r="OP10" s="456">
        <v>186264608</v>
      </c>
      <c r="OQ10" s="460">
        <v>1176053413</v>
      </c>
      <c r="OR10" s="466">
        <v>1210040284</v>
      </c>
    </row>
    <row r="11" spans="1:408" ht="20.25" customHeight="1" x14ac:dyDescent="0.2">
      <c r="A11" s="126" t="s">
        <v>6</v>
      </c>
      <c r="B11" s="110">
        <v>4342238</v>
      </c>
      <c r="C11" s="114">
        <v>3945919</v>
      </c>
      <c r="D11" s="113">
        <v>8288157</v>
      </c>
      <c r="E11" s="109">
        <v>0</v>
      </c>
      <c r="F11" s="114">
        <v>40086501</v>
      </c>
      <c r="G11" s="114">
        <v>43842816</v>
      </c>
      <c r="H11" s="114">
        <v>38328521</v>
      </c>
      <c r="I11" s="114">
        <v>38727065</v>
      </c>
      <c r="J11" s="114">
        <v>27506123</v>
      </c>
      <c r="K11" s="109">
        <v>188491026</v>
      </c>
      <c r="L11" s="116">
        <v>196779183</v>
      </c>
      <c r="M11" s="110">
        <v>1183759</v>
      </c>
      <c r="N11" s="114">
        <v>1321801</v>
      </c>
      <c r="O11" s="113">
        <v>2505560</v>
      </c>
      <c r="P11" s="110">
        <v>0</v>
      </c>
      <c r="Q11" s="114">
        <v>12710930</v>
      </c>
      <c r="R11" s="114">
        <v>14507974</v>
      </c>
      <c r="S11" s="114">
        <v>12569720</v>
      </c>
      <c r="T11" s="114">
        <v>15628732</v>
      </c>
      <c r="U11" s="114">
        <v>13578393</v>
      </c>
      <c r="V11" s="113">
        <v>68995749</v>
      </c>
      <c r="W11" s="116">
        <v>71501309</v>
      </c>
      <c r="X11" s="110">
        <v>0</v>
      </c>
      <c r="Y11" s="114">
        <v>0</v>
      </c>
      <c r="Z11" s="113">
        <v>0</v>
      </c>
      <c r="AA11" s="110">
        <v>0</v>
      </c>
      <c r="AB11" s="114">
        <v>5113460</v>
      </c>
      <c r="AC11" s="114">
        <v>6296009</v>
      </c>
      <c r="AD11" s="114">
        <v>6566288</v>
      </c>
      <c r="AE11" s="114">
        <v>7801421</v>
      </c>
      <c r="AF11" s="114">
        <v>6789932</v>
      </c>
      <c r="AG11" s="113">
        <v>32567110</v>
      </c>
      <c r="AH11" s="116">
        <v>32567110</v>
      </c>
      <c r="AI11" s="110">
        <v>0</v>
      </c>
      <c r="AJ11" s="114">
        <v>0</v>
      </c>
      <c r="AK11" s="113">
        <v>0</v>
      </c>
      <c r="AL11" s="110">
        <v>0</v>
      </c>
      <c r="AM11" s="114">
        <v>48108</v>
      </c>
      <c r="AN11" s="114">
        <v>168382</v>
      </c>
      <c r="AO11" s="114">
        <v>254484</v>
      </c>
      <c r="AP11" s="114">
        <v>829169</v>
      </c>
      <c r="AQ11" s="114">
        <v>1639503</v>
      </c>
      <c r="AR11" s="113">
        <v>2939646</v>
      </c>
      <c r="AS11" s="116">
        <v>2939646</v>
      </c>
      <c r="AT11" s="110">
        <v>499991</v>
      </c>
      <c r="AU11" s="114">
        <v>893801</v>
      </c>
      <c r="AV11" s="113">
        <v>1393792</v>
      </c>
      <c r="AW11" s="110">
        <v>0</v>
      </c>
      <c r="AX11" s="114">
        <v>4893045</v>
      </c>
      <c r="AY11" s="114">
        <v>4925917</v>
      </c>
      <c r="AZ11" s="114">
        <v>2977021</v>
      </c>
      <c r="BA11" s="114">
        <v>4165431</v>
      </c>
      <c r="BB11" s="114">
        <v>3270314</v>
      </c>
      <c r="BC11" s="113">
        <v>20231728</v>
      </c>
      <c r="BD11" s="116">
        <v>21625520</v>
      </c>
      <c r="BE11" s="110">
        <v>21376</v>
      </c>
      <c r="BF11" s="114">
        <v>32064</v>
      </c>
      <c r="BG11" s="112">
        <v>53440</v>
      </c>
      <c r="BH11" s="111">
        <v>0</v>
      </c>
      <c r="BI11" s="114">
        <v>281853</v>
      </c>
      <c r="BJ11" s="114">
        <v>444290</v>
      </c>
      <c r="BK11" s="114">
        <v>196223</v>
      </c>
      <c r="BL11" s="114">
        <v>333303</v>
      </c>
      <c r="BM11" s="114">
        <v>204956</v>
      </c>
      <c r="BN11" s="113">
        <v>1460625</v>
      </c>
      <c r="BO11" s="116">
        <v>1514065</v>
      </c>
      <c r="BP11" s="110">
        <v>662392</v>
      </c>
      <c r="BQ11" s="114">
        <v>395936</v>
      </c>
      <c r="BR11" s="113">
        <v>1058328</v>
      </c>
      <c r="BS11" s="110">
        <v>0</v>
      </c>
      <c r="BT11" s="114">
        <v>2374464</v>
      </c>
      <c r="BU11" s="114">
        <v>2673376</v>
      </c>
      <c r="BV11" s="114">
        <v>2575704</v>
      </c>
      <c r="BW11" s="114">
        <v>2499408</v>
      </c>
      <c r="BX11" s="114">
        <v>1673688</v>
      </c>
      <c r="BY11" s="113">
        <v>11796640</v>
      </c>
      <c r="BZ11" s="116">
        <v>12854968</v>
      </c>
      <c r="CA11" s="110">
        <v>85893</v>
      </c>
      <c r="CB11" s="114">
        <v>431595</v>
      </c>
      <c r="CC11" s="113">
        <v>517488</v>
      </c>
      <c r="CD11" s="110">
        <v>0</v>
      </c>
      <c r="CE11" s="114">
        <v>12386007</v>
      </c>
      <c r="CF11" s="114">
        <v>12495964</v>
      </c>
      <c r="CG11" s="114">
        <v>10168323</v>
      </c>
      <c r="CH11" s="114">
        <v>6415705</v>
      </c>
      <c r="CI11" s="114">
        <v>2376167</v>
      </c>
      <c r="CJ11" s="113">
        <v>43842166</v>
      </c>
      <c r="CK11" s="116">
        <v>44359654</v>
      </c>
      <c r="CL11" s="110">
        <v>0</v>
      </c>
      <c r="CM11" s="114">
        <v>0</v>
      </c>
      <c r="CN11" s="113">
        <v>0</v>
      </c>
      <c r="CO11" s="111">
        <v>0</v>
      </c>
      <c r="CP11" s="114">
        <v>9933863</v>
      </c>
      <c r="CQ11" s="114">
        <v>8667270</v>
      </c>
      <c r="CR11" s="114">
        <v>7544281</v>
      </c>
      <c r="CS11" s="114">
        <v>4870411</v>
      </c>
      <c r="CT11" s="114">
        <v>1372340</v>
      </c>
      <c r="CU11" s="113">
        <v>32388165</v>
      </c>
      <c r="CV11" s="116">
        <v>32388165</v>
      </c>
      <c r="CW11" s="110">
        <v>85893</v>
      </c>
      <c r="CX11" s="114">
        <v>431595</v>
      </c>
      <c r="CY11" s="113">
        <v>517488</v>
      </c>
      <c r="CZ11" s="110">
        <v>0</v>
      </c>
      <c r="DA11" s="114">
        <v>2452144</v>
      </c>
      <c r="DB11" s="114">
        <v>3828694</v>
      </c>
      <c r="DC11" s="114">
        <v>2624042</v>
      </c>
      <c r="DD11" s="114">
        <v>1545294</v>
      </c>
      <c r="DE11" s="114">
        <v>1003827</v>
      </c>
      <c r="DF11" s="113">
        <v>11454001</v>
      </c>
      <c r="DG11" s="116">
        <v>11971489</v>
      </c>
      <c r="DH11" s="110">
        <v>0</v>
      </c>
      <c r="DI11" s="114">
        <v>60413</v>
      </c>
      <c r="DJ11" s="112">
        <v>60413</v>
      </c>
      <c r="DK11" s="111">
        <v>0</v>
      </c>
      <c r="DL11" s="114">
        <v>1277203</v>
      </c>
      <c r="DM11" s="114">
        <v>1561894</v>
      </c>
      <c r="DN11" s="114">
        <v>1910113</v>
      </c>
      <c r="DO11" s="114">
        <v>2147431</v>
      </c>
      <c r="DP11" s="114">
        <v>2268806</v>
      </c>
      <c r="DQ11" s="113">
        <v>9165447</v>
      </c>
      <c r="DR11" s="116">
        <v>9225860</v>
      </c>
      <c r="DS11" s="110">
        <v>0</v>
      </c>
      <c r="DT11" s="114">
        <v>60413</v>
      </c>
      <c r="DU11" s="113">
        <v>60413</v>
      </c>
      <c r="DV11" s="110">
        <v>0</v>
      </c>
      <c r="DW11" s="114">
        <v>1129390</v>
      </c>
      <c r="DX11" s="114">
        <v>1452398</v>
      </c>
      <c r="DY11" s="114">
        <v>1492405</v>
      </c>
      <c r="DZ11" s="114">
        <v>1903318</v>
      </c>
      <c r="EA11" s="114">
        <v>1998767</v>
      </c>
      <c r="EB11" s="113">
        <v>7976278</v>
      </c>
      <c r="EC11" s="116">
        <v>8036691</v>
      </c>
      <c r="ED11" s="110">
        <v>0</v>
      </c>
      <c r="EE11" s="112">
        <v>0</v>
      </c>
      <c r="EF11" s="113">
        <v>0</v>
      </c>
      <c r="EG11" s="110">
        <v>0</v>
      </c>
      <c r="EH11" s="114">
        <v>147813</v>
      </c>
      <c r="EI11" s="114">
        <v>109496</v>
      </c>
      <c r="EJ11" s="114">
        <v>417708</v>
      </c>
      <c r="EK11" s="114">
        <v>244113</v>
      </c>
      <c r="EL11" s="114">
        <v>270039</v>
      </c>
      <c r="EM11" s="112">
        <v>1189169</v>
      </c>
      <c r="EN11" s="116">
        <v>1189169</v>
      </c>
      <c r="EO11" s="110">
        <v>0</v>
      </c>
      <c r="EP11" s="114">
        <v>0</v>
      </c>
      <c r="EQ11" s="112">
        <v>0</v>
      </c>
      <c r="ER11" s="111">
        <v>0</v>
      </c>
      <c r="ES11" s="114">
        <v>0</v>
      </c>
      <c r="ET11" s="114">
        <v>0</v>
      </c>
      <c r="EU11" s="114">
        <v>0</v>
      </c>
      <c r="EV11" s="114">
        <v>0</v>
      </c>
      <c r="EW11" s="114">
        <v>0</v>
      </c>
      <c r="EX11" s="113">
        <v>0</v>
      </c>
      <c r="EY11" s="116">
        <v>0</v>
      </c>
      <c r="EZ11" s="110">
        <v>0</v>
      </c>
      <c r="FA11" s="114">
        <v>0</v>
      </c>
      <c r="FB11" s="112">
        <v>0</v>
      </c>
      <c r="FC11" s="348"/>
      <c r="FD11" s="114">
        <v>0</v>
      </c>
      <c r="FE11" s="114">
        <v>0</v>
      </c>
      <c r="FF11" s="114">
        <v>0</v>
      </c>
      <c r="FG11" s="114">
        <v>0</v>
      </c>
      <c r="FH11" s="114">
        <v>0</v>
      </c>
      <c r="FI11" s="113">
        <v>0</v>
      </c>
      <c r="FJ11" s="116">
        <v>0</v>
      </c>
      <c r="FK11" s="110">
        <v>855440</v>
      </c>
      <c r="FL11" s="114">
        <v>698496</v>
      </c>
      <c r="FM11" s="113">
        <v>1553936</v>
      </c>
      <c r="FN11" s="110">
        <v>0</v>
      </c>
      <c r="FO11" s="114">
        <v>2750984</v>
      </c>
      <c r="FP11" s="114">
        <v>4407744</v>
      </c>
      <c r="FQ11" s="114">
        <v>3594108</v>
      </c>
      <c r="FR11" s="114">
        <v>3475080</v>
      </c>
      <c r="FS11" s="114">
        <v>2407876</v>
      </c>
      <c r="FT11" s="113">
        <v>16635792</v>
      </c>
      <c r="FU11" s="116">
        <v>18189728</v>
      </c>
      <c r="FV11" s="115">
        <v>292560</v>
      </c>
      <c r="FW11" s="114">
        <v>607416</v>
      </c>
      <c r="FX11" s="112">
        <v>899976</v>
      </c>
      <c r="FY11" s="111">
        <v>0</v>
      </c>
      <c r="FZ11" s="114">
        <v>1766512</v>
      </c>
      <c r="GA11" s="114">
        <v>3765304</v>
      </c>
      <c r="GB11" s="114">
        <v>3138024</v>
      </c>
      <c r="GC11" s="114">
        <v>3180072</v>
      </c>
      <c r="GD11" s="114">
        <v>2145624</v>
      </c>
      <c r="GE11" s="113">
        <v>13995536</v>
      </c>
      <c r="GF11" s="319">
        <v>14895512</v>
      </c>
      <c r="GG11" s="115">
        <v>27680</v>
      </c>
      <c r="GH11" s="114">
        <v>91080</v>
      </c>
      <c r="GI11" s="112">
        <v>118760</v>
      </c>
      <c r="GJ11" s="111">
        <v>0</v>
      </c>
      <c r="GK11" s="114">
        <v>139112</v>
      </c>
      <c r="GL11" s="114">
        <v>113160</v>
      </c>
      <c r="GM11" s="114">
        <v>185924</v>
      </c>
      <c r="GN11" s="114">
        <v>127488</v>
      </c>
      <c r="GO11" s="114">
        <v>107852</v>
      </c>
      <c r="GP11" s="113">
        <v>673536</v>
      </c>
      <c r="GQ11" s="116">
        <v>792296</v>
      </c>
      <c r="GR11" s="110">
        <v>535200</v>
      </c>
      <c r="GS11" s="114">
        <v>0</v>
      </c>
      <c r="GT11" s="113">
        <v>535200</v>
      </c>
      <c r="GU11" s="110">
        <v>0</v>
      </c>
      <c r="GV11" s="114">
        <v>845360</v>
      </c>
      <c r="GW11" s="114">
        <v>529280</v>
      </c>
      <c r="GX11" s="114">
        <v>270160</v>
      </c>
      <c r="GY11" s="114">
        <v>167520</v>
      </c>
      <c r="GZ11" s="114">
        <v>154400</v>
      </c>
      <c r="HA11" s="112">
        <v>1966720</v>
      </c>
      <c r="HB11" s="116">
        <v>2501920</v>
      </c>
      <c r="HC11" s="110">
        <v>2217146</v>
      </c>
      <c r="HD11" s="114">
        <v>1433614</v>
      </c>
      <c r="HE11" s="112">
        <v>3650760</v>
      </c>
      <c r="HF11" s="111">
        <v>0</v>
      </c>
      <c r="HG11" s="114">
        <v>10961377</v>
      </c>
      <c r="HH11" s="114">
        <v>10869240</v>
      </c>
      <c r="HI11" s="114">
        <v>10086257</v>
      </c>
      <c r="HJ11" s="114">
        <v>11060117</v>
      </c>
      <c r="HK11" s="114">
        <v>6874881</v>
      </c>
      <c r="HL11" s="113">
        <v>49851872</v>
      </c>
      <c r="HM11" s="109">
        <v>53502632</v>
      </c>
      <c r="HN11" s="329"/>
      <c r="HO11" s="330"/>
      <c r="HP11" s="331"/>
      <c r="HQ11" s="332"/>
      <c r="HR11" s="330"/>
      <c r="HS11" s="330"/>
      <c r="HT11" s="330"/>
      <c r="HU11" s="330"/>
      <c r="HV11" s="330"/>
      <c r="HW11" s="333"/>
      <c r="HX11" s="334"/>
      <c r="HY11" s="131">
        <v>81024</v>
      </c>
      <c r="HZ11" s="132">
        <v>68152</v>
      </c>
      <c r="IA11" s="133">
        <v>149176</v>
      </c>
      <c r="IB11" s="146">
        <v>0</v>
      </c>
      <c r="IC11" s="132">
        <v>12043827</v>
      </c>
      <c r="ID11" s="147">
        <v>14434024</v>
      </c>
      <c r="IE11" s="133">
        <v>17750022</v>
      </c>
      <c r="IF11" s="132">
        <v>13518120</v>
      </c>
      <c r="IG11" s="133">
        <v>7625685</v>
      </c>
      <c r="IH11" s="148">
        <v>65371678</v>
      </c>
      <c r="II11" s="139">
        <v>65520854</v>
      </c>
      <c r="IJ11" s="232">
        <v>0</v>
      </c>
      <c r="IK11" s="236">
        <v>0</v>
      </c>
      <c r="IL11" s="237">
        <v>0</v>
      </c>
      <c r="IM11" s="140"/>
      <c r="IN11" s="119">
        <v>292352</v>
      </c>
      <c r="IO11" s="119">
        <v>807045</v>
      </c>
      <c r="IP11" s="119">
        <v>517317</v>
      </c>
      <c r="IQ11" s="119">
        <v>2547331</v>
      </c>
      <c r="IR11" s="119">
        <v>1402515</v>
      </c>
      <c r="IS11" s="141">
        <v>5566560</v>
      </c>
      <c r="IT11" s="321">
        <v>5566560</v>
      </c>
      <c r="IU11" s="142">
        <v>0</v>
      </c>
      <c r="IV11" s="119">
        <v>0</v>
      </c>
      <c r="IW11" s="120">
        <v>0</v>
      </c>
      <c r="IX11" s="144"/>
      <c r="IY11" s="119">
        <v>82534</v>
      </c>
      <c r="IZ11" s="119">
        <v>259864</v>
      </c>
      <c r="JA11" s="119">
        <v>90257</v>
      </c>
      <c r="JB11" s="119">
        <v>127785</v>
      </c>
      <c r="JC11" s="119">
        <v>129680</v>
      </c>
      <c r="JD11" s="120">
        <v>690120</v>
      </c>
      <c r="JE11" s="121">
        <v>690120</v>
      </c>
      <c r="JF11" s="142">
        <v>0</v>
      </c>
      <c r="JG11" s="119">
        <v>0</v>
      </c>
      <c r="JH11" s="141">
        <v>0</v>
      </c>
      <c r="JI11" s="118">
        <v>0</v>
      </c>
      <c r="JJ11" s="119">
        <v>4745441</v>
      </c>
      <c r="JK11" s="119">
        <v>3594670</v>
      </c>
      <c r="JL11" s="119">
        <v>3149613</v>
      </c>
      <c r="JM11" s="119">
        <v>1741173</v>
      </c>
      <c r="JN11" s="119">
        <v>679331</v>
      </c>
      <c r="JO11" s="120">
        <v>13910228</v>
      </c>
      <c r="JP11" s="321">
        <v>13910228</v>
      </c>
      <c r="JQ11" s="142">
        <v>0</v>
      </c>
      <c r="JR11" s="119">
        <v>0</v>
      </c>
      <c r="JS11" s="141">
        <v>0</v>
      </c>
      <c r="JT11" s="118">
        <v>0</v>
      </c>
      <c r="JU11" s="119">
        <v>1224582</v>
      </c>
      <c r="JV11" s="119">
        <v>1050503</v>
      </c>
      <c r="JW11" s="119">
        <v>1519271</v>
      </c>
      <c r="JX11" s="119">
        <v>727355</v>
      </c>
      <c r="JY11" s="119">
        <v>613430</v>
      </c>
      <c r="JZ11" s="120">
        <v>5135141</v>
      </c>
      <c r="KA11" s="321">
        <v>5135141</v>
      </c>
      <c r="KB11" s="234">
        <v>81024</v>
      </c>
      <c r="KC11" s="230">
        <v>68152</v>
      </c>
      <c r="KD11" s="120">
        <v>149176</v>
      </c>
      <c r="KE11" s="118">
        <v>0</v>
      </c>
      <c r="KF11" s="119">
        <v>1383587</v>
      </c>
      <c r="KG11" s="119">
        <v>2522286</v>
      </c>
      <c r="KH11" s="119">
        <v>3161657</v>
      </c>
      <c r="KI11" s="119">
        <v>1241221</v>
      </c>
      <c r="KJ11" s="119">
        <v>433301</v>
      </c>
      <c r="KK11" s="120">
        <v>8742052</v>
      </c>
      <c r="KL11" s="143">
        <v>8891228</v>
      </c>
      <c r="KM11" s="232">
        <v>0</v>
      </c>
      <c r="KN11" s="236">
        <v>0</v>
      </c>
      <c r="KO11" s="237">
        <v>0</v>
      </c>
      <c r="KP11" s="140"/>
      <c r="KQ11" s="119">
        <v>3717162</v>
      </c>
      <c r="KR11" s="119">
        <v>5561437</v>
      </c>
      <c r="KS11" s="119">
        <v>7269938</v>
      </c>
      <c r="KT11" s="119">
        <v>4725676</v>
      </c>
      <c r="KU11" s="119">
        <v>2523103</v>
      </c>
      <c r="KV11" s="120">
        <v>23797316</v>
      </c>
      <c r="KW11" s="321">
        <v>23797316</v>
      </c>
      <c r="KX11" s="142">
        <v>0</v>
      </c>
      <c r="KY11" s="119">
        <v>0</v>
      </c>
      <c r="KZ11" s="120">
        <v>0</v>
      </c>
      <c r="LA11" s="145"/>
      <c r="LB11" s="119">
        <v>0</v>
      </c>
      <c r="LC11" s="119">
        <v>0</v>
      </c>
      <c r="LD11" s="119">
        <v>0</v>
      </c>
      <c r="LE11" s="119">
        <v>0</v>
      </c>
      <c r="LF11" s="119">
        <v>0</v>
      </c>
      <c r="LG11" s="120">
        <v>0</v>
      </c>
      <c r="LH11" s="121">
        <v>0</v>
      </c>
      <c r="LI11" s="142">
        <v>0</v>
      </c>
      <c r="LJ11" s="119">
        <v>0</v>
      </c>
      <c r="LK11" s="120">
        <v>0</v>
      </c>
      <c r="LL11" s="145"/>
      <c r="LM11" s="119">
        <v>0</v>
      </c>
      <c r="LN11" s="119">
        <v>0</v>
      </c>
      <c r="LO11" s="119">
        <v>1803645</v>
      </c>
      <c r="LP11" s="119">
        <v>824718</v>
      </c>
      <c r="LQ11" s="119">
        <v>351289</v>
      </c>
      <c r="LR11" s="120">
        <v>2979652</v>
      </c>
      <c r="LS11" s="321">
        <v>2979652</v>
      </c>
      <c r="LT11" s="142">
        <v>0</v>
      </c>
      <c r="LU11" s="119">
        <v>0</v>
      </c>
      <c r="LV11" s="120">
        <v>0</v>
      </c>
      <c r="LW11" s="145"/>
      <c r="LX11" s="119">
        <v>598169</v>
      </c>
      <c r="LY11" s="119">
        <v>638219</v>
      </c>
      <c r="LZ11" s="119">
        <v>238324</v>
      </c>
      <c r="MA11" s="119">
        <v>1582861</v>
      </c>
      <c r="MB11" s="119">
        <v>1493036</v>
      </c>
      <c r="MC11" s="120">
        <v>4550609</v>
      </c>
      <c r="MD11" s="121">
        <v>4550609</v>
      </c>
      <c r="ME11" s="142">
        <v>0</v>
      </c>
      <c r="MF11" s="119">
        <v>0</v>
      </c>
      <c r="MG11" s="120">
        <v>0</v>
      </c>
      <c r="MH11" s="145"/>
      <c r="MI11" s="119">
        <v>2822493</v>
      </c>
      <c r="MJ11" s="119">
        <v>7760652</v>
      </c>
      <c r="MK11" s="119">
        <v>20170400</v>
      </c>
      <c r="ML11" s="119">
        <v>26911377</v>
      </c>
      <c r="MM11" s="119">
        <v>21252450</v>
      </c>
      <c r="MN11" s="120">
        <v>78917372</v>
      </c>
      <c r="MO11" s="143">
        <v>78917372</v>
      </c>
      <c r="MP11" s="142">
        <v>0</v>
      </c>
      <c r="MQ11" s="119">
        <v>0</v>
      </c>
      <c r="MR11" s="120">
        <v>0</v>
      </c>
      <c r="MS11" s="145"/>
      <c r="MT11" s="119">
        <v>0</v>
      </c>
      <c r="MU11" s="119">
        <v>1301559</v>
      </c>
      <c r="MV11" s="119">
        <v>9774229</v>
      </c>
      <c r="MW11" s="119">
        <v>13988697</v>
      </c>
      <c r="MX11" s="119">
        <v>10084124</v>
      </c>
      <c r="MY11" s="120">
        <v>35148609</v>
      </c>
      <c r="MZ11" s="143">
        <v>35148609</v>
      </c>
      <c r="NA11" s="142">
        <v>0</v>
      </c>
      <c r="NB11" s="119">
        <v>0</v>
      </c>
      <c r="NC11" s="120">
        <v>0</v>
      </c>
      <c r="ND11" s="145"/>
      <c r="NE11" s="119">
        <v>2634372</v>
      </c>
      <c r="NF11" s="119">
        <v>6459093</v>
      </c>
      <c r="NG11" s="119">
        <v>9313696</v>
      </c>
      <c r="NH11" s="119">
        <v>9465474</v>
      </c>
      <c r="NI11" s="119">
        <v>6089125</v>
      </c>
      <c r="NJ11" s="120">
        <v>33961760</v>
      </c>
      <c r="NK11" s="321">
        <v>33961760</v>
      </c>
      <c r="NL11" s="142">
        <v>0</v>
      </c>
      <c r="NM11" s="119">
        <v>0</v>
      </c>
      <c r="NN11" s="120">
        <v>0</v>
      </c>
      <c r="NO11" s="145"/>
      <c r="NP11" s="119">
        <v>188121</v>
      </c>
      <c r="NQ11" s="119">
        <v>0</v>
      </c>
      <c r="NR11" s="119">
        <v>1082475</v>
      </c>
      <c r="NS11" s="119">
        <v>2786881</v>
      </c>
      <c r="NT11" s="119">
        <v>2476815</v>
      </c>
      <c r="NU11" s="120">
        <v>6534292</v>
      </c>
      <c r="NV11" s="121">
        <v>6534292</v>
      </c>
      <c r="NW11" s="142">
        <v>0</v>
      </c>
      <c r="NX11" s="119">
        <v>0</v>
      </c>
      <c r="NY11" s="120">
        <v>0</v>
      </c>
      <c r="NZ11" s="145"/>
      <c r="OA11" s="119">
        <v>0</v>
      </c>
      <c r="OB11" s="119">
        <v>0</v>
      </c>
      <c r="OC11" s="119">
        <v>0</v>
      </c>
      <c r="OD11" s="119">
        <v>670325</v>
      </c>
      <c r="OE11" s="119">
        <v>2602386</v>
      </c>
      <c r="OF11" s="120">
        <v>3272711</v>
      </c>
      <c r="OG11" s="121">
        <v>3272711</v>
      </c>
      <c r="OH11" s="142">
        <v>4423262</v>
      </c>
      <c r="OI11" s="119">
        <v>4014071</v>
      </c>
      <c r="OJ11" s="141">
        <v>8437333</v>
      </c>
      <c r="OK11" s="118">
        <v>0</v>
      </c>
      <c r="OL11" s="119">
        <v>54952821</v>
      </c>
      <c r="OM11" s="119">
        <v>66037492</v>
      </c>
      <c r="ON11" s="119">
        <v>76248943</v>
      </c>
      <c r="OO11" s="119">
        <v>79156562</v>
      </c>
      <c r="OP11" s="119">
        <v>56384258</v>
      </c>
      <c r="OQ11" s="120">
        <v>332780076</v>
      </c>
      <c r="OR11" s="143">
        <v>341217409</v>
      </c>
    </row>
    <row r="12" spans="1:408" ht="20.25" customHeight="1" x14ac:dyDescent="0.2">
      <c r="A12" s="126" t="s">
        <v>14</v>
      </c>
      <c r="B12" s="110">
        <v>2041438</v>
      </c>
      <c r="C12" s="114">
        <v>3048782</v>
      </c>
      <c r="D12" s="113">
        <v>5090220</v>
      </c>
      <c r="E12" s="109">
        <v>0</v>
      </c>
      <c r="F12" s="114">
        <v>19606481</v>
      </c>
      <c r="G12" s="114">
        <v>25218787</v>
      </c>
      <c r="H12" s="114">
        <v>25450318</v>
      </c>
      <c r="I12" s="114">
        <v>17921906</v>
      </c>
      <c r="J12" s="114">
        <v>12619476</v>
      </c>
      <c r="K12" s="112">
        <v>100816968</v>
      </c>
      <c r="L12" s="116">
        <v>105907188</v>
      </c>
      <c r="M12" s="110">
        <v>456979</v>
      </c>
      <c r="N12" s="114">
        <v>961156</v>
      </c>
      <c r="O12" s="113">
        <v>1418135</v>
      </c>
      <c r="P12" s="110">
        <v>0</v>
      </c>
      <c r="Q12" s="114">
        <v>6011169</v>
      </c>
      <c r="R12" s="114">
        <v>8727697</v>
      </c>
      <c r="S12" s="114">
        <v>7158914</v>
      </c>
      <c r="T12" s="114">
        <v>4766530</v>
      </c>
      <c r="U12" s="114">
        <v>5746135</v>
      </c>
      <c r="V12" s="113">
        <v>32410445</v>
      </c>
      <c r="W12" s="116">
        <v>33828580</v>
      </c>
      <c r="X12" s="110">
        <v>0</v>
      </c>
      <c r="Y12" s="114">
        <v>0</v>
      </c>
      <c r="Z12" s="113">
        <v>0</v>
      </c>
      <c r="AA12" s="110">
        <v>0</v>
      </c>
      <c r="AB12" s="114">
        <v>2745887</v>
      </c>
      <c r="AC12" s="114">
        <v>4811410</v>
      </c>
      <c r="AD12" s="114">
        <v>3283313</v>
      </c>
      <c r="AE12" s="114">
        <v>1635260</v>
      </c>
      <c r="AF12" s="114">
        <v>3373671</v>
      </c>
      <c r="AG12" s="113">
        <v>15849541</v>
      </c>
      <c r="AH12" s="116">
        <v>15849541</v>
      </c>
      <c r="AI12" s="110">
        <v>0</v>
      </c>
      <c r="AJ12" s="114">
        <v>0</v>
      </c>
      <c r="AK12" s="113">
        <v>0</v>
      </c>
      <c r="AL12" s="110">
        <v>0</v>
      </c>
      <c r="AM12" s="114">
        <v>0</v>
      </c>
      <c r="AN12" s="114">
        <v>46238</v>
      </c>
      <c r="AO12" s="114">
        <v>23448</v>
      </c>
      <c r="AP12" s="114">
        <v>367521</v>
      </c>
      <c r="AQ12" s="114">
        <v>575963</v>
      </c>
      <c r="AR12" s="113">
        <v>1013170</v>
      </c>
      <c r="AS12" s="116">
        <v>1013170</v>
      </c>
      <c r="AT12" s="110">
        <v>134011</v>
      </c>
      <c r="AU12" s="114">
        <v>605394</v>
      </c>
      <c r="AV12" s="113">
        <v>739405</v>
      </c>
      <c r="AW12" s="110">
        <v>0</v>
      </c>
      <c r="AX12" s="114">
        <v>1923082</v>
      </c>
      <c r="AY12" s="114">
        <v>2614993</v>
      </c>
      <c r="AZ12" s="114">
        <v>2592187</v>
      </c>
      <c r="BA12" s="114">
        <v>1772229</v>
      </c>
      <c r="BB12" s="114">
        <v>962555</v>
      </c>
      <c r="BC12" s="113">
        <v>9865046</v>
      </c>
      <c r="BD12" s="116">
        <v>10604451</v>
      </c>
      <c r="BE12" s="110">
        <v>22376</v>
      </c>
      <c r="BF12" s="114">
        <v>112666</v>
      </c>
      <c r="BG12" s="112">
        <v>135042</v>
      </c>
      <c r="BH12" s="111">
        <v>0</v>
      </c>
      <c r="BI12" s="114">
        <v>0</v>
      </c>
      <c r="BJ12" s="114">
        <v>0</v>
      </c>
      <c r="BK12" s="114">
        <v>62318</v>
      </c>
      <c r="BL12" s="114">
        <v>113496</v>
      </c>
      <c r="BM12" s="114">
        <v>46306</v>
      </c>
      <c r="BN12" s="113">
        <v>222120</v>
      </c>
      <c r="BO12" s="116">
        <v>357162</v>
      </c>
      <c r="BP12" s="110">
        <v>300592</v>
      </c>
      <c r="BQ12" s="114">
        <v>243096</v>
      </c>
      <c r="BR12" s="113">
        <v>543688</v>
      </c>
      <c r="BS12" s="110">
        <v>0</v>
      </c>
      <c r="BT12" s="114">
        <v>1342200</v>
      </c>
      <c r="BU12" s="114">
        <v>1255056</v>
      </c>
      <c r="BV12" s="114">
        <v>1197648</v>
      </c>
      <c r="BW12" s="114">
        <v>878024</v>
      </c>
      <c r="BX12" s="114">
        <v>787640</v>
      </c>
      <c r="BY12" s="113">
        <v>5460568</v>
      </c>
      <c r="BZ12" s="116">
        <v>6004256</v>
      </c>
      <c r="CA12" s="110">
        <v>164610</v>
      </c>
      <c r="CB12" s="114">
        <v>229476</v>
      </c>
      <c r="CC12" s="113">
        <v>394086</v>
      </c>
      <c r="CD12" s="110">
        <v>0</v>
      </c>
      <c r="CE12" s="114">
        <v>5405741</v>
      </c>
      <c r="CF12" s="114">
        <v>8181971</v>
      </c>
      <c r="CG12" s="114">
        <v>8224620</v>
      </c>
      <c r="CH12" s="114">
        <v>4618634</v>
      </c>
      <c r="CI12" s="114">
        <v>1271111</v>
      </c>
      <c r="CJ12" s="113">
        <v>27702077</v>
      </c>
      <c r="CK12" s="116">
        <v>28096163</v>
      </c>
      <c r="CL12" s="110">
        <v>0</v>
      </c>
      <c r="CM12" s="114">
        <v>0</v>
      </c>
      <c r="CN12" s="113">
        <v>0</v>
      </c>
      <c r="CO12" s="111">
        <v>0</v>
      </c>
      <c r="CP12" s="114">
        <v>5116655</v>
      </c>
      <c r="CQ12" s="114">
        <v>6691245</v>
      </c>
      <c r="CR12" s="114">
        <v>6397129</v>
      </c>
      <c r="CS12" s="114">
        <v>3800338</v>
      </c>
      <c r="CT12" s="114">
        <v>919308</v>
      </c>
      <c r="CU12" s="113">
        <v>22924675</v>
      </c>
      <c r="CV12" s="116">
        <v>22924675</v>
      </c>
      <c r="CW12" s="110">
        <v>164610</v>
      </c>
      <c r="CX12" s="114">
        <v>229476</v>
      </c>
      <c r="CY12" s="113">
        <v>394086</v>
      </c>
      <c r="CZ12" s="110">
        <v>0</v>
      </c>
      <c r="DA12" s="114">
        <v>289086</v>
      </c>
      <c r="DB12" s="114">
        <v>1490726</v>
      </c>
      <c r="DC12" s="114">
        <v>1827491</v>
      </c>
      <c r="DD12" s="114">
        <v>818296</v>
      </c>
      <c r="DE12" s="114">
        <v>351803</v>
      </c>
      <c r="DF12" s="113">
        <v>4777402</v>
      </c>
      <c r="DG12" s="116">
        <v>5171488</v>
      </c>
      <c r="DH12" s="110">
        <v>0</v>
      </c>
      <c r="DI12" s="114">
        <v>0</v>
      </c>
      <c r="DJ12" s="112">
        <v>0</v>
      </c>
      <c r="DK12" s="111">
        <v>0</v>
      </c>
      <c r="DL12" s="114">
        <v>782670</v>
      </c>
      <c r="DM12" s="114">
        <v>879138</v>
      </c>
      <c r="DN12" s="114">
        <v>2921903</v>
      </c>
      <c r="DO12" s="114">
        <v>2290986</v>
      </c>
      <c r="DP12" s="114">
        <v>523593</v>
      </c>
      <c r="DQ12" s="113">
        <v>7398290</v>
      </c>
      <c r="DR12" s="116">
        <v>7398290</v>
      </c>
      <c r="DS12" s="110">
        <v>0</v>
      </c>
      <c r="DT12" s="114">
        <v>0</v>
      </c>
      <c r="DU12" s="113">
        <v>0</v>
      </c>
      <c r="DV12" s="110">
        <v>0</v>
      </c>
      <c r="DW12" s="114">
        <v>692469</v>
      </c>
      <c r="DX12" s="114">
        <v>879138</v>
      </c>
      <c r="DY12" s="114">
        <v>2756450</v>
      </c>
      <c r="DZ12" s="114">
        <v>2255438</v>
      </c>
      <c r="EA12" s="114">
        <v>485961</v>
      </c>
      <c r="EB12" s="113">
        <v>7069456</v>
      </c>
      <c r="EC12" s="116">
        <v>7069456</v>
      </c>
      <c r="ED12" s="110">
        <v>0</v>
      </c>
      <c r="EE12" s="112">
        <v>0</v>
      </c>
      <c r="EF12" s="113">
        <v>0</v>
      </c>
      <c r="EG12" s="110">
        <v>0</v>
      </c>
      <c r="EH12" s="114">
        <v>90201</v>
      </c>
      <c r="EI12" s="114">
        <v>0</v>
      </c>
      <c r="EJ12" s="114">
        <v>165453</v>
      </c>
      <c r="EK12" s="114">
        <v>35548</v>
      </c>
      <c r="EL12" s="114">
        <v>37632</v>
      </c>
      <c r="EM12" s="112">
        <v>328834</v>
      </c>
      <c r="EN12" s="116">
        <v>328834</v>
      </c>
      <c r="EO12" s="110">
        <v>0</v>
      </c>
      <c r="EP12" s="114">
        <v>0</v>
      </c>
      <c r="EQ12" s="112">
        <v>0</v>
      </c>
      <c r="ER12" s="111">
        <v>0</v>
      </c>
      <c r="ES12" s="114">
        <v>0</v>
      </c>
      <c r="ET12" s="114">
        <v>0</v>
      </c>
      <c r="EU12" s="114">
        <v>0</v>
      </c>
      <c r="EV12" s="114">
        <v>0</v>
      </c>
      <c r="EW12" s="114">
        <v>0</v>
      </c>
      <c r="EX12" s="113">
        <v>0</v>
      </c>
      <c r="EY12" s="116">
        <v>0</v>
      </c>
      <c r="EZ12" s="110">
        <v>0</v>
      </c>
      <c r="FA12" s="114">
        <v>0</v>
      </c>
      <c r="FB12" s="112">
        <v>0</v>
      </c>
      <c r="FC12" s="348"/>
      <c r="FD12" s="114">
        <v>0</v>
      </c>
      <c r="FE12" s="114">
        <v>0</v>
      </c>
      <c r="FF12" s="114">
        <v>0</v>
      </c>
      <c r="FG12" s="114">
        <v>0</v>
      </c>
      <c r="FH12" s="114">
        <v>0</v>
      </c>
      <c r="FI12" s="113">
        <v>0</v>
      </c>
      <c r="FJ12" s="116">
        <v>0</v>
      </c>
      <c r="FK12" s="110">
        <v>523280</v>
      </c>
      <c r="FL12" s="114">
        <v>762165</v>
      </c>
      <c r="FM12" s="113">
        <v>1285445</v>
      </c>
      <c r="FN12" s="110">
        <v>0</v>
      </c>
      <c r="FO12" s="114">
        <v>1196725</v>
      </c>
      <c r="FP12" s="114">
        <v>2637884</v>
      </c>
      <c r="FQ12" s="114">
        <v>2035464</v>
      </c>
      <c r="FR12" s="114">
        <v>2277790</v>
      </c>
      <c r="FS12" s="114">
        <v>1013024</v>
      </c>
      <c r="FT12" s="113">
        <v>9160887</v>
      </c>
      <c r="FU12" s="116">
        <v>10446332</v>
      </c>
      <c r="FV12" s="115">
        <v>173360</v>
      </c>
      <c r="FW12" s="114">
        <v>547024</v>
      </c>
      <c r="FX12" s="112">
        <v>720384</v>
      </c>
      <c r="FY12" s="111">
        <v>0</v>
      </c>
      <c r="FZ12" s="114">
        <v>798416</v>
      </c>
      <c r="GA12" s="114">
        <v>2455264</v>
      </c>
      <c r="GB12" s="114">
        <v>2015048</v>
      </c>
      <c r="GC12" s="114">
        <v>1566464</v>
      </c>
      <c r="GD12" s="114">
        <v>1013024</v>
      </c>
      <c r="GE12" s="113">
        <v>7848216</v>
      </c>
      <c r="GF12" s="319">
        <v>8568600</v>
      </c>
      <c r="GG12" s="115">
        <v>18480</v>
      </c>
      <c r="GH12" s="114">
        <v>55141</v>
      </c>
      <c r="GI12" s="112">
        <v>73621</v>
      </c>
      <c r="GJ12" s="111">
        <v>0</v>
      </c>
      <c r="GK12" s="114">
        <v>31525</v>
      </c>
      <c r="GL12" s="114">
        <v>117376</v>
      </c>
      <c r="GM12" s="114">
        <v>20416</v>
      </c>
      <c r="GN12" s="114">
        <v>71342</v>
      </c>
      <c r="GO12" s="114">
        <v>0</v>
      </c>
      <c r="GP12" s="113">
        <v>240659</v>
      </c>
      <c r="GQ12" s="116">
        <v>314280</v>
      </c>
      <c r="GR12" s="110">
        <v>331440</v>
      </c>
      <c r="GS12" s="114">
        <v>160000</v>
      </c>
      <c r="GT12" s="113">
        <v>491440</v>
      </c>
      <c r="GU12" s="110">
        <v>0</v>
      </c>
      <c r="GV12" s="114">
        <v>366784</v>
      </c>
      <c r="GW12" s="114">
        <v>65244</v>
      </c>
      <c r="GX12" s="114">
        <v>0</v>
      </c>
      <c r="GY12" s="114">
        <v>639984</v>
      </c>
      <c r="GZ12" s="114">
        <v>0</v>
      </c>
      <c r="HA12" s="112">
        <v>1072012</v>
      </c>
      <c r="HB12" s="116">
        <v>1563452</v>
      </c>
      <c r="HC12" s="110">
        <v>896569</v>
      </c>
      <c r="HD12" s="114">
        <v>1095985</v>
      </c>
      <c r="HE12" s="112">
        <v>1992554</v>
      </c>
      <c r="HF12" s="111">
        <v>0</v>
      </c>
      <c r="HG12" s="114">
        <v>6210176</v>
      </c>
      <c r="HH12" s="114">
        <v>4792097</v>
      </c>
      <c r="HI12" s="114">
        <v>5109417</v>
      </c>
      <c r="HJ12" s="114">
        <v>3967966</v>
      </c>
      <c r="HK12" s="114">
        <v>4065613</v>
      </c>
      <c r="HL12" s="113">
        <v>24145269</v>
      </c>
      <c r="HM12" s="109">
        <v>26137823</v>
      </c>
      <c r="HN12" s="329"/>
      <c r="HO12" s="330"/>
      <c r="HP12" s="331"/>
      <c r="HQ12" s="332"/>
      <c r="HR12" s="330"/>
      <c r="HS12" s="330"/>
      <c r="HT12" s="330"/>
      <c r="HU12" s="330"/>
      <c r="HV12" s="330"/>
      <c r="HW12" s="333"/>
      <c r="HX12" s="334"/>
      <c r="HY12" s="131">
        <v>38929</v>
      </c>
      <c r="HZ12" s="132">
        <v>75890</v>
      </c>
      <c r="IA12" s="133">
        <v>114819</v>
      </c>
      <c r="IB12" s="134">
        <v>0</v>
      </c>
      <c r="IC12" s="135">
        <v>5753838</v>
      </c>
      <c r="ID12" s="136">
        <v>6058334</v>
      </c>
      <c r="IE12" s="137">
        <v>8349225</v>
      </c>
      <c r="IF12" s="135">
        <v>5277758</v>
      </c>
      <c r="IG12" s="137">
        <v>2773195</v>
      </c>
      <c r="IH12" s="138">
        <v>28212350</v>
      </c>
      <c r="II12" s="139">
        <v>28327169</v>
      </c>
      <c r="IJ12" s="232">
        <v>0</v>
      </c>
      <c r="IK12" s="236">
        <v>0</v>
      </c>
      <c r="IL12" s="237">
        <v>0</v>
      </c>
      <c r="IM12" s="140"/>
      <c r="IN12" s="119">
        <v>159285</v>
      </c>
      <c r="IO12" s="119">
        <v>206366</v>
      </c>
      <c r="IP12" s="119">
        <v>0</v>
      </c>
      <c r="IQ12" s="119">
        <v>212229</v>
      </c>
      <c r="IR12" s="119">
        <v>272378</v>
      </c>
      <c r="IS12" s="141">
        <v>850258</v>
      </c>
      <c r="IT12" s="321">
        <v>850258</v>
      </c>
      <c r="IU12" s="142">
        <v>0</v>
      </c>
      <c r="IV12" s="119">
        <v>0</v>
      </c>
      <c r="IW12" s="120">
        <v>0</v>
      </c>
      <c r="IX12" s="144"/>
      <c r="IY12" s="119">
        <v>0</v>
      </c>
      <c r="IZ12" s="119">
        <v>0</v>
      </c>
      <c r="JA12" s="119">
        <v>0</v>
      </c>
      <c r="JB12" s="119">
        <v>0</v>
      </c>
      <c r="JC12" s="119">
        <v>0</v>
      </c>
      <c r="JD12" s="120">
        <v>0</v>
      </c>
      <c r="JE12" s="121">
        <v>0</v>
      </c>
      <c r="JF12" s="142">
        <v>0</v>
      </c>
      <c r="JG12" s="119">
        <v>0</v>
      </c>
      <c r="JH12" s="141">
        <v>0</v>
      </c>
      <c r="JI12" s="118">
        <v>0</v>
      </c>
      <c r="JJ12" s="119">
        <v>3065768</v>
      </c>
      <c r="JK12" s="119">
        <v>2565804</v>
      </c>
      <c r="JL12" s="119">
        <v>2809778</v>
      </c>
      <c r="JM12" s="119">
        <v>937720</v>
      </c>
      <c r="JN12" s="119">
        <v>228031</v>
      </c>
      <c r="JO12" s="120">
        <v>9607101</v>
      </c>
      <c r="JP12" s="321">
        <v>9607101</v>
      </c>
      <c r="JQ12" s="142">
        <v>0</v>
      </c>
      <c r="JR12" s="119">
        <v>0</v>
      </c>
      <c r="JS12" s="141">
        <v>0</v>
      </c>
      <c r="JT12" s="118">
        <v>0</v>
      </c>
      <c r="JU12" s="119">
        <v>69068</v>
      </c>
      <c r="JV12" s="119">
        <v>75608</v>
      </c>
      <c r="JW12" s="119">
        <v>0</v>
      </c>
      <c r="JX12" s="119">
        <v>95351</v>
      </c>
      <c r="JY12" s="119">
        <v>0</v>
      </c>
      <c r="JZ12" s="120">
        <v>240027</v>
      </c>
      <c r="KA12" s="321">
        <v>240027</v>
      </c>
      <c r="KB12" s="234">
        <v>38929</v>
      </c>
      <c r="KC12" s="230">
        <v>75890</v>
      </c>
      <c r="KD12" s="120">
        <v>114819</v>
      </c>
      <c r="KE12" s="118">
        <v>0</v>
      </c>
      <c r="KF12" s="119">
        <v>1198635</v>
      </c>
      <c r="KG12" s="119">
        <v>618055</v>
      </c>
      <c r="KH12" s="119">
        <v>2235906</v>
      </c>
      <c r="KI12" s="119">
        <v>829984</v>
      </c>
      <c r="KJ12" s="119">
        <v>292476</v>
      </c>
      <c r="KK12" s="120">
        <v>5175056</v>
      </c>
      <c r="KL12" s="143">
        <v>5289875</v>
      </c>
      <c r="KM12" s="232">
        <v>0</v>
      </c>
      <c r="KN12" s="236">
        <v>0</v>
      </c>
      <c r="KO12" s="237">
        <v>0</v>
      </c>
      <c r="KP12" s="140"/>
      <c r="KQ12" s="119">
        <v>1130195</v>
      </c>
      <c r="KR12" s="119">
        <v>2592501</v>
      </c>
      <c r="KS12" s="119">
        <v>3126037</v>
      </c>
      <c r="KT12" s="119">
        <v>2967027</v>
      </c>
      <c r="KU12" s="119">
        <v>1294199</v>
      </c>
      <c r="KV12" s="120">
        <v>11109959</v>
      </c>
      <c r="KW12" s="321">
        <v>11109959</v>
      </c>
      <c r="KX12" s="142">
        <v>0</v>
      </c>
      <c r="KY12" s="119">
        <v>0</v>
      </c>
      <c r="KZ12" s="120">
        <v>0</v>
      </c>
      <c r="LA12" s="145"/>
      <c r="LB12" s="119">
        <v>0</v>
      </c>
      <c r="LC12" s="119">
        <v>0</v>
      </c>
      <c r="LD12" s="119">
        <v>0</v>
      </c>
      <c r="LE12" s="119">
        <v>0</v>
      </c>
      <c r="LF12" s="119">
        <v>0</v>
      </c>
      <c r="LG12" s="120">
        <v>0</v>
      </c>
      <c r="LH12" s="121">
        <v>0</v>
      </c>
      <c r="LI12" s="142">
        <v>0</v>
      </c>
      <c r="LJ12" s="119">
        <v>0</v>
      </c>
      <c r="LK12" s="120">
        <v>0</v>
      </c>
      <c r="LL12" s="145"/>
      <c r="LM12" s="119">
        <v>0</v>
      </c>
      <c r="LN12" s="119">
        <v>0</v>
      </c>
      <c r="LO12" s="119">
        <v>258963</v>
      </c>
      <c r="LP12" s="119">
        <v>0</v>
      </c>
      <c r="LQ12" s="119">
        <v>0</v>
      </c>
      <c r="LR12" s="120">
        <v>258963</v>
      </c>
      <c r="LS12" s="321">
        <v>258963</v>
      </c>
      <c r="LT12" s="142">
        <v>0</v>
      </c>
      <c r="LU12" s="119">
        <v>0</v>
      </c>
      <c r="LV12" s="120">
        <v>0</v>
      </c>
      <c r="LW12" s="145"/>
      <c r="LX12" s="119">
        <v>130887</v>
      </c>
      <c r="LY12" s="119">
        <v>0</v>
      </c>
      <c r="LZ12" s="119">
        <v>-81459</v>
      </c>
      <c r="MA12" s="119">
        <v>235447</v>
      </c>
      <c r="MB12" s="119">
        <v>686111</v>
      </c>
      <c r="MC12" s="120">
        <v>970986</v>
      </c>
      <c r="MD12" s="121">
        <v>970986</v>
      </c>
      <c r="ME12" s="142">
        <v>0</v>
      </c>
      <c r="MF12" s="119">
        <v>0</v>
      </c>
      <c r="MG12" s="120">
        <v>0</v>
      </c>
      <c r="MH12" s="145"/>
      <c r="MI12" s="119">
        <v>688821</v>
      </c>
      <c r="MJ12" s="119">
        <v>2068685</v>
      </c>
      <c r="MK12" s="119">
        <v>9586263</v>
      </c>
      <c r="ML12" s="119">
        <v>18644302</v>
      </c>
      <c r="MM12" s="119">
        <v>9946208</v>
      </c>
      <c r="MN12" s="120">
        <v>40934279</v>
      </c>
      <c r="MO12" s="143">
        <v>40934279</v>
      </c>
      <c r="MP12" s="142">
        <v>0</v>
      </c>
      <c r="MQ12" s="119">
        <v>0</v>
      </c>
      <c r="MR12" s="120">
        <v>0</v>
      </c>
      <c r="MS12" s="145"/>
      <c r="MT12" s="119">
        <v>213776</v>
      </c>
      <c r="MU12" s="119">
        <v>0</v>
      </c>
      <c r="MV12" s="119">
        <v>6278226</v>
      </c>
      <c r="MW12" s="119">
        <v>12442692</v>
      </c>
      <c r="MX12" s="119">
        <v>6929048</v>
      </c>
      <c r="MY12" s="120">
        <v>25863742</v>
      </c>
      <c r="MZ12" s="143">
        <v>25863742</v>
      </c>
      <c r="NA12" s="142">
        <v>0</v>
      </c>
      <c r="NB12" s="119">
        <v>0</v>
      </c>
      <c r="NC12" s="120">
        <v>0</v>
      </c>
      <c r="ND12" s="145"/>
      <c r="NE12" s="119">
        <v>475045</v>
      </c>
      <c r="NF12" s="119">
        <v>2068685</v>
      </c>
      <c r="NG12" s="119">
        <v>3308037</v>
      </c>
      <c r="NH12" s="119">
        <v>5266943</v>
      </c>
      <c r="NI12" s="119">
        <v>1661301</v>
      </c>
      <c r="NJ12" s="120">
        <v>12780011</v>
      </c>
      <c r="NK12" s="321">
        <v>12780011</v>
      </c>
      <c r="NL12" s="142">
        <v>0</v>
      </c>
      <c r="NM12" s="119">
        <v>0</v>
      </c>
      <c r="NN12" s="120">
        <v>0</v>
      </c>
      <c r="NO12" s="145"/>
      <c r="NP12" s="119">
        <v>0</v>
      </c>
      <c r="NQ12" s="119">
        <v>0</v>
      </c>
      <c r="NR12" s="119">
        <v>0</v>
      </c>
      <c r="NS12" s="119">
        <v>591978</v>
      </c>
      <c r="NT12" s="119">
        <v>602238</v>
      </c>
      <c r="NU12" s="120">
        <v>1194216</v>
      </c>
      <c r="NV12" s="121">
        <v>1194216</v>
      </c>
      <c r="NW12" s="142">
        <v>0</v>
      </c>
      <c r="NX12" s="119">
        <v>0</v>
      </c>
      <c r="NY12" s="120">
        <v>0</v>
      </c>
      <c r="NZ12" s="145"/>
      <c r="OA12" s="119">
        <v>0</v>
      </c>
      <c r="OB12" s="119">
        <v>0</v>
      </c>
      <c r="OC12" s="119">
        <v>0</v>
      </c>
      <c r="OD12" s="119">
        <v>342689</v>
      </c>
      <c r="OE12" s="119">
        <v>753621</v>
      </c>
      <c r="OF12" s="120">
        <v>1096310</v>
      </c>
      <c r="OG12" s="121">
        <v>1096310</v>
      </c>
      <c r="OH12" s="142">
        <v>2080367</v>
      </c>
      <c r="OI12" s="119">
        <v>3124672</v>
      </c>
      <c r="OJ12" s="141">
        <v>5205039</v>
      </c>
      <c r="OK12" s="118">
        <v>0</v>
      </c>
      <c r="OL12" s="119">
        <v>26049140</v>
      </c>
      <c r="OM12" s="119">
        <v>33345806</v>
      </c>
      <c r="ON12" s="119">
        <v>43385806</v>
      </c>
      <c r="OO12" s="119">
        <v>41843966</v>
      </c>
      <c r="OP12" s="119">
        <v>25338879</v>
      </c>
      <c r="OQ12" s="120">
        <v>169963597</v>
      </c>
      <c r="OR12" s="143">
        <v>175168636</v>
      </c>
    </row>
    <row r="13" spans="1:408" ht="20.25" customHeight="1" x14ac:dyDescent="0.2">
      <c r="A13" s="126" t="s">
        <v>7</v>
      </c>
      <c r="B13" s="110">
        <v>1068089</v>
      </c>
      <c r="C13" s="114">
        <v>723346</v>
      </c>
      <c r="D13" s="113">
        <v>1791435</v>
      </c>
      <c r="E13" s="109">
        <v>0</v>
      </c>
      <c r="F13" s="114">
        <v>24732617</v>
      </c>
      <c r="G13" s="114">
        <v>22658249</v>
      </c>
      <c r="H13" s="114">
        <v>23341824</v>
      </c>
      <c r="I13" s="114">
        <v>19360009</v>
      </c>
      <c r="J13" s="114">
        <v>9584595</v>
      </c>
      <c r="K13" s="109">
        <v>99677294</v>
      </c>
      <c r="L13" s="116">
        <v>101468729</v>
      </c>
      <c r="M13" s="110">
        <v>325752</v>
      </c>
      <c r="N13" s="114">
        <v>200412</v>
      </c>
      <c r="O13" s="113">
        <v>526164</v>
      </c>
      <c r="P13" s="110">
        <v>0</v>
      </c>
      <c r="Q13" s="114">
        <v>7354393</v>
      </c>
      <c r="R13" s="114">
        <v>6865211</v>
      </c>
      <c r="S13" s="114">
        <v>8533721</v>
      </c>
      <c r="T13" s="114">
        <v>8165429</v>
      </c>
      <c r="U13" s="114">
        <v>4886928</v>
      </c>
      <c r="V13" s="113">
        <v>35805682</v>
      </c>
      <c r="W13" s="116">
        <v>36331846</v>
      </c>
      <c r="X13" s="110">
        <v>0</v>
      </c>
      <c r="Y13" s="114">
        <v>0</v>
      </c>
      <c r="Z13" s="113">
        <v>0</v>
      </c>
      <c r="AA13" s="110">
        <v>0</v>
      </c>
      <c r="AB13" s="114">
        <v>3628737</v>
      </c>
      <c r="AC13" s="114">
        <v>3465228</v>
      </c>
      <c r="AD13" s="114">
        <v>4872702</v>
      </c>
      <c r="AE13" s="114">
        <v>5035952</v>
      </c>
      <c r="AF13" s="114">
        <v>2574060</v>
      </c>
      <c r="AG13" s="113">
        <v>19576679</v>
      </c>
      <c r="AH13" s="116">
        <v>19576679</v>
      </c>
      <c r="AI13" s="110">
        <v>0</v>
      </c>
      <c r="AJ13" s="114">
        <v>0</v>
      </c>
      <c r="AK13" s="113">
        <v>0</v>
      </c>
      <c r="AL13" s="110">
        <v>0</v>
      </c>
      <c r="AM13" s="114">
        <v>92584</v>
      </c>
      <c r="AN13" s="114">
        <v>94612</v>
      </c>
      <c r="AO13" s="114">
        <v>577173</v>
      </c>
      <c r="AP13" s="114">
        <v>690330</v>
      </c>
      <c r="AQ13" s="114">
        <v>907315</v>
      </c>
      <c r="AR13" s="113">
        <v>2362014</v>
      </c>
      <c r="AS13" s="116">
        <v>2362014</v>
      </c>
      <c r="AT13" s="110">
        <v>128576</v>
      </c>
      <c r="AU13" s="114">
        <v>131436</v>
      </c>
      <c r="AV13" s="113">
        <v>260012</v>
      </c>
      <c r="AW13" s="110">
        <v>0</v>
      </c>
      <c r="AX13" s="114">
        <v>1886256</v>
      </c>
      <c r="AY13" s="114">
        <v>2091411</v>
      </c>
      <c r="AZ13" s="114">
        <v>1771322</v>
      </c>
      <c r="BA13" s="114">
        <v>1309990</v>
      </c>
      <c r="BB13" s="114">
        <v>893489</v>
      </c>
      <c r="BC13" s="113">
        <v>7952468</v>
      </c>
      <c r="BD13" s="116">
        <v>8212480</v>
      </c>
      <c r="BE13" s="110">
        <v>0</v>
      </c>
      <c r="BF13" s="114">
        <v>0</v>
      </c>
      <c r="BG13" s="112">
        <v>0</v>
      </c>
      <c r="BH13" s="111">
        <v>0</v>
      </c>
      <c r="BI13" s="114">
        <v>42840</v>
      </c>
      <c r="BJ13" s="114">
        <v>23504</v>
      </c>
      <c r="BK13" s="114">
        <v>52428</v>
      </c>
      <c r="BL13" s="114">
        <v>21133</v>
      </c>
      <c r="BM13" s="114">
        <v>0</v>
      </c>
      <c r="BN13" s="113">
        <v>139905</v>
      </c>
      <c r="BO13" s="116">
        <v>139905</v>
      </c>
      <c r="BP13" s="110">
        <v>197176</v>
      </c>
      <c r="BQ13" s="114">
        <v>68976</v>
      </c>
      <c r="BR13" s="113">
        <v>266152</v>
      </c>
      <c r="BS13" s="110">
        <v>0</v>
      </c>
      <c r="BT13" s="114">
        <v>1703976</v>
      </c>
      <c r="BU13" s="114">
        <v>1190456</v>
      </c>
      <c r="BV13" s="114">
        <v>1260096</v>
      </c>
      <c r="BW13" s="114">
        <v>1108024</v>
      </c>
      <c r="BX13" s="114">
        <v>512064</v>
      </c>
      <c r="BY13" s="113">
        <v>5774616</v>
      </c>
      <c r="BZ13" s="116">
        <v>6040768</v>
      </c>
      <c r="CA13" s="110">
        <v>96154</v>
      </c>
      <c r="CB13" s="114">
        <v>38975</v>
      </c>
      <c r="CC13" s="113">
        <v>135129</v>
      </c>
      <c r="CD13" s="110">
        <v>0</v>
      </c>
      <c r="CE13" s="114">
        <v>6721436</v>
      </c>
      <c r="CF13" s="114">
        <v>6461087</v>
      </c>
      <c r="CG13" s="114">
        <v>4856522</v>
      </c>
      <c r="CH13" s="114">
        <v>2070694</v>
      </c>
      <c r="CI13" s="114">
        <v>600646</v>
      </c>
      <c r="CJ13" s="113">
        <v>20710385</v>
      </c>
      <c r="CK13" s="116">
        <v>20845514</v>
      </c>
      <c r="CL13" s="110">
        <v>0</v>
      </c>
      <c r="CM13" s="114">
        <v>0</v>
      </c>
      <c r="CN13" s="113">
        <v>0</v>
      </c>
      <c r="CO13" s="111">
        <v>0</v>
      </c>
      <c r="CP13" s="114">
        <v>5518730</v>
      </c>
      <c r="CQ13" s="114">
        <v>5340254</v>
      </c>
      <c r="CR13" s="114">
        <v>3931478</v>
      </c>
      <c r="CS13" s="114">
        <v>1545096</v>
      </c>
      <c r="CT13" s="114">
        <v>549306</v>
      </c>
      <c r="CU13" s="113">
        <v>16884864</v>
      </c>
      <c r="CV13" s="116">
        <v>16884864</v>
      </c>
      <c r="CW13" s="110">
        <v>96154</v>
      </c>
      <c r="CX13" s="114">
        <v>38975</v>
      </c>
      <c r="CY13" s="113">
        <v>135129</v>
      </c>
      <c r="CZ13" s="110">
        <v>0</v>
      </c>
      <c r="DA13" s="114">
        <v>1202706</v>
      </c>
      <c r="DB13" s="114">
        <v>1120833</v>
      </c>
      <c r="DC13" s="114">
        <v>925044</v>
      </c>
      <c r="DD13" s="114">
        <v>525598</v>
      </c>
      <c r="DE13" s="114">
        <v>51340</v>
      </c>
      <c r="DF13" s="113">
        <v>3825521</v>
      </c>
      <c r="DG13" s="116">
        <v>3960650</v>
      </c>
      <c r="DH13" s="110">
        <v>0</v>
      </c>
      <c r="DI13" s="114">
        <v>0</v>
      </c>
      <c r="DJ13" s="112">
        <v>0</v>
      </c>
      <c r="DK13" s="111">
        <v>0</v>
      </c>
      <c r="DL13" s="114">
        <v>927350</v>
      </c>
      <c r="DM13" s="114">
        <v>1397219</v>
      </c>
      <c r="DN13" s="114">
        <v>1677920</v>
      </c>
      <c r="DO13" s="114">
        <v>1390213</v>
      </c>
      <c r="DP13" s="114">
        <v>689878</v>
      </c>
      <c r="DQ13" s="113">
        <v>6082580</v>
      </c>
      <c r="DR13" s="116">
        <v>6082580</v>
      </c>
      <c r="DS13" s="110">
        <v>0</v>
      </c>
      <c r="DT13" s="114">
        <v>0</v>
      </c>
      <c r="DU13" s="113">
        <v>0</v>
      </c>
      <c r="DV13" s="110">
        <v>0</v>
      </c>
      <c r="DW13" s="114">
        <v>927350</v>
      </c>
      <c r="DX13" s="114">
        <v>1397219</v>
      </c>
      <c r="DY13" s="114">
        <v>1677920</v>
      </c>
      <c r="DZ13" s="114">
        <v>1315148</v>
      </c>
      <c r="EA13" s="114">
        <v>689878</v>
      </c>
      <c r="EB13" s="113">
        <v>6007515</v>
      </c>
      <c r="EC13" s="116">
        <v>6007515</v>
      </c>
      <c r="ED13" s="110">
        <v>0</v>
      </c>
      <c r="EE13" s="112">
        <v>0</v>
      </c>
      <c r="EF13" s="113">
        <v>0</v>
      </c>
      <c r="EG13" s="110">
        <v>0</v>
      </c>
      <c r="EH13" s="114">
        <v>0</v>
      </c>
      <c r="EI13" s="114">
        <v>0</v>
      </c>
      <c r="EJ13" s="114">
        <v>0</v>
      </c>
      <c r="EK13" s="114">
        <v>75065</v>
      </c>
      <c r="EL13" s="114">
        <v>0</v>
      </c>
      <c r="EM13" s="112">
        <v>75065</v>
      </c>
      <c r="EN13" s="116">
        <v>75065</v>
      </c>
      <c r="EO13" s="110">
        <v>0</v>
      </c>
      <c r="EP13" s="114">
        <v>0</v>
      </c>
      <c r="EQ13" s="112">
        <v>0</v>
      </c>
      <c r="ER13" s="111">
        <v>0</v>
      </c>
      <c r="ES13" s="114">
        <v>0</v>
      </c>
      <c r="ET13" s="114">
        <v>0</v>
      </c>
      <c r="EU13" s="114">
        <v>0</v>
      </c>
      <c r="EV13" s="114">
        <v>0</v>
      </c>
      <c r="EW13" s="114">
        <v>0</v>
      </c>
      <c r="EX13" s="113">
        <v>0</v>
      </c>
      <c r="EY13" s="116">
        <v>0</v>
      </c>
      <c r="EZ13" s="110">
        <v>0</v>
      </c>
      <c r="FA13" s="114">
        <v>0</v>
      </c>
      <c r="FB13" s="112">
        <v>0</v>
      </c>
      <c r="FC13" s="348"/>
      <c r="FD13" s="114">
        <v>0</v>
      </c>
      <c r="FE13" s="114">
        <v>0</v>
      </c>
      <c r="FF13" s="114">
        <v>0</v>
      </c>
      <c r="FG13" s="114">
        <v>0</v>
      </c>
      <c r="FH13" s="114">
        <v>0</v>
      </c>
      <c r="FI13" s="113">
        <v>0</v>
      </c>
      <c r="FJ13" s="116">
        <v>0</v>
      </c>
      <c r="FK13" s="110">
        <v>282912</v>
      </c>
      <c r="FL13" s="114">
        <v>129424</v>
      </c>
      <c r="FM13" s="113">
        <v>412336</v>
      </c>
      <c r="FN13" s="110">
        <v>0</v>
      </c>
      <c r="FO13" s="114">
        <v>1380600</v>
      </c>
      <c r="FP13" s="114">
        <v>2236219</v>
      </c>
      <c r="FQ13" s="114">
        <v>1464064</v>
      </c>
      <c r="FR13" s="114">
        <v>1579208</v>
      </c>
      <c r="FS13" s="114">
        <v>722760</v>
      </c>
      <c r="FT13" s="113">
        <v>7382851</v>
      </c>
      <c r="FU13" s="116">
        <v>7795187</v>
      </c>
      <c r="FV13" s="115">
        <v>46912</v>
      </c>
      <c r="FW13" s="114">
        <v>119744</v>
      </c>
      <c r="FX13" s="112">
        <v>166656</v>
      </c>
      <c r="FY13" s="111">
        <v>0</v>
      </c>
      <c r="FZ13" s="114">
        <v>716968</v>
      </c>
      <c r="GA13" s="114">
        <v>2106152</v>
      </c>
      <c r="GB13" s="114">
        <v>1408256</v>
      </c>
      <c r="GC13" s="114">
        <v>1541544</v>
      </c>
      <c r="GD13" s="114">
        <v>722760</v>
      </c>
      <c r="GE13" s="113">
        <v>6495680</v>
      </c>
      <c r="GF13" s="319">
        <v>6662336</v>
      </c>
      <c r="GG13" s="115">
        <v>0</v>
      </c>
      <c r="GH13" s="114">
        <v>9680</v>
      </c>
      <c r="GI13" s="112">
        <v>9680</v>
      </c>
      <c r="GJ13" s="111">
        <v>0</v>
      </c>
      <c r="GK13" s="114">
        <v>84832</v>
      </c>
      <c r="GL13" s="114">
        <v>106067</v>
      </c>
      <c r="GM13" s="114">
        <v>19008</v>
      </c>
      <c r="GN13" s="114">
        <v>37664</v>
      </c>
      <c r="GO13" s="114">
        <v>0</v>
      </c>
      <c r="GP13" s="113">
        <v>247571</v>
      </c>
      <c r="GQ13" s="116">
        <v>257251</v>
      </c>
      <c r="GR13" s="110">
        <v>236000</v>
      </c>
      <c r="GS13" s="114">
        <v>0</v>
      </c>
      <c r="GT13" s="113">
        <v>236000</v>
      </c>
      <c r="GU13" s="110">
        <v>0</v>
      </c>
      <c r="GV13" s="114">
        <v>578800</v>
      </c>
      <c r="GW13" s="114">
        <v>24000</v>
      </c>
      <c r="GX13" s="114">
        <v>36800</v>
      </c>
      <c r="GY13" s="114">
        <v>0</v>
      </c>
      <c r="GZ13" s="114">
        <v>0</v>
      </c>
      <c r="HA13" s="112">
        <v>639600</v>
      </c>
      <c r="HB13" s="116">
        <v>875600</v>
      </c>
      <c r="HC13" s="110">
        <v>363271</v>
      </c>
      <c r="HD13" s="114">
        <v>354535</v>
      </c>
      <c r="HE13" s="112">
        <v>717806</v>
      </c>
      <c r="HF13" s="111">
        <v>0</v>
      </c>
      <c r="HG13" s="114">
        <v>8348838</v>
      </c>
      <c r="HH13" s="114">
        <v>5698513</v>
      </c>
      <c r="HI13" s="114">
        <v>6809597</v>
      </c>
      <c r="HJ13" s="114">
        <v>6154465</v>
      </c>
      <c r="HK13" s="114">
        <v>2684383</v>
      </c>
      <c r="HL13" s="113">
        <v>29695796</v>
      </c>
      <c r="HM13" s="109">
        <v>30413602</v>
      </c>
      <c r="HN13" s="329"/>
      <c r="HO13" s="330"/>
      <c r="HP13" s="331"/>
      <c r="HQ13" s="332"/>
      <c r="HR13" s="330"/>
      <c r="HS13" s="330"/>
      <c r="HT13" s="330"/>
      <c r="HU13" s="330"/>
      <c r="HV13" s="330"/>
      <c r="HW13" s="333"/>
      <c r="HX13" s="334"/>
      <c r="HY13" s="131">
        <v>42106</v>
      </c>
      <c r="HZ13" s="132">
        <v>64624</v>
      </c>
      <c r="IA13" s="133">
        <v>106730</v>
      </c>
      <c r="IB13" s="146">
        <v>0</v>
      </c>
      <c r="IC13" s="132">
        <v>7769897</v>
      </c>
      <c r="ID13" s="147">
        <v>3876770</v>
      </c>
      <c r="IE13" s="133">
        <v>5104657</v>
      </c>
      <c r="IF13" s="132">
        <v>3770606</v>
      </c>
      <c r="IG13" s="133">
        <v>1550217</v>
      </c>
      <c r="IH13" s="148">
        <v>22072147</v>
      </c>
      <c r="II13" s="139">
        <v>22178877</v>
      </c>
      <c r="IJ13" s="232">
        <v>0</v>
      </c>
      <c r="IK13" s="236">
        <v>0</v>
      </c>
      <c r="IL13" s="237">
        <v>0</v>
      </c>
      <c r="IM13" s="140"/>
      <c r="IN13" s="119">
        <v>0</v>
      </c>
      <c r="IO13" s="119">
        <v>0</v>
      </c>
      <c r="IP13" s="119">
        <v>0</v>
      </c>
      <c r="IQ13" s="119">
        <v>0</v>
      </c>
      <c r="IR13" s="119">
        <v>198814</v>
      </c>
      <c r="IS13" s="141">
        <v>198814</v>
      </c>
      <c r="IT13" s="321">
        <v>198814</v>
      </c>
      <c r="IU13" s="142">
        <v>0</v>
      </c>
      <c r="IV13" s="119">
        <v>0</v>
      </c>
      <c r="IW13" s="120">
        <v>0</v>
      </c>
      <c r="IX13" s="144"/>
      <c r="IY13" s="119">
        <v>0</v>
      </c>
      <c r="IZ13" s="119">
        <v>0</v>
      </c>
      <c r="JA13" s="119">
        <v>0</v>
      </c>
      <c r="JB13" s="119">
        <v>0</v>
      </c>
      <c r="JC13" s="119">
        <v>0</v>
      </c>
      <c r="JD13" s="120">
        <v>0</v>
      </c>
      <c r="JE13" s="121">
        <v>0</v>
      </c>
      <c r="JF13" s="142">
        <v>0</v>
      </c>
      <c r="JG13" s="119">
        <v>0</v>
      </c>
      <c r="JH13" s="141">
        <v>0</v>
      </c>
      <c r="JI13" s="118">
        <v>0</v>
      </c>
      <c r="JJ13" s="119">
        <v>3656754</v>
      </c>
      <c r="JK13" s="119">
        <v>1800413</v>
      </c>
      <c r="JL13" s="119">
        <v>949108</v>
      </c>
      <c r="JM13" s="119">
        <v>589305</v>
      </c>
      <c r="JN13" s="119">
        <v>322568</v>
      </c>
      <c r="JO13" s="120">
        <v>7318148</v>
      </c>
      <c r="JP13" s="321">
        <v>7318148</v>
      </c>
      <c r="JQ13" s="142">
        <v>0</v>
      </c>
      <c r="JR13" s="119">
        <v>0</v>
      </c>
      <c r="JS13" s="141">
        <v>0</v>
      </c>
      <c r="JT13" s="118">
        <v>0</v>
      </c>
      <c r="JU13" s="119">
        <v>791612</v>
      </c>
      <c r="JV13" s="119">
        <v>860567</v>
      </c>
      <c r="JW13" s="119">
        <v>436565</v>
      </c>
      <c r="JX13" s="119">
        <v>389046</v>
      </c>
      <c r="JY13" s="119">
        <v>184168</v>
      </c>
      <c r="JZ13" s="120">
        <v>2661958</v>
      </c>
      <c r="KA13" s="321">
        <v>2661958</v>
      </c>
      <c r="KB13" s="234">
        <v>42106</v>
      </c>
      <c r="KC13" s="230">
        <v>64624</v>
      </c>
      <c r="KD13" s="120">
        <v>106730</v>
      </c>
      <c r="KE13" s="118">
        <v>0</v>
      </c>
      <c r="KF13" s="119">
        <v>432681</v>
      </c>
      <c r="KG13" s="119">
        <v>457513</v>
      </c>
      <c r="KH13" s="119">
        <v>0</v>
      </c>
      <c r="KI13" s="119">
        <v>126623</v>
      </c>
      <c r="KJ13" s="119">
        <v>0</v>
      </c>
      <c r="KK13" s="120">
        <v>1016817</v>
      </c>
      <c r="KL13" s="143">
        <v>1123547</v>
      </c>
      <c r="KM13" s="232">
        <v>0</v>
      </c>
      <c r="KN13" s="236">
        <v>0</v>
      </c>
      <c r="KO13" s="237">
        <v>0</v>
      </c>
      <c r="KP13" s="140"/>
      <c r="KQ13" s="119">
        <v>2756731</v>
      </c>
      <c r="KR13" s="119">
        <v>693643</v>
      </c>
      <c r="KS13" s="119">
        <v>3718984</v>
      </c>
      <c r="KT13" s="119">
        <v>1944824</v>
      </c>
      <c r="KU13" s="119">
        <v>497159</v>
      </c>
      <c r="KV13" s="120">
        <v>9611341</v>
      </c>
      <c r="KW13" s="321">
        <v>9611341</v>
      </c>
      <c r="KX13" s="142">
        <v>0</v>
      </c>
      <c r="KY13" s="119">
        <v>0</v>
      </c>
      <c r="KZ13" s="120">
        <v>0</v>
      </c>
      <c r="LA13" s="145"/>
      <c r="LB13" s="119">
        <v>0</v>
      </c>
      <c r="LC13" s="119">
        <v>0</v>
      </c>
      <c r="LD13" s="119">
        <v>0</v>
      </c>
      <c r="LE13" s="119">
        <v>0</v>
      </c>
      <c r="LF13" s="119">
        <v>0</v>
      </c>
      <c r="LG13" s="120">
        <v>0</v>
      </c>
      <c r="LH13" s="121">
        <v>0</v>
      </c>
      <c r="LI13" s="142">
        <v>0</v>
      </c>
      <c r="LJ13" s="119">
        <v>0</v>
      </c>
      <c r="LK13" s="120">
        <v>0</v>
      </c>
      <c r="LL13" s="145"/>
      <c r="LM13" s="119">
        <v>0</v>
      </c>
      <c r="LN13" s="119">
        <v>0</v>
      </c>
      <c r="LO13" s="119">
        <v>0</v>
      </c>
      <c r="LP13" s="119">
        <v>0</v>
      </c>
      <c r="LQ13" s="119">
        <v>0</v>
      </c>
      <c r="LR13" s="120">
        <v>0</v>
      </c>
      <c r="LS13" s="321">
        <v>0</v>
      </c>
      <c r="LT13" s="142">
        <v>0</v>
      </c>
      <c r="LU13" s="119">
        <v>0</v>
      </c>
      <c r="LV13" s="120">
        <v>0</v>
      </c>
      <c r="LW13" s="145"/>
      <c r="LX13" s="119">
        <v>132119</v>
      </c>
      <c r="LY13" s="119">
        <v>64634</v>
      </c>
      <c r="LZ13" s="119">
        <v>0</v>
      </c>
      <c r="MA13" s="119">
        <v>720808</v>
      </c>
      <c r="MB13" s="119">
        <v>347508</v>
      </c>
      <c r="MC13" s="120">
        <v>1265069</v>
      </c>
      <c r="MD13" s="121">
        <v>1265069</v>
      </c>
      <c r="ME13" s="142">
        <v>0</v>
      </c>
      <c r="MF13" s="119">
        <v>0</v>
      </c>
      <c r="MG13" s="120">
        <v>0</v>
      </c>
      <c r="MH13" s="145"/>
      <c r="MI13" s="119">
        <v>3138834</v>
      </c>
      <c r="MJ13" s="119">
        <v>4655432</v>
      </c>
      <c r="MK13" s="119">
        <v>10715357</v>
      </c>
      <c r="ML13" s="119">
        <v>20186079</v>
      </c>
      <c r="MM13" s="119">
        <v>9120203</v>
      </c>
      <c r="MN13" s="120">
        <v>47815905</v>
      </c>
      <c r="MO13" s="143">
        <v>47815905</v>
      </c>
      <c r="MP13" s="142">
        <v>0</v>
      </c>
      <c r="MQ13" s="119">
        <v>0</v>
      </c>
      <c r="MR13" s="120">
        <v>0</v>
      </c>
      <c r="MS13" s="145"/>
      <c r="MT13" s="119">
        <v>0</v>
      </c>
      <c r="MU13" s="119">
        <v>1123282</v>
      </c>
      <c r="MV13" s="119">
        <v>5788060</v>
      </c>
      <c r="MW13" s="119">
        <v>13724480</v>
      </c>
      <c r="MX13" s="119">
        <v>6782026</v>
      </c>
      <c r="MY13" s="120">
        <v>27417848</v>
      </c>
      <c r="MZ13" s="143">
        <v>27417848</v>
      </c>
      <c r="NA13" s="142">
        <v>0</v>
      </c>
      <c r="NB13" s="119">
        <v>0</v>
      </c>
      <c r="NC13" s="120">
        <v>0</v>
      </c>
      <c r="ND13" s="145"/>
      <c r="NE13" s="119">
        <v>3138834</v>
      </c>
      <c r="NF13" s="119">
        <v>3532150</v>
      </c>
      <c r="NG13" s="119">
        <v>4927297</v>
      </c>
      <c r="NH13" s="119">
        <v>6461599</v>
      </c>
      <c r="NI13" s="119">
        <v>2338177</v>
      </c>
      <c r="NJ13" s="120">
        <v>20398057</v>
      </c>
      <c r="NK13" s="321">
        <v>20398057</v>
      </c>
      <c r="NL13" s="142">
        <v>0</v>
      </c>
      <c r="NM13" s="119">
        <v>0</v>
      </c>
      <c r="NN13" s="120">
        <v>0</v>
      </c>
      <c r="NO13" s="145"/>
      <c r="NP13" s="119">
        <v>0</v>
      </c>
      <c r="NQ13" s="119">
        <v>0</v>
      </c>
      <c r="NR13" s="119">
        <v>0</v>
      </c>
      <c r="NS13" s="119">
        <v>0</v>
      </c>
      <c r="NT13" s="119">
        <v>0</v>
      </c>
      <c r="NU13" s="120">
        <v>0</v>
      </c>
      <c r="NV13" s="121">
        <v>0</v>
      </c>
      <c r="NW13" s="142">
        <v>0</v>
      </c>
      <c r="NX13" s="119">
        <v>0</v>
      </c>
      <c r="NY13" s="120">
        <v>0</v>
      </c>
      <c r="NZ13" s="145"/>
      <c r="OA13" s="119">
        <v>0</v>
      </c>
      <c r="OB13" s="119">
        <v>0</v>
      </c>
      <c r="OC13" s="119">
        <v>0</v>
      </c>
      <c r="OD13" s="119">
        <v>0</v>
      </c>
      <c r="OE13" s="119">
        <v>0</v>
      </c>
      <c r="OF13" s="120">
        <v>0</v>
      </c>
      <c r="OG13" s="121">
        <v>0</v>
      </c>
      <c r="OH13" s="142">
        <v>1110195</v>
      </c>
      <c r="OI13" s="119">
        <v>787970</v>
      </c>
      <c r="OJ13" s="141">
        <v>1898165</v>
      </c>
      <c r="OK13" s="118">
        <v>0</v>
      </c>
      <c r="OL13" s="119">
        <v>35641348</v>
      </c>
      <c r="OM13" s="119">
        <v>31190451</v>
      </c>
      <c r="ON13" s="119">
        <v>39161838</v>
      </c>
      <c r="OO13" s="119">
        <v>43316694</v>
      </c>
      <c r="OP13" s="119">
        <v>20255015</v>
      </c>
      <c r="OQ13" s="120">
        <v>169565346</v>
      </c>
      <c r="OR13" s="143">
        <v>171463511</v>
      </c>
    </row>
    <row r="14" spans="1:408" ht="20.25" customHeight="1" x14ac:dyDescent="0.2">
      <c r="A14" s="126" t="s">
        <v>8</v>
      </c>
      <c r="B14" s="110">
        <v>720005</v>
      </c>
      <c r="C14" s="114">
        <v>976385</v>
      </c>
      <c r="D14" s="113">
        <v>1696390</v>
      </c>
      <c r="E14" s="109">
        <v>0</v>
      </c>
      <c r="F14" s="114">
        <v>7015032</v>
      </c>
      <c r="G14" s="114">
        <v>8385575</v>
      </c>
      <c r="H14" s="114">
        <v>10209786</v>
      </c>
      <c r="I14" s="114">
        <v>5813267</v>
      </c>
      <c r="J14" s="114">
        <v>4351539</v>
      </c>
      <c r="K14" s="109">
        <v>35775199</v>
      </c>
      <c r="L14" s="116">
        <v>37471589</v>
      </c>
      <c r="M14" s="110">
        <v>179653</v>
      </c>
      <c r="N14" s="114">
        <v>303572</v>
      </c>
      <c r="O14" s="113">
        <v>483225</v>
      </c>
      <c r="P14" s="110">
        <v>0</v>
      </c>
      <c r="Q14" s="114">
        <v>2398984</v>
      </c>
      <c r="R14" s="114">
        <v>2709524</v>
      </c>
      <c r="S14" s="114">
        <v>3509318</v>
      </c>
      <c r="T14" s="114">
        <v>1988305</v>
      </c>
      <c r="U14" s="114">
        <v>2167249</v>
      </c>
      <c r="V14" s="113">
        <v>12773380</v>
      </c>
      <c r="W14" s="116">
        <v>13256605</v>
      </c>
      <c r="X14" s="110">
        <v>0</v>
      </c>
      <c r="Y14" s="114">
        <v>0</v>
      </c>
      <c r="Z14" s="113">
        <v>0</v>
      </c>
      <c r="AA14" s="110">
        <v>0</v>
      </c>
      <c r="AB14" s="114">
        <v>1108081</v>
      </c>
      <c r="AC14" s="114">
        <v>1593226</v>
      </c>
      <c r="AD14" s="114">
        <v>1786725</v>
      </c>
      <c r="AE14" s="114">
        <v>659857</v>
      </c>
      <c r="AF14" s="114">
        <v>1320532</v>
      </c>
      <c r="AG14" s="113">
        <v>6468421</v>
      </c>
      <c r="AH14" s="116">
        <v>6468421</v>
      </c>
      <c r="AI14" s="110">
        <v>0</v>
      </c>
      <c r="AJ14" s="114">
        <v>0</v>
      </c>
      <c r="AK14" s="113">
        <v>0</v>
      </c>
      <c r="AL14" s="110">
        <v>0</v>
      </c>
      <c r="AM14" s="114">
        <v>0</v>
      </c>
      <c r="AN14" s="114">
        <v>71492</v>
      </c>
      <c r="AO14" s="114">
        <v>153599</v>
      </c>
      <c r="AP14" s="114">
        <v>301090</v>
      </c>
      <c r="AQ14" s="114">
        <v>281595</v>
      </c>
      <c r="AR14" s="113">
        <v>807776</v>
      </c>
      <c r="AS14" s="116">
        <v>807776</v>
      </c>
      <c r="AT14" s="110">
        <v>39829</v>
      </c>
      <c r="AU14" s="114">
        <v>222904</v>
      </c>
      <c r="AV14" s="113">
        <v>262733</v>
      </c>
      <c r="AW14" s="110">
        <v>0</v>
      </c>
      <c r="AX14" s="114">
        <v>798592</v>
      </c>
      <c r="AY14" s="114">
        <v>622862</v>
      </c>
      <c r="AZ14" s="114">
        <v>934465</v>
      </c>
      <c r="BA14" s="114">
        <v>662072</v>
      </c>
      <c r="BB14" s="114">
        <v>283975</v>
      </c>
      <c r="BC14" s="113">
        <v>3301966</v>
      </c>
      <c r="BD14" s="116">
        <v>3564699</v>
      </c>
      <c r="BE14" s="110">
        <v>0</v>
      </c>
      <c r="BF14" s="114">
        <v>20796</v>
      </c>
      <c r="BG14" s="112">
        <v>20796</v>
      </c>
      <c r="BH14" s="111">
        <v>0</v>
      </c>
      <c r="BI14" s="114">
        <v>67199</v>
      </c>
      <c r="BJ14" s="114">
        <v>112808</v>
      </c>
      <c r="BK14" s="114">
        <v>247841</v>
      </c>
      <c r="BL14" s="114">
        <v>44942</v>
      </c>
      <c r="BM14" s="114">
        <v>20931</v>
      </c>
      <c r="BN14" s="113">
        <v>493721</v>
      </c>
      <c r="BO14" s="116">
        <v>514517</v>
      </c>
      <c r="BP14" s="110">
        <v>139824</v>
      </c>
      <c r="BQ14" s="114">
        <v>59872</v>
      </c>
      <c r="BR14" s="113">
        <v>199696</v>
      </c>
      <c r="BS14" s="110">
        <v>0</v>
      </c>
      <c r="BT14" s="114">
        <v>425112</v>
      </c>
      <c r="BU14" s="114">
        <v>309136</v>
      </c>
      <c r="BV14" s="114">
        <v>386688</v>
      </c>
      <c r="BW14" s="114">
        <v>320344</v>
      </c>
      <c r="BX14" s="114">
        <v>260216</v>
      </c>
      <c r="BY14" s="113">
        <v>1701496</v>
      </c>
      <c r="BZ14" s="116">
        <v>1901192</v>
      </c>
      <c r="CA14" s="110">
        <v>117993</v>
      </c>
      <c r="CB14" s="114">
        <v>105278</v>
      </c>
      <c r="CC14" s="113">
        <v>223271</v>
      </c>
      <c r="CD14" s="110">
        <v>0</v>
      </c>
      <c r="CE14" s="114">
        <v>2026911</v>
      </c>
      <c r="CF14" s="114">
        <v>3020214</v>
      </c>
      <c r="CG14" s="114">
        <v>2740702</v>
      </c>
      <c r="CH14" s="114">
        <v>1496425</v>
      </c>
      <c r="CI14" s="114">
        <v>343444</v>
      </c>
      <c r="CJ14" s="113">
        <v>9627696</v>
      </c>
      <c r="CK14" s="116">
        <v>9850967</v>
      </c>
      <c r="CL14" s="110">
        <v>0</v>
      </c>
      <c r="CM14" s="114">
        <v>0</v>
      </c>
      <c r="CN14" s="113">
        <v>0</v>
      </c>
      <c r="CO14" s="111">
        <v>0</v>
      </c>
      <c r="CP14" s="114">
        <v>1792274</v>
      </c>
      <c r="CQ14" s="114">
        <v>2569625</v>
      </c>
      <c r="CR14" s="114">
        <v>2109043</v>
      </c>
      <c r="CS14" s="114">
        <v>989220</v>
      </c>
      <c r="CT14" s="114">
        <v>343444</v>
      </c>
      <c r="CU14" s="113">
        <v>7803606</v>
      </c>
      <c r="CV14" s="116">
        <v>7803606</v>
      </c>
      <c r="CW14" s="110">
        <v>117993</v>
      </c>
      <c r="CX14" s="114">
        <v>105278</v>
      </c>
      <c r="CY14" s="113">
        <v>223271</v>
      </c>
      <c r="CZ14" s="110">
        <v>0</v>
      </c>
      <c r="DA14" s="114">
        <v>234637</v>
      </c>
      <c r="DB14" s="114">
        <v>450589</v>
      </c>
      <c r="DC14" s="114">
        <v>631659</v>
      </c>
      <c r="DD14" s="114">
        <v>507205</v>
      </c>
      <c r="DE14" s="114">
        <v>0</v>
      </c>
      <c r="DF14" s="113">
        <v>1824090</v>
      </c>
      <c r="DG14" s="116">
        <v>2047361</v>
      </c>
      <c r="DH14" s="110">
        <v>0</v>
      </c>
      <c r="DI14" s="114">
        <v>47244</v>
      </c>
      <c r="DJ14" s="112">
        <v>47244</v>
      </c>
      <c r="DK14" s="111">
        <v>0</v>
      </c>
      <c r="DL14" s="114">
        <v>232922</v>
      </c>
      <c r="DM14" s="114">
        <v>688690</v>
      </c>
      <c r="DN14" s="114">
        <v>947183</v>
      </c>
      <c r="DO14" s="114">
        <v>184848</v>
      </c>
      <c r="DP14" s="114">
        <v>224755</v>
      </c>
      <c r="DQ14" s="113">
        <v>2278398</v>
      </c>
      <c r="DR14" s="116">
        <v>2325642</v>
      </c>
      <c r="DS14" s="110">
        <v>0</v>
      </c>
      <c r="DT14" s="114">
        <v>47244</v>
      </c>
      <c r="DU14" s="113">
        <v>47244</v>
      </c>
      <c r="DV14" s="110">
        <v>0</v>
      </c>
      <c r="DW14" s="114">
        <v>232922</v>
      </c>
      <c r="DX14" s="114">
        <v>676704</v>
      </c>
      <c r="DY14" s="114">
        <v>831791</v>
      </c>
      <c r="DZ14" s="114">
        <v>139980</v>
      </c>
      <c r="EA14" s="114">
        <v>224755</v>
      </c>
      <c r="EB14" s="113">
        <v>2106152</v>
      </c>
      <c r="EC14" s="116">
        <v>2153396</v>
      </c>
      <c r="ED14" s="110">
        <v>0</v>
      </c>
      <c r="EE14" s="112">
        <v>0</v>
      </c>
      <c r="EF14" s="113">
        <v>0</v>
      </c>
      <c r="EG14" s="110">
        <v>0</v>
      </c>
      <c r="EH14" s="114">
        <v>0</v>
      </c>
      <c r="EI14" s="114">
        <v>11986</v>
      </c>
      <c r="EJ14" s="114">
        <v>115392</v>
      </c>
      <c r="EK14" s="114">
        <v>44868</v>
      </c>
      <c r="EL14" s="114">
        <v>0</v>
      </c>
      <c r="EM14" s="112">
        <v>172246</v>
      </c>
      <c r="EN14" s="116">
        <v>172246</v>
      </c>
      <c r="EO14" s="110">
        <v>0</v>
      </c>
      <c r="EP14" s="114">
        <v>0</v>
      </c>
      <c r="EQ14" s="112">
        <v>0</v>
      </c>
      <c r="ER14" s="111">
        <v>0</v>
      </c>
      <c r="ES14" s="114">
        <v>0</v>
      </c>
      <c r="ET14" s="114">
        <v>0</v>
      </c>
      <c r="EU14" s="114">
        <v>0</v>
      </c>
      <c r="EV14" s="114">
        <v>0</v>
      </c>
      <c r="EW14" s="114">
        <v>0</v>
      </c>
      <c r="EX14" s="113">
        <v>0</v>
      </c>
      <c r="EY14" s="116">
        <v>0</v>
      </c>
      <c r="EZ14" s="110">
        <v>0</v>
      </c>
      <c r="FA14" s="114">
        <v>0</v>
      </c>
      <c r="FB14" s="112">
        <v>0</v>
      </c>
      <c r="FC14" s="348"/>
      <c r="FD14" s="114">
        <v>0</v>
      </c>
      <c r="FE14" s="114">
        <v>0</v>
      </c>
      <c r="FF14" s="114">
        <v>0</v>
      </c>
      <c r="FG14" s="114">
        <v>0</v>
      </c>
      <c r="FH14" s="114">
        <v>0</v>
      </c>
      <c r="FI14" s="113">
        <v>0</v>
      </c>
      <c r="FJ14" s="116">
        <v>0</v>
      </c>
      <c r="FK14" s="110">
        <v>100208</v>
      </c>
      <c r="FL14" s="114">
        <v>77280</v>
      </c>
      <c r="FM14" s="113">
        <v>177488</v>
      </c>
      <c r="FN14" s="110">
        <v>0</v>
      </c>
      <c r="FO14" s="114">
        <v>341872</v>
      </c>
      <c r="FP14" s="114">
        <v>959384</v>
      </c>
      <c r="FQ14" s="114">
        <v>890360</v>
      </c>
      <c r="FR14" s="114">
        <v>702752</v>
      </c>
      <c r="FS14" s="114">
        <v>250592</v>
      </c>
      <c r="FT14" s="113">
        <v>3144960</v>
      </c>
      <c r="FU14" s="116">
        <v>3322448</v>
      </c>
      <c r="FV14" s="115">
        <v>100208</v>
      </c>
      <c r="FW14" s="114">
        <v>77280</v>
      </c>
      <c r="FX14" s="112">
        <v>177488</v>
      </c>
      <c r="FY14" s="111">
        <v>0</v>
      </c>
      <c r="FZ14" s="114">
        <v>325240</v>
      </c>
      <c r="GA14" s="114">
        <v>936488</v>
      </c>
      <c r="GB14" s="114">
        <v>811960</v>
      </c>
      <c r="GC14" s="114">
        <v>655456</v>
      </c>
      <c r="GD14" s="114">
        <v>250592</v>
      </c>
      <c r="GE14" s="113">
        <v>2979736</v>
      </c>
      <c r="GF14" s="319">
        <v>3157224</v>
      </c>
      <c r="GG14" s="115">
        <v>0</v>
      </c>
      <c r="GH14" s="114">
        <v>0</v>
      </c>
      <c r="GI14" s="112">
        <v>0</v>
      </c>
      <c r="GJ14" s="111">
        <v>0</v>
      </c>
      <c r="GK14" s="114">
        <v>16632</v>
      </c>
      <c r="GL14" s="114">
        <v>22896</v>
      </c>
      <c r="GM14" s="114">
        <v>0</v>
      </c>
      <c r="GN14" s="114">
        <v>47296</v>
      </c>
      <c r="GO14" s="114">
        <v>0</v>
      </c>
      <c r="GP14" s="113">
        <v>86824</v>
      </c>
      <c r="GQ14" s="116">
        <v>86824</v>
      </c>
      <c r="GR14" s="110">
        <v>0</v>
      </c>
      <c r="GS14" s="114">
        <v>0</v>
      </c>
      <c r="GT14" s="113">
        <v>0</v>
      </c>
      <c r="GU14" s="110">
        <v>0</v>
      </c>
      <c r="GV14" s="114">
        <v>0</v>
      </c>
      <c r="GW14" s="114">
        <v>0</v>
      </c>
      <c r="GX14" s="114">
        <v>78400</v>
      </c>
      <c r="GY14" s="114">
        <v>0</v>
      </c>
      <c r="GZ14" s="114">
        <v>0</v>
      </c>
      <c r="HA14" s="112">
        <v>78400</v>
      </c>
      <c r="HB14" s="116">
        <v>78400</v>
      </c>
      <c r="HC14" s="110">
        <v>322151</v>
      </c>
      <c r="HD14" s="114">
        <v>443011</v>
      </c>
      <c r="HE14" s="112">
        <v>765162</v>
      </c>
      <c r="HF14" s="111">
        <v>0</v>
      </c>
      <c r="HG14" s="114">
        <v>2014343</v>
      </c>
      <c r="HH14" s="114">
        <v>1007763</v>
      </c>
      <c r="HI14" s="114">
        <v>2122223</v>
      </c>
      <c r="HJ14" s="114">
        <v>1440937</v>
      </c>
      <c r="HK14" s="114">
        <v>1365499</v>
      </c>
      <c r="HL14" s="113">
        <v>7950765</v>
      </c>
      <c r="HM14" s="109">
        <v>8715927</v>
      </c>
      <c r="HN14" s="329"/>
      <c r="HO14" s="330"/>
      <c r="HP14" s="331"/>
      <c r="HQ14" s="332"/>
      <c r="HR14" s="330"/>
      <c r="HS14" s="330"/>
      <c r="HT14" s="330"/>
      <c r="HU14" s="330"/>
      <c r="HV14" s="330"/>
      <c r="HW14" s="333"/>
      <c r="HX14" s="334"/>
      <c r="HY14" s="131">
        <v>45389</v>
      </c>
      <c r="HZ14" s="132">
        <v>0</v>
      </c>
      <c r="IA14" s="133">
        <v>45389</v>
      </c>
      <c r="IB14" s="134">
        <v>0</v>
      </c>
      <c r="IC14" s="135">
        <v>2964102</v>
      </c>
      <c r="ID14" s="136">
        <v>2562415</v>
      </c>
      <c r="IE14" s="137">
        <v>2346388</v>
      </c>
      <c r="IF14" s="135">
        <v>3081557</v>
      </c>
      <c r="IG14" s="137">
        <v>801849</v>
      </c>
      <c r="IH14" s="138">
        <v>11756311</v>
      </c>
      <c r="II14" s="139">
        <v>11801700</v>
      </c>
      <c r="IJ14" s="232">
        <v>0</v>
      </c>
      <c r="IK14" s="236">
        <v>0</v>
      </c>
      <c r="IL14" s="237">
        <v>0</v>
      </c>
      <c r="IM14" s="140"/>
      <c r="IN14" s="119">
        <v>0</v>
      </c>
      <c r="IO14" s="119">
        <v>0</v>
      </c>
      <c r="IP14" s="119">
        <v>0</v>
      </c>
      <c r="IQ14" s="119">
        <v>322659</v>
      </c>
      <c r="IR14" s="119">
        <v>0</v>
      </c>
      <c r="IS14" s="141">
        <v>322659</v>
      </c>
      <c r="IT14" s="321">
        <v>322659</v>
      </c>
      <c r="IU14" s="142">
        <v>0</v>
      </c>
      <c r="IV14" s="119">
        <v>0</v>
      </c>
      <c r="IW14" s="120">
        <v>0</v>
      </c>
      <c r="IX14" s="144"/>
      <c r="IY14" s="119">
        <v>0</v>
      </c>
      <c r="IZ14" s="119">
        <v>0</v>
      </c>
      <c r="JA14" s="119">
        <v>0</v>
      </c>
      <c r="JB14" s="119">
        <v>0</v>
      </c>
      <c r="JC14" s="119">
        <v>22657</v>
      </c>
      <c r="JD14" s="120">
        <v>22657</v>
      </c>
      <c r="JE14" s="121">
        <v>22657</v>
      </c>
      <c r="JF14" s="142">
        <v>0</v>
      </c>
      <c r="JG14" s="119">
        <v>0</v>
      </c>
      <c r="JH14" s="141">
        <v>0</v>
      </c>
      <c r="JI14" s="118">
        <v>0</v>
      </c>
      <c r="JJ14" s="119">
        <v>1215714</v>
      </c>
      <c r="JK14" s="119">
        <v>1436230</v>
      </c>
      <c r="JL14" s="119">
        <v>662622</v>
      </c>
      <c r="JM14" s="119">
        <v>531832</v>
      </c>
      <c r="JN14" s="119">
        <v>73384</v>
      </c>
      <c r="JO14" s="120">
        <v>3919782</v>
      </c>
      <c r="JP14" s="321">
        <v>3919782</v>
      </c>
      <c r="JQ14" s="142">
        <v>0</v>
      </c>
      <c r="JR14" s="119">
        <v>0</v>
      </c>
      <c r="JS14" s="141">
        <v>0</v>
      </c>
      <c r="JT14" s="118">
        <v>0</v>
      </c>
      <c r="JU14" s="119">
        <v>109787</v>
      </c>
      <c r="JV14" s="119">
        <v>0</v>
      </c>
      <c r="JW14" s="119">
        <v>0</v>
      </c>
      <c r="JX14" s="119">
        <v>0</v>
      </c>
      <c r="JY14" s="119">
        <v>138609</v>
      </c>
      <c r="JZ14" s="120">
        <v>248396</v>
      </c>
      <c r="KA14" s="321">
        <v>248396</v>
      </c>
      <c r="KB14" s="234">
        <v>45389</v>
      </c>
      <c r="KC14" s="230">
        <v>0</v>
      </c>
      <c r="KD14" s="120">
        <v>45389</v>
      </c>
      <c r="KE14" s="118">
        <v>0</v>
      </c>
      <c r="KF14" s="119">
        <v>557804</v>
      </c>
      <c r="KG14" s="119">
        <v>414968</v>
      </c>
      <c r="KH14" s="119">
        <v>476268</v>
      </c>
      <c r="KI14" s="119">
        <v>283404</v>
      </c>
      <c r="KJ14" s="119">
        <v>0</v>
      </c>
      <c r="KK14" s="120">
        <v>1732444</v>
      </c>
      <c r="KL14" s="143">
        <v>1777833</v>
      </c>
      <c r="KM14" s="232">
        <v>0</v>
      </c>
      <c r="KN14" s="236">
        <v>0</v>
      </c>
      <c r="KO14" s="237">
        <v>0</v>
      </c>
      <c r="KP14" s="140"/>
      <c r="KQ14" s="119">
        <v>677358</v>
      </c>
      <c r="KR14" s="119">
        <v>711217</v>
      </c>
      <c r="KS14" s="119">
        <v>1207498</v>
      </c>
      <c r="KT14" s="119">
        <v>774961</v>
      </c>
      <c r="KU14" s="119">
        <v>251510</v>
      </c>
      <c r="KV14" s="120">
        <v>3622544</v>
      </c>
      <c r="KW14" s="321">
        <v>3622544</v>
      </c>
      <c r="KX14" s="142">
        <v>0</v>
      </c>
      <c r="KY14" s="119">
        <v>0</v>
      </c>
      <c r="KZ14" s="120">
        <v>0</v>
      </c>
      <c r="LA14" s="145"/>
      <c r="LB14" s="119">
        <v>0</v>
      </c>
      <c r="LC14" s="119">
        <v>0</v>
      </c>
      <c r="LD14" s="119">
        <v>0</v>
      </c>
      <c r="LE14" s="119">
        <v>833263</v>
      </c>
      <c r="LF14" s="119">
        <v>0</v>
      </c>
      <c r="LG14" s="120">
        <v>833263</v>
      </c>
      <c r="LH14" s="121">
        <v>833263</v>
      </c>
      <c r="LI14" s="142">
        <v>0</v>
      </c>
      <c r="LJ14" s="119">
        <v>0</v>
      </c>
      <c r="LK14" s="120">
        <v>0</v>
      </c>
      <c r="LL14" s="145"/>
      <c r="LM14" s="119">
        <v>0</v>
      </c>
      <c r="LN14" s="119">
        <v>0</v>
      </c>
      <c r="LO14" s="119">
        <v>0</v>
      </c>
      <c r="LP14" s="119">
        <v>0</v>
      </c>
      <c r="LQ14" s="119">
        <v>0</v>
      </c>
      <c r="LR14" s="120">
        <v>0</v>
      </c>
      <c r="LS14" s="321">
        <v>0</v>
      </c>
      <c r="LT14" s="142">
        <v>0</v>
      </c>
      <c r="LU14" s="119">
        <v>0</v>
      </c>
      <c r="LV14" s="120">
        <v>0</v>
      </c>
      <c r="LW14" s="145"/>
      <c r="LX14" s="119">
        <v>403439</v>
      </c>
      <c r="LY14" s="119">
        <v>0</v>
      </c>
      <c r="LZ14" s="119">
        <v>0</v>
      </c>
      <c r="MA14" s="119">
        <v>335438</v>
      </c>
      <c r="MB14" s="119">
        <v>315689</v>
      </c>
      <c r="MC14" s="120">
        <v>1054566</v>
      </c>
      <c r="MD14" s="121">
        <v>1054566</v>
      </c>
      <c r="ME14" s="142">
        <v>0</v>
      </c>
      <c r="MF14" s="119">
        <v>0</v>
      </c>
      <c r="MG14" s="120">
        <v>0</v>
      </c>
      <c r="MH14" s="145"/>
      <c r="MI14" s="119">
        <v>406931</v>
      </c>
      <c r="MJ14" s="119">
        <v>1297376</v>
      </c>
      <c r="MK14" s="119">
        <v>3608560</v>
      </c>
      <c r="ML14" s="119">
        <v>3217463</v>
      </c>
      <c r="MM14" s="119">
        <v>2195071</v>
      </c>
      <c r="MN14" s="120">
        <v>10725401</v>
      </c>
      <c r="MO14" s="143">
        <v>10725401</v>
      </c>
      <c r="MP14" s="142">
        <v>0</v>
      </c>
      <c r="MQ14" s="119">
        <v>0</v>
      </c>
      <c r="MR14" s="120">
        <v>0</v>
      </c>
      <c r="MS14" s="145"/>
      <c r="MT14" s="119">
        <v>207495</v>
      </c>
      <c r="MU14" s="119">
        <v>226170</v>
      </c>
      <c r="MV14" s="119">
        <v>1459790</v>
      </c>
      <c r="MW14" s="119">
        <v>1902981</v>
      </c>
      <c r="MX14" s="119">
        <v>1577009</v>
      </c>
      <c r="MY14" s="120">
        <v>5373445</v>
      </c>
      <c r="MZ14" s="143">
        <v>5373445</v>
      </c>
      <c r="NA14" s="142">
        <v>0</v>
      </c>
      <c r="NB14" s="119">
        <v>0</v>
      </c>
      <c r="NC14" s="120">
        <v>0</v>
      </c>
      <c r="ND14" s="145"/>
      <c r="NE14" s="119">
        <v>199436</v>
      </c>
      <c r="NF14" s="119">
        <v>1071206</v>
      </c>
      <c r="NG14" s="119">
        <v>2148770</v>
      </c>
      <c r="NH14" s="119">
        <v>1314482</v>
      </c>
      <c r="NI14" s="119">
        <v>618062</v>
      </c>
      <c r="NJ14" s="120">
        <v>5351956</v>
      </c>
      <c r="NK14" s="321">
        <v>5351956</v>
      </c>
      <c r="NL14" s="142">
        <v>0</v>
      </c>
      <c r="NM14" s="119">
        <v>0</v>
      </c>
      <c r="NN14" s="120">
        <v>0</v>
      </c>
      <c r="NO14" s="145"/>
      <c r="NP14" s="119">
        <v>0</v>
      </c>
      <c r="NQ14" s="119">
        <v>0</v>
      </c>
      <c r="NR14" s="119">
        <v>0</v>
      </c>
      <c r="NS14" s="119">
        <v>0</v>
      </c>
      <c r="NT14" s="119">
        <v>0</v>
      </c>
      <c r="NU14" s="120">
        <v>0</v>
      </c>
      <c r="NV14" s="121">
        <v>0</v>
      </c>
      <c r="NW14" s="142">
        <v>0</v>
      </c>
      <c r="NX14" s="119">
        <v>0</v>
      </c>
      <c r="NY14" s="120">
        <v>0</v>
      </c>
      <c r="NZ14" s="145"/>
      <c r="OA14" s="119">
        <v>0</v>
      </c>
      <c r="OB14" s="119">
        <v>0</v>
      </c>
      <c r="OC14" s="119">
        <v>0</v>
      </c>
      <c r="OD14" s="119">
        <v>0</v>
      </c>
      <c r="OE14" s="119">
        <v>0</v>
      </c>
      <c r="OF14" s="120">
        <v>0</v>
      </c>
      <c r="OG14" s="121">
        <v>0</v>
      </c>
      <c r="OH14" s="142">
        <v>765394</v>
      </c>
      <c r="OI14" s="119">
        <v>976385</v>
      </c>
      <c r="OJ14" s="141">
        <v>1741779</v>
      </c>
      <c r="OK14" s="118">
        <v>0</v>
      </c>
      <c r="OL14" s="119">
        <v>10386065</v>
      </c>
      <c r="OM14" s="119">
        <v>12245366</v>
      </c>
      <c r="ON14" s="119">
        <v>16164734</v>
      </c>
      <c r="OO14" s="119">
        <v>12112287</v>
      </c>
      <c r="OP14" s="119">
        <v>7348459</v>
      </c>
      <c r="OQ14" s="120">
        <v>58256911</v>
      </c>
      <c r="OR14" s="143">
        <v>59998690</v>
      </c>
    </row>
    <row r="15" spans="1:408" ht="20.25" customHeight="1" x14ac:dyDescent="0.2">
      <c r="A15" s="126" t="s">
        <v>9</v>
      </c>
      <c r="B15" s="110">
        <v>1115721</v>
      </c>
      <c r="C15" s="114">
        <v>974477</v>
      </c>
      <c r="D15" s="113">
        <v>2090198</v>
      </c>
      <c r="E15" s="111">
        <v>0</v>
      </c>
      <c r="F15" s="114">
        <v>11739050</v>
      </c>
      <c r="G15" s="114">
        <v>11800976</v>
      </c>
      <c r="H15" s="114">
        <v>11121272</v>
      </c>
      <c r="I15" s="114">
        <v>11148178</v>
      </c>
      <c r="J15" s="114">
        <v>8789398</v>
      </c>
      <c r="K15" s="109">
        <v>54598874</v>
      </c>
      <c r="L15" s="116">
        <v>56689072</v>
      </c>
      <c r="M15" s="110">
        <v>209998</v>
      </c>
      <c r="N15" s="114">
        <v>222438</v>
      </c>
      <c r="O15" s="113">
        <v>432436</v>
      </c>
      <c r="P15" s="110">
        <v>0</v>
      </c>
      <c r="Q15" s="114">
        <v>4155880</v>
      </c>
      <c r="R15" s="114">
        <v>4211227</v>
      </c>
      <c r="S15" s="114">
        <v>3890899</v>
      </c>
      <c r="T15" s="114">
        <v>5255541</v>
      </c>
      <c r="U15" s="114">
        <v>4736380</v>
      </c>
      <c r="V15" s="113">
        <v>22249927</v>
      </c>
      <c r="W15" s="116">
        <v>22682363</v>
      </c>
      <c r="X15" s="110">
        <v>0</v>
      </c>
      <c r="Y15" s="114">
        <v>0</v>
      </c>
      <c r="Z15" s="113">
        <v>0</v>
      </c>
      <c r="AA15" s="110">
        <v>0</v>
      </c>
      <c r="AB15" s="114">
        <v>1999175</v>
      </c>
      <c r="AC15" s="114">
        <v>2000691</v>
      </c>
      <c r="AD15" s="114">
        <v>1780323</v>
      </c>
      <c r="AE15" s="114">
        <v>3571766</v>
      </c>
      <c r="AF15" s="114">
        <v>2543648</v>
      </c>
      <c r="AG15" s="113">
        <v>11895603</v>
      </c>
      <c r="AH15" s="116">
        <v>11895603</v>
      </c>
      <c r="AI15" s="110">
        <v>0</v>
      </c>
      <c r="AJ15" s="114">
        <v>0</v>
      </c>
      <c r="AK15" s="113">
        <v>0</v>
      </c>
      <c r="AL15" s="110">
        <v>0</v>
      </c>
      <c r="AM15" s="114">
        <v>37754</v>
      </c>
      <c r="AN15" s="114">
        <v>0</v>
      </c>
      <c r="AO15" s="114">
        <v>131550</v>
      </c>
      <c r="AP15" s="114">
        <v>25411</v>
      </c>
      <c r="AQ15" s="114">
        <v>442207</v>
      </c>
      <c r="AR15" s="113">
        <v>636922</v>
      </c>
      <c r="AS15" s="116">
        <v>636922</v>
      </c>
      <c r="AT15" s="110">
        <v>0</v>
      </c>
      <c r="AU15" s="114">
        <v>86716</v>
      </c>
      <c r="AV15" s="113">
        <v>86716</v>
      </c>
      <c r="AW15" s="110">
        <v>0</v>
      </c>
      <c r="AX15" s="114">
        <v>1313459</v>
      </c>
      <c r="AY15" s="114">
        <v>1345901</v>
      </c>
      <c r="AZ15" s="114">
        <v>1242723</v>
      </c>
      <c r="BA15" s="114">
        <v>925444</v>
      </c>
      <c r="BB15" s="114">
        <v>1278445</v>
      </c>
      <c r="BC15" s="113">
        <v>6105972</v>
      </c>
      <c r="BD15" s="116">
        <v>6192688</v>
      </c>
      <c r="BE15" s="110">
        <v>21694</v>
      </c>
      <c r="BF15" s="114">
        <v>24274</v>
      </c>
      <c r="BG15" s="112">
        <v>45968</v>
      </c>
      <c r="BH15" s="111">
        <v>0</v>
      </c>
      <c r="BI15" s="114">
        <v>43388</v>
      </c>
      <c r="BJ15" s="114">
        <v>207851</v>
      </c>
      <c r="BK15" s="114">
        <v>69119</v>
      </c>
      <c r="BL15" s="114">
        <v>227832</v>
      </c>
      <c r="BM15" s="114">
        <v>54824</v>
      </c>
      <c r="BN15" s="113">
        <v>603014</v>
      </c>
      <c r="BO15" s="116">
        <v>648982</v>
      </c>
      <c r="BP15" s="110">
        <v>188304</v>
      </c>
      <c r="BQ15" s="114">
        <v>111448</v>
      </c>
      <c r="BR15" s="113">
        <v>299752</v>
      </c>
      <c r="BS15" s="110">
        <v>0</v>
      </c>
      <c r="BT15" s="114">
        <v>762104</v>
      </c>
      <c r="BU15" s="114">
        <v>656784</v>
      </c>
      <c r="BV15" s="114">
        <v>667184</v>
      </c>
      <c r="BW15" s="114">
        <v>505088</v>
      </c>
      <c r="BX15" s="114">
        <v>417256</v>
      </c>
      <c r="BY15" s="113">
        <v>3008416</v>
      </c>
      <c r="BZ15" s="116">
        <v>3308168</v>
      </c>
      <c r="CA15" s="110">
        <v>103154</v>
      </c>
      <c r="CB15" s="114">
        <v>115210</v>
      </c>
      <c r="CC15" s="113">
        <v>218364</v>
      </c>
      <c r="CD15" s="110">
        <v>0</v>
      </c>
      <c r="CE15" s="114">
        <v>2976723</v>
      </c>
      <c r="CF15" s="114">
        <v>3100798</v>
      </c>
      <c r="CG15" s="114">
        <v>3408767</v>
      </c>
      <c r="CH15" s="114">
        <v>1863437</v>
      </c>
      <c r="CI15" s="114">
        <v>1115126</v>
      </c>
      <c r="CJ15" s="113">
        <v>12464851</v>
      </c>
      <c r="CK15" s="116">
        <v>12683215</v>
      </c>
      <c r="CL15" s="110">
        <v>0</v>
      </c>
      <c r="CM15" s="114">
        <v>0</v>
      </c>
      <c r="CN15" s="113">
        <v>0</v>
      </c>
      <c r="CO15" s="111">
        <v>0</v>
      </c>
      <c r="CP15" s="114">
        <v>2159288</v>
      </c>
      <c r="CQ15" s="114">
        <v>2105784</v>
      </c>
      <c r="CR15" s="114">
        <v>2726506</v>
      </c>
      <c r="CS15" s="114">
        <v>1037554</v>
      </c>
      <c r="CT15" s="114">
        <v>1097782</v>
      </c>
      <c r="CU15" s="113">
        <v>9126914</v>
      </c>
      <c r="CV15" s="116">
        <v>9126914</v>
      </c>
      <c r="CW15" s="110">
        <v>103154</v>
      </c>
      <c r="CX15" s="114">
        <v>115210</v>
      </c>
      <c r="CY15" s="113">
        <v>218364</v>
      </c>
      <c r="CZ15" s="110">
        <v>0</v>
      </c>
      <c r="DA15" s="114">
        <v>817435</v>
      </c>
      <c r="DB15" s="114">
        <v>995014</v>
      </c>
      <c r="DC15" s="114">
        <v>682261</v>
      </c>
      <c r="DD15" s="114">
        <v>825883</v>
      </c>
      <c r="DE15" s="114">
        <v>17344</v>
      </c>
      <c r="DF15" s="113">
        <v>3337937</v>
      </c>
      <c r="DG15" s="116">
        <v>3556301</v>
      </c>
      <c r="DH15" s="110">
        <v>13940</v>
      </c>
      <c r="DI15" s="114">
        <v>0</v>
      </c>
      <c r="DJ15" s="112">
        <v>13940</v>
      </c>
      <c r="DK15" s="111">
        <v>0</v>
      </c>
      <c r="DL15" s="114">
        <v>305887</v>
      </c>
      <c r="DM15" s="114">
        <v>689231</v>
      </c>
      <c r="DN15" s="114">
        <v>649325</v>
      </c>
      <c r="DO15" s="114">
        <v>865851</v>
      </c>
      <c r="DP15" s="114">
        <v>393794</v>
      </c>
      <c r="DQ15" s="113">
        <v>2904088</v>
      </c>
      <c r="DR15" s="116">
        <v>2918028</v>
      </c>
      <c r="DS15" s="110">
        <v>13940</v>
      </c>
      <c r="DT15" s="114">
        <v>0</v>
      </c>
      <c r="DU15" s="113">
        <v>13940</v>
      </c>
      <c r="DV15" s="110">
        <v>0</v>
      </c>
      <c r="DW15" s="114">
        <v>275847</v>
      </c>
      <c r="DX15" s="114">
        <v>460228</v>
      </c>
      <c r="DY15" s="114">
        <v>622523</v>
      </c>
      <c r="DZ15" s="114">
        <v>734309</v>
      </c>
      <c r="EA15" s="114">
        <v>393794</v>
      </c>
      <c r="EB15" s="113">
        <v>2486701</v>
      </c>
      <c r="EC15" s="116">
        <v>2500641</v>
      </c>
      <c r="ED15" s="110">
        <v>0</v>
      </c>
      <c r="EE15" s="112">
        <v>0</v>
      </c>
      <c r="EF15" s="113">
        <v>0</v>
      </c>
      <c r="EG15" s="110">
        <v>0</v>
      </c>
      <c r="EH15" s="114">
        <v>30040</v>
      </c>
      <c r="EI15" s="114">
        <v>229003</v>
      </c>
      <c r="EJ15" s="114">
        <v>26802</v>
      </c>
      <c r="EK15" s="114">
        <v>131542</v>
      </c>
      <c r="EL15" s="114">
        <v>0</v>
      </c>
      <c r="EM15" s="112">
        <v>417387</v>
      </c>
      <c r="EN15" s="116">
        <v>417387</v>
      </c>
      <c r="EO15" s="110">
        <v>0</v>
      </c>
      <c r="EP15" s="114">
        <v>0</v>
      </c>
      <c r="EQ15" s="112">
        <v>0</v>
      </c>
      <c r="ER15" s="111">
        <v>0</v>
      </c>
      <c r="ES15" s="114">
        <v>0</v>
      </c>
      <c r="ET15" s="114">
        <v>0</v>
      </c>
      <c r="EU15" s="114">
        <v>0</v>
      </c>
      <c r="EV15" s="114">
        <v>0</v>
      </c>
      <c r="EW15" s="114">
        <v>0</v>
      </c>
      <c r="EX15" s="113">
        <v>0</v>
      </c>
      <c r="EY15" s="116">
        <v>0</v>
      </c>
      <c r="EZ15" s="110">
        <v>0</v>
      </c>
      <c r="FA15" s="114">
        <v>0</v>
      </c>
      <c r="FB15" s="112">
        <v>0</v>
      </c>
      <c r="FC15" s="348"/>
      <c r="FD15" s="114">
        <v>0</v>
      </c>
      <c r="FE15" s="114">
        <v>0</v>
      </c>
      <c r="FF15" s="114">
        <v>0</v>
      </c>
      <c r="FG15" s="114">
        <v>0</v>
      </c>
      <c r="FH15" s="114">
        <v>0</v>
      </c>
      <c r="FI15" s="113">
        <v>0</v>
      </c>
      <c r="FJ15" s="116">
        <v>0</v>
      </c>
      <c r="FK15" s="110">
        <v>306355</v>
      </c>
      <c r="FL15" s="114">
        <v>101264</v>
      </c>
      <c r="FM15" s="113">
        <v>407619</v>
      </c>
      <c r="FN15" s="110">
        <v>0</v>
      </c>
      <c r="FO15" s="114">
        <v>710296</v>
      </c>
      <c r="FP15" s="114">
        <v>1311488</v>
      </c>
      <c r="FQ15" s="114">
        <v>1082072</v>
      </c>
      <c r="FR15" s="114">
        <v>817936</v>
      </c>
      <c r="FS15" s="114">
        <v>727736</v>
      </c>
      <c r="FT15" s="113">
        <v>4649528</v>
      </c>
      <c r="FU15" s="116">
        <v>5057147</v>
      </c>
      <c r="FV15" s="115">
        <v>132256</v>
      </c>
      <c r="FW15" s="114">
        <v>101264</v>
      </c>
      <c r="FX15" s="112">
        <v>233520</v>
      </c>
      <c r="FY15" s="111">
        <v>0</v>
      </c>
      <c r="FZ15" s="114">
        <v>667640</v>
      </c>
      <c r="GA15" s="114">
        <v>1148928</v>
      </c>
      <c r="GB15" s="114">
        <v>806784</v>
      </c>
      <c r="GC15" s="114">
        <v>801216</v>
      </c>
      <c r="GD15" s="114">
        <v>625216</v>
      </c>
      <c r="GE15" s="113">
        <v>4049784</v>
      </c>
      <c r="GF15" s="319">
        <v>4283304</v>
      </c>
      <c r="GG15" s="115">
        <v>0</v>
      </c>
      <c r="GH15" s="114">
        <v>0</v>
      </c>
      <c r="GI15" s="112">
        <v>0</v>
      </c>
      <c r="GJ15" s="111">
        <v>0</v>
      </c>
      <c r="GK15" s="114">
        <v>18656</v>
      </c>
      <c r="GL15" s="114">
        <v>29440</v>
      </c>
      <c r="GM15" s="114">
        <v>123288</v>
      </c>
      <c r="GN15" s="114">
        <v>16720</v>
      </c>
      <c r="GO15" s="114">
        <v>102520</v>
      </c>
      <c r="GP15" s="113">
        <v>290624</v>
      </c>
      <c r="GQ15" s="116">
        <v>290624</v>
      </c>
      <c r="GR15" s="110">
        <v>174099</v>
      </c>
      <c r="GS15" s="114">
        <v>0</v>
      </c>
      <c r="GT15" s="113">
        <v>174099</v>
      </c>
      <c r="GU15" s="110">
        <v>0</v>
      </c>
      <c r="GV15" s="114">
        <v>24000</v>
      </c>
      <c r="GW15" s="114">
        <v>133120</v>
      </c>
      <c r="GX15" s="114">
        <v>152000</v>
      </c>
      <c r="GY15" s="114">
        <v>0</v>
      </c>
      <c r="GZ15" s="114">
        <v>0</v>
      </c>
      <c r="HA15" s="112">
        <v>309120</v>
      </c>
      <c r="HB15" s="116">
        <v>483219</v>
      </c>
      <c r="HC15" s="110">
        <v>482274</v>
      </c>
      <c r="HD15" s="114">
        <v>535565</v>
      </c>
      <c r="HE15" s="112">
        <v>1017839</v>
      </c>
      <c r="HF15" s="111">
        <v>0</v>
      </c>
      <c r="HG15" s="114">
        <v>3590264</v>
      </c>
      <c r="HH15" s="114">
        <v>2488232</v>
      </c>
      <c r="HI15" s="114">
        <v>2090209</v>
      </c>
      <c r="HJ15" s="114">
        <v>2345413</v>
      </c>
      <c r="HK15" s="114">
        <v>1816362</v>
      </c>
      <c r="HL15" s="113">
        <v>12330480</v>
      </c>
      <c r="HM15" s="109">
        <v>13348319</v>
      </c>
      <c r="HN15" s="329"/>
      <c r="HO15" s="330"/>
      <c r="HP15" s="331"/>
      <c r="HQ15" s="332"/>
      <c r="HR15" s="330"/>
      <c r="HS15" s="330"/>
      <c r="HT15" s="330"/>
      <c r="HU15" s="330"/>
      <c r="HV15" s="330"/>
      <c r="HW15" s="333"/>
      <c r="HX15" s="334"/>
      <c r="HY15" s="128">
        <v>42834</v>
      </c>
      <c r="HZ15" s="149">
        <v>0</v>
      </c>
      <c r="IA15" s="129">
        <v>42834</v>
      </c>
      <c r="IB15" s="146">
        <v>0</v>
      </c>
      <c r="IC15" s="132">
        <v>2868055</v>
      </c>
      <c r="ID15" s="147">
        <v>4356473</v>
      </c>
      <c r="IE15" s="133">
        <v>3212385</v>
      </c>
      <c r="IF15" s="132">
        <v>1703437</v>
      </c>
      <c r="IG15" s="133">
        <v>1295206</v>
      </c>
      <c r="IH15" s="148">
        <v>13435556</v>
      </c>
      <c r="II15" s="130">
        <v>13478390</v>
      </c>
      <c r="IJ15" s="232">
        <v>0</v>
      </c>
      <c r="IK15" s="236">
        <v>0</v>
      </c>
      <c r="IL15" s="237">
        <v>0</v>
      </c>
      <c r="IM15" s="140"/>
      <c r="IN15" s="119">
        <v>69791</v>
      </c>
      <c r="IO15" s="119">
        <v>0</v>
      </c>
      <c r="IP15" s="119">
        <v>0</v>
      </c>
      <c r="IQ15" s="119">
        <v>0</v>
      </c>
      <c r="IR15" s="119">
        <v>291392</v>
      </c>
      <c r="IS15" s="141">
        <v>361183</v>
      </c>
      <c r="IT15" s="321">
        <v>361183</v>
      </c>
      <c r="IU15" s="142">
        <v>0</v>
      </c>
      <c r="IV15" s="119">
        <v>0</v>
      </c>
      <c r="IW15" s="120">
        <v>0</v>
      </c>
      <c r="IX15" s="144"/>
      <c r="IY15" s="119">
        <v>0</v>
      </c>
      <c r="IZ15" s="119">
        <v>0</v>
      </c>
      <c r="JA15" s="119">
        <v>0</v>
      </c>
      <c r="JB15" s="119">
        <v>0</v>
      </c>
      <c r="JC15" s="119">
        <v>0</v>
      </c>
      <c r="JD15" s="120">
        <v>0</v>
      </c>
      <c r="JE15" s="121">
        <v>0</v>
      </c>
      <c r="JF15" s="142">
        <v>0</v>
      </c>
      <c r="JG15" s="119">
        <v>0</v>
      </c>
      <c r="JH15" s="141">
        <v>0</v>
      </c>
      <c r="JI15" s="118">
        <v>0</v>
      </c>
      <c r="JJ15" s="119">
        <v>1350865</v>
      </c>
      <c r="JK15" s="119">
        <v>1223842</v>
      </c>
      <c r="JL15" s="119">
        <v>1186887</v>
      </c>
      <c r="JM15" s="119">
        <v>963932</v>
      </c>
      <c r="JN15" s="119">
        <v>0</v>
      </c>
      <c r="JO15" s="120">
        <v>4725526</v>
      </c>
      <c r="JP15" s="321">
        <v>4725526</v>
      </c>
      <c r="JQ15" s="142">
        <v>0</v>
      </c>
      <c r="JR15" s="119">
        <v>0</v>
      </c>
      <c r="JS15" s="141">
        <v>0</v>
      </c>
      <c r="JT15" s="118">
        <v>0</v>
      </c>
      <c r="JU15" s="119">
        <v>0</v>
      </c>
      <c r="JV15" s="119">
        <v>109070</v>
      </c>
      <c r="JW15" s="119">
        <v>213289</v>
      </c>
      <c r="JX15" s="119">
        <v>0</v>
      </c>
      <c r="JY15" s="119">
        <v>0</v>
      </c>
      <c r="JZ15" s="120">
        <v>322359</v>
      </c>
      <c r="KA15" s="321">
        <v>322359</v>
      </c>
      <c r="KB15" s="234">
        <v>42834</v>
      </c>
      <c r="KC15" s="230">
        <v>0</v>
      </c>
      <c r="KD15" s="120">
        <v>42834</v>
      </c>
      <c r="KE15" s="118">
        <v>0</v>
      </c>
      <c r="KF15" s="119">
        <v>399806</v>
      </c>
      <c r="KG15" s="119">
        <v>323097</v>
      </c>
      <c r="KH15" s="119">
        <v>112224</v>
      </c>
      <c r="KI15" s="119">
        <v>250389</v>
      </c>
      <c r="KJ15" s="119">
        <v>0</v>
      </c>
      <c r="KK15" s="120">
        <v>1085516</v>
      </c>
      <c r="KL15" s="143">
        <v>1128350</v>
      </c>
      <c r="KM15" s="232">
        <v>0</v>
      </c>
      <c r="KN15" s="236">
        <v>0</v>
      </c>
      <c r="KO15" s="237">
        <v>0</v>
      </c>
      <c r="KP15" s="140"/>
      <c r="KQ15" s="119">
        <v>891683</v>
      </c>
      <c r="KR15" s="119">
        <v>2337119</v>
      </c>
      <c r="KS15" s="119">
        <v>962672</v>
      </c>
      <c r="KT15" s="119">
        <v>489116</v>
      </c>
      <c r="KU15" s="119">
        <v>1003814</v>
      </c>
      <c r="KV15" s="120">
        <v>5684404</v>
      </c>
      <c r="KW15" s="321">
        <v>5684404</v>
      </c>
      <c r="KX15" s="142">
        <v>0</v>
      </c>
      <c r="KY15" s="119">
        <v>0</v>
      </c>
      <c r="KZ15" s="120">
        <v>0</v>
      </c>
      <c r="LA15" s="145"/>
      <c r="LB15" s="119">
        <v>155910</v>
      </c>
      <c r="LC15" s="119">
        <v>174698</v>
      </c>
      <c r="LD15" s="119">
        <v>0</v>
      </c>
      <c r="LE15" s="119">
        <v>0</v>
      </c>
      <c r="LF15" s="119">
        <v>0</v>
      </c>
      <c r="LG15" s="120">
        <v>330608</v>
      </c>
      <c r="LH15" s="121">
        <v>330608</v>
      </c>
      <c r="LI15" s="142">
        <v>0</v>
      </c>
      <c r="LJ15" s="119">
        <v>0</v>
      </c>
      <c r="LK15" s="120">
        <v>0</v>
      </c>
      <c r="LL15" s="145"/>
      <c r="LM15" s="119">
        <v>0</v>
      </c>
      <c r="LN15" s="119">
        <v>0</v>
      </c>
      <c r="LO15" s="119">
        <v>0</v>
      </c>
      <c r="LP15" s="119">
        <v>0</v>
      </c>
      <c r="LQ15" s="119">
        <v>0</v>
      </c>
      <c r="LR15" s="120">
        <v>0</v>
      </c>
      <c r="LS15" s="321">
        <v>0</v>
      </c>
      <c r="LT15" s="142">
        <v>0</v>
      </c>
      <c r="LU15" s="119">
        <v>0</v>
      </c>
      <c r="LV15" s="120">
        <v>0</v>
      </c>
      <c r="LW15" s="145"/>
      <c r="LX15" s="119">
        <v>0</v>
      </c>
      <c r="LY15" s="119">
        <v>188647</v>
      </c>
      <c r="LZ15" s="119">
        <v>737313</v>
      </c>
      <c r="MA15" s="119">
        <v>0</v>
      </c>
      <c r="MB15" s="119">
        <v>0</v>
      </c>
      <c r="MC15" s="120">
        <v>925960</v>
      </c>
      <c r="MD15" s="121">
        <v>925960</v>
      </c>
      <c r="ME15" s="142">
        <v>0</v>
      </c>
      <c r="MF15" s="119">
        <v>0</v>
      </c>
      <c r="MG15" s="120">
        <v>0</v>
      </c>
      <c r="MH15" s="145"/>
      <c r="MI15" s="119">
        <v>807568</v>
      </c>
      <c r="MJ15" s="119">
        <v>1092567</v>
      </c>
      <c r="MK15" s="119">
        <v>6413799</v>
      </c>
      <c r="ML15" s="119">
        <v>8609346</v>
      </c>
      <c r="MM15" s="119">
        <v>2107618</v>
      </c>
      <c r="MN15" s="120">
        <v>19030898</v>
      </c>
      <c r="MO15" s="143">
        <v>19030898</v>
      </c>
      <c r="MP15" s="142">
        <v>0</v>
      </c>
      <c r="MQ15" s="119">
        <v>0</v>
      </c>
      <c r="MR15" s="120">
        <v>0</v>
      </c>
      <c r="MS15" s="145"/>
      <c r="MT15" s="119">
        <v>0</v>
      </c>
      <c r="MU15" s="119">
        <v>0</v>
      </c>
      <c r="MV15" s="119">
        <v>3965795</v>
      </c>
      <c r="MW15" s="119">
        <v>6452756</v>
      </c>
      <c r="MX15" s="119">
        <v>1802957</v>
      </c>
      <c r="MY15" s="120">
        <v>12221508</v>
      </c>
      <c r="MZ15" s="143">
        <v>12221508</v>
      </c>
      <c r="NA15" s="142">
        <v>0</v>
      </c>
      <c r="NB15" s="119">
        <v>0</v>
      </c>
      <c r="NC15" s="120">
        <v>0</v>
      </c>
      <c r="ND15" s="145"/>
      <c r="NE15" s="119">
        <v>807568</v>
      </c>
      <c r="NF15" s="119">
        <v>1092567</v>
      </c>
      <c r="NG15" s="119">
        <v>2137658</v>
      </c>
      <c r="NH15" s="119">
        <v>2156590</v>
      </c>
      <c r="NI15" s="119">
        <v>304661</v>
      </c>
      <c r="NJ15" s="120">
        <v>6499044</v>
      </c>
      <c r="NK15" s="321">
        <v>6499044</v>
      </c>
      <c r="NL15" s="142">
        <v>0</v>
      </c>
      <c r="NM15" s="119">
        <v>0</v>
      </c>
      <c r="NN15" s="120">
        <v>0</v>
      </c>
      <c r="NO15" s="145"/>
      <c r="NP15" s="119">
        <v>0</v>
      </c>
      <c r="NQ15" s="119">
        <v>0</v>
      </c>
      <c r="NR15" s="119">
        <v>0</v>
      </c>
      <c r="NS15" s="119">
        <v>0</v>
      </c>
      <c r="NT15" s="119">
        <v>0</v>
      </c>
      <c r="NU15" s="120">
        <v>0</v>
      </c>
      <c r="NV15" s="121">
        <v>0</v>
      </c>
      <c r="NW15" s="142">
        <v>0</v>
      </c>
      <c r="NX15" s="119">
        <v>0</v>
      </c>
      <c r="NY15" s="120">
        <v>0</v>
      </c>
      <c r="NZ15" s="145"/>
      <c r="OA15" s="119">
        <v>0</v>
      </c>
      <c r="OB15" s="119">
        <v>0</v>
      </c>
      <c r="OC15" s="119">
        <v>310346</v>
      </c>
      <c r="OD15" s="119">
        <v>0</v>
      </c>
      <c r="OE15" s="119">
        <v>0</v>
      </c>
      <c r="OF15" s="120">
        <v>310346</v>
      </c>
      <c r="OG15" s="121">
        <v>310346</v>
      </c>
      <c r="OH15" s="142">
        <v>1158555</v>
      </c>
      <c r="OI15" s="119">
        <v>974477</v>
      </c>
      <c r="OJ15" s="141">
        <v>2133032</v>
      </c>
      <c r="OK15" s="118">
        <v>0</v>
      </c>
      <c r="OL15" s="119">
        <v>15414673</v>
      </c>
      <c r="OM15" s="119">
        <v>17250016</v>
      </c>
      <c r="ON15" s="119">
        <v>20747456</v>
      </c>
      <c r="OO15" s="119">
        <v>21460961</v>
      </c>
      <c r="OP15" s="119">
        <v>12192222</v>
      </c>
      <c r="OQ15" s="120">
        <v>87065328</v>
      </c>
      <c r="OR15" s="143">
        <v>89198360</v>
      </c>
    </row>
    <row r="16" spans="1:408" ht="20.25" customHeight="1" x14ac:dyDescent="0.2">
      <c r="A16" s="126" t="s">
        <v>10</v>
      </c>
      <c r="B16" s="110">
        <v>1449407</v>
      </c>
      <c r="C16" s="114">
        <v>2238177</v>
      </c>
      <c r="D16" s="113">
        <v>3687584</v>
      </c>
      <c r="E16" s="172">
        <v>0</v>
      </c>
      <c r="F16" s="114">
        <v>21277075</v>
      </c>
      <c r="G16" s="114">
        <v>16490583</v>
      </c>
      <c r="H16" s="114">
        <v>19429713</v>
      </c>
      <c r="I16" s="114">
        <v>13212704</v>
      </c>
      <c r="J16" s="114">
        <v>10003566</v>
      </c>
      <c r="K16" s="109">
        <v>80413641</v>
      </c>
      <c r="L16" s="116">
        <v>84101225</v>
      </c>
      <c r="M16" s="110">
        <v>611297</v>
      </c>
      <c r="N16" s="114">
        <v>897286</v>
      </c>
      <c r="O16" s="113">
        <v>1508583</v>
      </c>
      <c r="P16" s="110">
        <v>0</v>
      </c>
      <c r="Q16" s="114">
        <v>6827313</v>
      </c>
      <c r="R16" s="114">
        <v>5036923</v>
      </c>
      <c r="S16" s="114">
        <v>7045889</v>
      </c>
      <c r="T16" s="114">
        <v>5722581</v>
      </c>
      <c r="U16" s="114">
        <v>5355631</v>
      </c>
      <c r="V16" s="113">
        <v>29988337</v>
      </c>
      <c r="W16" s="116">
        <v>31496920</v>
      </c>
      <c r="X16" s="110">
        <v>0</v>
      </c>
      <c r="Y16" s="114">
        <v>0</v>
      </c>
      <c r="Z16" s="113">
        <v>0</v>
      </c>
      <c r="AA16" s="110">
        <v>0</v>
      </c>
      <c r="AB16" s="114">
        <v>2735815</v>
      </c>
      <c r="AC16" s="114">
        <v>2239812</v>
      </c>
      <c r="AD16" s="114">
        <v>4079070</v>
      </c>
      <c r="AE16" s="114">
        <v>2775839</v>
      </c>
      <c r="AF16" s="114">
        <v>2928167</v>
      </c>
      <c r="AG16" s="113">
        <v>14758703</v>
      </c>
      <c r="AH16" s="116">
        <v>14758703</v>
      </c>
      <c r="AI16" s="110">
        <v>0</v>
      </c>
      <c r="AJ16" s="114">
        <v>0</v>
      </c>
      <c r="AK16" s="113">
        <v>0</v>
      </c>
      <c r="AL16" s="110">
        <v>0</v>
      </c>
      <c r="AM16" s="114">
        <v>0</v>
      </c>
      <c r="AN16" s="114">
        <v>50625</v>
      </c>
      <c r="AO16" s="114">
        <v>283806</v>
      </c>
      <c r="AP16" s="114">
        <v>671610</v>
      </c>
      <c r="AQ16" s="114">
        <v>663962</v>
      </c>
      <c r="AR16" s="113">
        <v>1670003</v>
      </c>
      <c r="AS16" s="116">
        <v>1670003</v>
      </c>
      <c r="AT16" s="110">
        <v>381992</v>
      </c>
      <c r="AU16" s="114">
        <v>536334</v>
      </c>
      <c r="AV16" s="113">
        <v>918326</v>
      </c>
      <c r="AW16" s="110">
        <v>0</v>
      </c>
      <c r="AX16" s="114">
        <v>2683842</v>
      </c>
      <c r="AY16" s="114">
        <v>1712292</v>
      </c>
      <c r="AZ16" s="114">
        <v>1910024</v>
      </c>
      <c r="BA16" s="114">
        <v>1343340</v>
      </c>
      <c r="BB16" s="114">
        <v>1050631</v>
      </c>
      <c r="BC16" s="113">
        <v>8700129</v>
      </c>
      <c r="BD16" s="116">
        <v>9618455</v>
      </c>
      <c r="BE16" s="110">
        <v>43729</v>
      </c>
      <c r="BF16" s="114">
        <v>145432</v>
      </c>
      <c r="BG16" s="112">
        <v>189161</v>
      </c>
      <c r="BH16" s="111">
        <v>0</v>
      </c>
      <c r="BI16" s="114">
        <v>373088</v>
      </c>
      <c r="BJ16" s="114">
        <v>95850</v>
      </c>
      <c r="BK16" s="114">
        <v>43669</v>
      </c>
      <c r="BL16" s="114">
        <v>121136</v>
      </c>
      <c r="BM16" s="114">
        <v>100595</v>
      </c>
      <c r="BN16" s="113">
        <v>734338</v>
      </c>
      <c r="BO16" s="116">
        <v>923499</v>
      </c>
      <c r="BP16" s="110">
        <v>185576</v>
      </c>
      <c r="BQ16" s="114">
        <v>215520</v>
      </c>
      <c r="BR16" s="113">
        <v>401096</v>
      </c>
      <c r="BS16" s="110">
        <v>0</v>
      </c>
      <c r="BT16" s="114">
        <v>1034568</v>
      </c>
      <c r="BU16" s="114">
        <v>938344</v>
      </c>
      <c r="BV16" s="114">
        <v>729320</v>
      </c>
      <c r="BW16" s="114">
        <v>810656</v>
      </c>
      <c r="BX16" s="114">
        <v>612276</v>
      </c>
      <c r="BY16" s="113">
        <v>4125164</v>
      </c>
      <c r="BZ16" s="116">
        <v>4526260</v>
      </c>
      <c r="CA16" s="110">
        <v>125198</v>
      </c>
      <c r="CB16" s="114">
        <v>115387</v>
      </c>
      <c r="CC16" s="113">
        <v>240585</v>
      </c>
      <c r="CD16" s="110">
        <v>0</v>
      </c>
      <c r="CE16" s="114">
        <v>7582718</v>
      </c>
      <c r="CF16" s="114">
        <v>5418071</v>
      </c>
      <c r="CG16" s="114">
        <v>4616947</v>
      </c>
      <c r="CH16" s="114">
        <v>1940563</v>
      </c>
      <c r="CI16" s="114">
        <v>791836</v>
      </c>
      <c r="CJ16" s="113">
        <v>20350135</v>
      </c>
      <c r="CK16" s="116">
        <v>20590720</v>
      </c>
      <c r="CL16" s="110">
        <v>0</v>
      </c>
      <c r="CM16" s="114">
        <v>0</v>
      </c>
      <c r="CN16" s="113">
        <v>0</v>
      </c>
      <c r="CO16" s="111">
        <v>0</v>
      </c>
      <c r="CP16" s="114">
        <v>6468780</v>
      </c>
      <c r="CQ16" s="114">
        <v>4743150</v>
      </c>
      <c r="CR16" s="114">
        <v>3915030</v>
      </c>
      <c r="CS16" s="114">
        <v>1669065</v>
      </c>
      <c r="CT16" s="114">
        <v>704766</v>
      </c>
      <c r="CU16" s="113">
        <v>17500791</v>
      </c>
      <c r="CV16" s="116">
        <v>17500791</v>
      </c>
      <c r="CW16" s="110">
        <v>125198</v>
      </c>
      <c r="CX16" s="114">
        <v>115387</v>
      </c>
      <c r="CY16" s="113">
        <v>240585</v>
      </c>
      <c r="CZ16" s="110">
        <v>0</v>
      </c>
      <c r="DA16" s="114">
        <v>1113938</v>
      </c>
      <c r="DB16" s="114">
        <v>674921</v>
      </c>
      <c r="DC16" s="114">
        <v>701917</v>
      </c>
      <c r="DD16" s="114">
        <v>271498</v>
      </c>
      <c r="DE16" s="114">
        <v>87070</v>
      </c>
      <c r="DF16" s="113">
        <v>2849344</v>
      </c>
      <c r="DG16" s="116">
        <v>3089929</v>
      </c>
      <c r="DH16" s="110">
        <v>0</v>
      </c>
      <c r="DI16" s="114">
        <v>0</v>
      </c>
      <c r="DJ16" s="112">
        <v>0</v>
      </c>
      <c r="DK16" s="111">
        <v>0</v>
      </c>
      <c r="DL16" s="114">
        <v>711575</v>
      </c>
      <c r="DM16" s="114">
        <v>1500698</v>
      </c>
      <c r="DN16" s="114">
        <v>2849466</v>
      </c>
      <c r="DO16" s="114">
        <v>894267</v>
      </c>
      <c r="DP16" s="114">
        <v>202383</v>
      </c>
      <c r="DQ16" s="113">
        <v>6158389</v>
      </c>
      <c r="DR16" s="116">
        <v>6158389</v>
      </c>
      <c r="DS16" s="110">
        <v>0</v>
      </c>
      <c r="DT16" s="114">
        <v>0</v>
      </c>
      <c r="DU16" s="113">
        <v>0</v>
      </c>
      <c r="DV16" s="110">
        <v>0</v>
      </c>
      <c r="DW16" s="114">
        <v>666996</v>
      </c>
      <c r="DX16" s="114">
        <v>1213477</v>
      </c>
      <c r="DY16" s="114">
        <v>2539808</v>
      </c>
      <c r="DZ16" s="114">
        <v>894267</v>
      </c>
      <c r="EA16" s="114">
        <v>202383</v>
      </c>
      <c r="EB16" s="113">
        <v>5516931</v>
      </c>
      <c r="EC16" s="116">
        <v>5516931</v>
      </c>
      <c r="ED16" s="110">
        <v>0</v>
      </c>
      <c r="EE16" s="112">
        <v>0</v>
      </c>
      <c r="EF16" s="113">
        <v>0</v>
      </c>
      <c r="EG16" s="110">
        <v>0</v>
      </c>
      <c r="EH16" s="114">
        <v>44579</v>
      </c>
      <c r="EI16" s="114">
        <v>287221</v>
      </c>
      <c r="EJ16" s="114">
        <v>309658</v>
      </c>
      <c r="EK16" s="114">
        <v>0</v>
      </c>
      <c r="EL16" s="114">
        <v>0</v>
      </c>
      <c r="EM16" s="112">
        <v>641458</v>
      </c>
      <c r="EN16" s="116">
        <v>641458</v>
      </c>
      <c r="EO16" s="110">
        <v>0</v>
      </c>
      <c r="EP16" s="114">
        <v>0</v>
      </c>
      <c r="EQ16" s="112">
        <v>0</v>
      </c>
      <c r="ER16" s="111">
        <v>0</v>
      </c>
      <c r="ES16" s="114">
        <v>0</v>
      </c>
      <c r="ET16" s="114">
        <v>0</v>
      </c>
      <c r="EU16" s="114">
        <v>0</v>
      </c>
      <c r="EV16" s="114">
        <v>0</v>
      </c>
      <c r="EW16" s="114">
        <v>0</v>
      </c>
      <c r="EX16" s="113">
        <v>0</v>
      </c>
      <c r="EY16" s="116">
        <v>0</v>
      </c>
      <c r="EZ16" s="110">
        <v>0</v>
      </c>
      <c r="FA16" s="114">
        <v>0</v>
      </c>
      <c r="FB16" s="112">
        <v>0</v>
      </c>
      <c r="FC16" s="348"/>
      <c r="FD16" s="114">
        <v>0</v>
      </c>
      <c r="FE16" s="114">
        <v>0</v>
      </c>
      <c r="FF16" s="114">
        <v>0</v>
      </c>
      <c r="FG16" s="114">
        <v>0</v>
      </c>
      <c r="FH16" s="114">
        <v>0</v>
      </c>
      <c r="FI16" s="113">
        <v>0</v>
      </c>
      <c r="FJ16" s="116">
        <v>0</v>
      </c>
      <c r="FK16" s="110">
        <v>283560</v>
      </c>
      <c r="FL16" s="114">
        <v>422460</v>
      </c>
      <c r="FM16" s="113">
        <v>706020</v>
      </c>
      <c r="FN16" s="110">
        <v>0</v>
      </c>
      <c r="FO16" s="114">
        <v>1154236</v>
      </c>
      <c r="FP16" s="114">
        <v>1973442</v>
      </c>
      <c r="FQ16" s="114">
        <v>1432392</v>
      </c>
      <c r="FR16" s="114">
        <v>1129768</v>
      </c>
      <c r="FS16" s="114">
        <v>668992</v>
      </c>
      <c r="FT16" s="113">
        <v>6358830</v>
      </c>
      <c r="FU16" s="116">
        <v>7064850</v>
      </c>
      <c r="FV16" s="115">
        <v>249240</v>
      </c>
      <c r="FW16" s="114">
        <v>422460</v>
      </c>
      <c r="FX16" s="112">
        <v>671700</v>
      </c>
      <c r="FY16" s="111">
        <v>0</v>
      </c>
      <c r="FZ16" s="114">
        <v>1012792</v>
      </c>
      <c r="GA16" s="114">
        <v>1768496</v>
      </c>
      <c r="GB16" s="114">
        <v>1344344</v>
      </c>
      <c r="GC16" s="114">
        <v>980600</v>
      </c>
      <c r="GD16" s="114">
        <v>650336</v>
      </c>
      <c r="GE16" s="113">
        <v>5756568</v>
      </c>
      <c r="GF16" s="319">
        <v>6428268</v>
      </c>
      <c r="GG16" s="115">
        <v>0</v>
      </c>
      <c r="GH16" s="114">
        <v>0</v>
      </c>
      <c r="GI16" s="112">
        <v>0</v>
      </c>
      <c r="GJ16" s="111">
        <v>0</v>
      </c>
      <c r="GK16" s="114">
        <v>58872</v>
      </c>
      <c r="GL16" s="114">
        <v>48312</v>
      </c>
      <c r="GM16" s="114">
        <v>68848</v>
      </c>
      <c r="GN16" s="114">
        <v>149168</v>
      </c>
      <c r="GO16" s="114">
        <v>18656</v>
      </c>
      <c r="GP16" s="113">
        <v>343856</v>
      </c>
      <c r="GQ16" s="116">
        <v>343856</v>
      </c>
      <c r="GR16" s="110">
        <v>34320</v>
      </c>
      <c r="GS16" s="114">
        <v>0</v>
      </c>
      <c r="GT16" s="113">
        <v>34320</v>
      </c>
      <c r="GU16" s="110">
        <v>0</v>
      </c>
      <c r="GV16" s="114">
        <v>82572</v>
      </c>
      <c r="GW16" s="114">
        <v>156634</v>
      </c>
      <c r="GX16" s="114">
        <v>19200</v>
      </c>
      <c r="GY16" s="114">
        <v>0</v>
      </c>
      <c r="GZ16" s="114">
        <v>0</v>
      </c>
      <c r="HA16" s="112">
        <v>258406</v>
      </c>
      <c r="HB16" s="116">
        <v>292726</v>
      </c>
      <c r="HC16" s="110">
        <v>429352</v>
      </c>
      <c r="HD16" s="114">
        <v>803044</v>
      </c>
      <c r="HE16" s="112">
        <v>1232396</v>
      </c>
      <c r="HF16" s="111">
        <v>0</v>
      </c>
      <c r="HG16" s="114">
        <v>5001233</v>
      </c>
      <c r="HH16" s="114">
        <v>2561449</v>
      </c>
      <c r="HI16" s="114">
        <v>3485019</v>
      </c>
      <c r="HJ16" s="114">
        <v>3525525</v>
      </c>
      <c r="HK16" s="114">
        <v>2984724</v>
      </c>
      <c r="HL16" s="113">
        <v>17557950</v>
      </c>
      <c r="HM16" s="109">
        <v>18790346</v>
      </c>
      <c r="HN16" s="329"/>
      <c r="HO16" s="330"/>
      <c r="HP16" s="331"/>
      <c r="HQ16" s="332"/>
      <c r="HR16" s="330"/>
      <c r="HS16" s="330"/>
      <c r="HT16" s="330"/>
      <c r="HU16" s="330"/>
      <c r="HV16" s="330"/>
      <c r="HW16" s="333"/>
      <c r="HX16" s="334"/>
      <c r="HY16" s="150">
        <v>0</v>
      </c>
      <c r="HZ16" s="135">
        <v>0</v>
      </c>
      <c r="IA16" s="150">
        <v>0</v>
      </c>
      <c r="IB16" s="134">
        <v>0</v>
      </c>
      <c r="IC16" s="135">
        <v>4595466</v>
      </c>
      <c r="ID16" s="136">
        <v>5422538</v>
      </c>
      <c r="IE16" s="137">
        <v>4563498</v>
      </c>
      <c r="IF16" s="135">
        <v>3985592</v>
      </c>
      <c r="IG16" s="137">
        <v>3375351</v>
      </c>
      <c r="IH16" s="138">
        <v>21942445</v>
      </c>
      <c r="II16" s="150">
        <v>21942445</v>
      </c>
      <c r="IJ16" s="232">
        <v>0</v>
      </c>
      <c r="IK16" s="236">
        <v>0</v>
      </c>
      <c r="IL16" s="237">
        <v>0</v>
      </c>
      <c r="IM16" s="140"/>
      <c r="IN16" s="119">
        <v>294012</v>
      </c>
      <c r="IO16" s="119">
        <v>101054</v>
      </c>
      <c r="IP16" s="119">
        <v>0</v>
      </c>
      <c r="IQ16" s="119">
        <v>250958</v>
      </c>
      <c r="IR16" s="119">
        <v>0</v>
      </c>
      <c r="IS16" s="141">
        <v>646024</v>
      </c>
      <c r="IT16" s="321">
        <v>646024</v>
      </c>
      <c r="IU16" s="142">
        <v>0</v>
      </c>
      <c r="IV16" s="119">
        <v>0</v>
      </c>
      <c r="IW16" s="120">
        <v>0</v>
      </c>
      <c r="IX16" s="144"/>
      <c r="IY16" s="119">
        <v>10475</v>
      </c>
      <c r="IZ16" s="119">
        <v>10475</v>
      </c>
      <c r="JA16" s="119">
        <v>20950</v>
      </c>
      <c r="JB16" s="119">
        <v>0</v>
      </c>
      <c r="JC16" s="119">
        <v>0</v>
      </c>
      <c r="JD16" s="120">
        <v>41900</v>
      </c>
      <c r="JE16" s="121">
        <v>41900</v>
      </c>
      <c r="JF16" s="142">
        <v>0</v>
      </c>
      <c r="JG16" s="119">
        <v>0</v>
      </c>
      <c r="JH16" s="141">
        <v>0</v>
      </c>
      <c r="JI16" s="118">
        <v>0</v>
      </c>
      <c r="JJ16" s="119">
        <v>2179226</v>
      </c>
      <c r="JK16" s="119">
        <v>1417166</v>
      </c>
      <c r="JL16" s="119">
        <v>259442</v>
      </c>
      <c r="JM16" s="119">
        <v>113645</v>
      </c>
      <c r="JN16" s="119">
        <v>99008</v>
      </c>
      <c r="JO16" s="120">
        <v>4068487</v>
      </c>
      <c r="JP16" s="321">
        <v>4068487</v>
      </c>
      <c r="JQ16" s="142">
        <v>0</v>
      </c>
      <c r="JR16" s="119">
        <v>0</v>
      </c>
      <c r="JS16" s="141">
        <v>0</v>
      </c>
      <c r="JT16" s="118">
        <v>0</v>
      </c>
      <c r="JU16" s="119">
        <v>143610</v>
      </c>
      <c r="JV16" s="119">
        <v>195332</v>
      </c>
      <c r="JW16" s="119">
        <v>452687</v>
      </c>
      <c r="JX16" s="119">
        <v>0</v>
      </c>
      <c r="JY16" s="119">
        <v>45052</v>
      </c>
      <c r="JZ16" s="120">
        <v>836681</v>
      </c>
      <c r="KA16" s="321">
        <v>836681</v>
      </c>
      <c r="KB16" s="234">
        <v>0</v>
      </c>
      <c r="KC16" s="230">
        <v>0</v>
      </c>
      <c r="KD16" s="120">
        <v>0</v>
      </c>
      <c r="KE16" s="118">
        <v>0</v>
      </c>
      <c r="KF16" s="119">
        <v>346404</v>
      </c>
      <c r="KG16" s="119">
        <v>681393</v>
      </c>
      <c r="KH16" s="119">
        <v>930799</v>
      </c>
      <c r="KI16" s="119">
        <v>1365218</v>
      </c>
      <c r="KJ16" s="119">
        <v>269322</v>
      </c>
      <c r="KK16" s="120">
        <v>3593136</v>
      </c>
      <c r="KL16" s="143">
        <v>3593136</v>
      </c>
      <c r="KM16" s="232">
        <v>0</v>
      </c>
      <c r="KN16" s="236">
        <v>0</v>
      </c>
      <c r="KO16" s="237">
        <v>0</v>
      </c>
      <c r="KP16" s="140"/>
      <c r="KQ16" s="119">
        <v>1356915</v>
      </c>
      <c r="KR16" s="119">
        <v>2386273</v>
      </c>
      <c r="KS16" s="119">
        <v>985175</v>
      </c>
      <c r="KT16" s="119">
        <v>1362134</v>
      </c>
      <c r="KU16" s="119">
        <v>1070092</v>
      </c>
      <c r="KV16" s="120">
        <v>7160589</v>
      </c>
      <c r="KW16" s="321">
        <v>7160589</v>
      </c>
      <c r="KX16" s="142">
        <v>0</v>
      </c>
      <c r="KY16" s="119">
        <v>0</v>
      </c>
      <c r="KZ16" s="120">
        <v>0</v>
      </c>
      <c r="LA16" s="145"/>
      <c r="LB16" s="119">
        <v>153773</v>
      </c>
      <c r="LC16" s="119">
        <v>424835</v>
      </c>
      <c r="LD16" s="119">
        <v>668174</v>
      </c>
      <c r="LE16" s="119">
        <v>621183</v>
      </c>
      <c r="LF16" s="119">
        <v>683554</v>
      </c>
      <c r="LG16" s="120">
        <v>2551519</v>
      </c>
      <c r="LH16" s="121">
        <v>2551519</v>
      </c>
      <c r="LI16" s="142">
        <v>0</v>
      </c>
      <c r="LJ16" s="119">
        <v>0</v>
      </c>
      <c r="LK16" s="120">
        <v>0</v>
      </c>
      <c r="LL16" s="145"/>
      <c r="LM16" s="119">
        <v>0</v>
      </c>
      <c r="LN16" s="119">
        <v>0</v>
      </c>
      <c r="LO16" s="119">
        <v>223136</v>
      </c>
      <c r="LP16" s="119">
        <v>272454</v>
      </c>
      <c r="LQ16" s="119">
        <v>785616</v>
      </c>
      <c r="LR16" s="120">
        <v>1281206</v>
      </c>
      <c r="LS16" s="321">
        <v>1281206</v>
      </c>
      <c r="LT16" s="142">
        <v>0</v>
      </c>
      <c r="LU16" s="119">
        <v>0</v>
      </c>
      <c r="LV16" s="120">
        <v>0</v>
      </c>
      <c r="LW16" s="145"/>
      <c r="LX16" s="119">
        <v>111051</v>
      </c>
      <c r="LY16" s="119">
        <v>206010</v>
      </c>
      <c r="LZ16" s="119">
        <v>1023135</v>
      </c>
      <c r="MA16" s="119">
        <v>0</v>
      </c>
      <c r="MB16" s="119">
        <v>422707</v>
      </c>
      <c r="MC16" s="120">
        <v>1762903</v>
      </c>
      <c r="MD16" s="121">
        <v>1762903</v>
      </c>
      <c r="ME16" s="142">
        <v>0</v>
      </c>
      <c r="MF16" s="119">
        <v>0</v>
      </c>
      <c r="MG16" s="120">
        <v>0</v>
      </c>
      <c r="MH16" s="145"/>
      <c r="MI16" s="119">
        <v>1566146</v>
      </c>
      <c r="MJ16" s="119">
        <v>909016</v>
      </c>
      <c r="MK16" s="119">
        <v>7203504</v>
      </c>
      <c r="ML16" s="119">
        <v>11663063</v>
      </c>
      <c r="MM16" s="119">
        <v>7002233</v>
      </c>
      <c r="MN16" s="120">
        <v>28343962</v>
      </c>
      <c r="MO16" s="143">
        <v>28343962</v>
      </c>
      <c r="MP16" s="142">
        <v>0</v>
      </c>
      <c r="MQ16" s="119">
        <v>0</v>
      </c>
      <c r="MR16" s="120">
        <v>0</v>
      </c>
      <c r="MS16" s="145"/>
      <c r="MT16" s="119">
        <v>204880</v>
      </c>
      <c r="MU16" s="119">
        <v>0</v>
      </c>
      <c r="MV16" s="119">
        <v>4541430</v>
      </c>
      <c r="MW16" s="119">
        <v>8480297</v>
      </c>
      <c r="MX16" s="119">
        <v>4663540</v>
      </c>
      <c r="MY16" s="120">
        <v>17890147</v>
      </c>
      <c r="MZ16" s="143">
        <v>17890147</v>
      </c>
      <c r="NA16" s="142">
        <v>0</v>
      </c>
      <c r="NB16" s="119">
        <v>0</v>
      </c>
      <c r="NC16" s="120">
        <v>0</v>
      </c>
      <c r="ND16" s="145"/>
      <c r="NE16" s="119">
        <v>1361266</v>
      </c>
      <c r="NF16" s="119">
        <v>909016</v>
      </c>
      <c r="NG16" s="119">
        <v>2662074</v>
      </c>
      <c r="NH16" s="119">
        <v>2835597</v>
      </c>
      <c r="NI16" s="119">
        <v>2338693</v>
      </c>
      <c r="NJ16" s="120">
        <v>10106646</v>
      </c>
      <c r="NK16" s="321">
        <v>10106646</v>
      </c>
      <c r="NL16" s="142">
        <v>0</v>
      </c>
      <c r="NM16" s="119">
        <v>0</v>
      </c>
      <c r="NN16" s="120">
        <v>0</v>
      </c>
      <c r="NO16" s="145"/>
      <c r="NP16" s="119">
        <v>0</v>
      </c>
      <c r="NQ16" s="119">
        <v>0</v>
      </c>
      <c r="NR16" s="119">
        <v>0</v>
      </c>
      <c r="NS16" s="119">
        <v>0</v>
      </c>
      <c r="NT16" s="119">
        <v>0</v>
      </c>
      <c r="NU16" s="120">
        <v>0</v>
      </c>
      <c r="NV16" s="121">
        <v>0</v>
      </c>
      <c r="NW16" s="142">
        <v>0</v>
      </c>
      <c r="NX16" s="119">
        <v>0</v>
      </c>
      <c r="NY16" s="120">
        <v>0</v>
      </c>
      <c r="NZ16" s="145"/>
      <c r="OA16" s="119">
        <v>0</v>
      </c>
      <c r="OB16" s="119">
        <v>0</v>
      </c>
      <c r="OC16" s="119">
        <v>0</v>
      </c>
      <c r="OD16" s="119">
        <v>347169</v>
      </c>
      <c r="OE16" s="119">
        <v>0</v>
      </c>
      <c r="OF16" s="120">
        <v>347169</v>
      </c>
      <c r="OG16" s="121">
        <v>347169</v>
      </c>
      <c r="OH16" s="142">
        <v>1449407</v>
      </c>
      <c r="OI16" s="119">
        <v>2238177</v>
      </c>
      <c r="OJ16" s="141">
        <v>3687584</v>
      </c>
      <c r="OK16" s="118">
        <v>0</v>
      </c>
      <c r="OL16" s="119">
        <v>27438687</v>
      </c>
      <c r="OM16" s="119">
        <v>22822137</v>
      </c>
      <c r="ON16" s="119">
        <v>31196715</v>
      </c>
      <c r="OO16" s="119">
        <v>28861359</v>
      </c>
      <c r="OP16" s="119">
        <v>20381150</v>
      </c>
      <c r="OQ16" s="120">
        <v>130700048</v>
      </c>
      <c r="OR16" s="143">
        <v>134387632</v>
      </c>
    </row>
    <row r="17" spans="1:408" ht="20.25" customHeight="1" x14ac:dyDescent="0.2">
      <c r="A17" s="126" t="s">
        <v>11</v>
      </c>
      <c r="B17" s="110">
        <v>459293</v>
      </c>
      <c r="C17" s="114">
        <v>684924</v>
      </c>
      <c r="D17" s="171">
        <v>1144217</v>
      </c>
      <c r="E17" s="111">
        <v>0</v>
      </c>
      <c r="F17" s="114">
        <v>7437968</v>
      </c>
      <c r="G17" s="114">
        <v>7468000</v>
      </c>
      <c r="H17" s="114">
        <v>8327574</v>
      </c>
      <c r="I17" s="114">
        <v>8945645</v>
      </c>
      <c r="J17" s="114">
        <v>3805392</v>
      </c>
      <c r="K17" s="109">
        <v>35984579</v>
      </c>
      <c r="L17" s="116">
        <v>37128796</v>
      </c>
      <c r="M17" s="110">
        <v>60903</v>
      </c>
      <c r="N17" s="114">
        <v>170343</v>
      </c>
      <c r="O17" s="113">
        <v>231246</v>
      </c>
      <c r="P17" s="110">
        <v>0</v>
      </c>
      <c r="Q17" s="114">
        <v>1614090</v>
      </c>
      <c r="R17" s="114">
        <v>1244539</v>
      </c>
      <c r="S17" s="114">
        <v>2911065</v>
      </c>
      <c r="T17" s="114">
        <v>2617850</v>
      </c>
      <c r="U17" s="114">
        <v>1936422</v>
      </c>
      <c r="V17" s="113">
        <v>10323966</v>
      </c>
      <c r="W17" s="116">
        <v>10555212</v>
      </c>
      <c r="X17" s="110">
        <v>0</v>
      </c>
      <c r="Y17" s="114">
        <v>0</v>
      </c>
      <c r="Z17" s="113">
        <v>0</v>
      </c>
      <c r="AA17" s="110">
        <v>0</v>
      </c>
      <c r="AB17" s="114">
        <v>509975</v>
      </c>
      <c r="AC17" s="114">
        <v>232612</v>
      </c>
      <c r="AD17" s="114">
        <v>1538199</v>
      </c>
      <c r="AE17" s="114">
        <v>1381039</v>
      </c>
      <c r="AF17" s="114">
        <v>1077476</v>
      </c>
      <c r="AG17" s="113">
        <v>4739301</v>
      </c>
      <c r="AH17" s="116">
        <v>4739301</v>
      </c>
      <c r="AI17" s="110">
        <v>0</v>
      </c>
      <c r="AJ17" s="114">
        <v>0</v>
      </c>
      <c r="AK17" s="113">
        <v>0</v>
      </c>
      <c r="AL17" s="110">
        <v>0</v>
      </c>
      <c r="AM17" s="114">
        <v>0</v>
      </c>
      <c r="AN17" s="114">
        <v>70277</v>
      </c>
      <c r="AO17" s="114">
        <v>206139</v>
      </c>
      <c r="AP17" s="114">
        <v>314369</v>
      </c>
      <c r="AQ17" s="114">
        <v>115926</v>
      </c>
      <c r="AR17" s="113">
        <v>706711</v>
      </c>
      <c r="AS17" s="116">
        <v>706711</v>
      </c>
      <c r="AT17" s="110">
        <v>30831</v>
      </c>
      <c r="AU17" s="114">
        <v>97143</v>
      </c>
      <c r="AV17" s="113">
        <v>127974</v>
      </c>
      <c r="AW17" s="110">
        <v>0</v>
      </c>
      <c r="AX17" s="114">
        <v>678751</v>
      </c>
      <c r="AY17" s="114">
        <v>620262</v>
      </c>
      <c r="AZ17" s="114">
        <v>720934</v>
      </c>
      <c r="BA17" s="114">
        <v>450423</v>
      </c>
      <c r="BB17" s="114">
        <v>576364</v>
      </c>
      <c r="BC17" s="113">
        <v>3046734</v>
      </c>
      <c r="BD17" s="116">
        <v>3174708</v>
      </c>
      <c r="BE17" s="110">
        <v>0</v>
      </c>
      <c r="BF17" s="114">
        <v>29568</v>
      </c>
      <c r="BG17" s="112">
        <v>29568</v>
      </c>
      <c r="BH17" s="111">
        <v>0</v>
      </c>
      <c r="BI17" s="114">
        <v>69772</v>
      </c>
      <c r="BJ17" s="114">
        <v>31700</v>
      </c>
      <c r="BK17" s="114">
        <v>62793</v>
      </c>
      <c r="BL17" s="114">
        <v>202179</v>
      </c>
      <c r="BM17" s="114">
        <v>0</v>
      </c>
      <c r="BN17" s="113">
        <v>366444</v>
      </c>
      <c r="BO17" s="116">
        <v>396012</v>
      </c>
      <c r="BP17" s="110">
        <v>30072</v>
      </c>
      <c r="BQ17" s="114">
        <v>43632</v>
      </c>
      <c r="BR17" s="113">
        <v>73704</v>
      </c>
      <c r="BS17" s="110">
        <v>0</v>
      </c>
      <c r="BT17" s="114">
        <v>355592</v>
      </c>
      <c r="BU17" s="114">
        <v>289688</v>
      </c>
      <c r="BV17" s="114">
        <v>383000</v>
      </c>
      <c r="BW17" s="114">
        <v>269840</v>
      </c>
      <c r="BX17" s="114">
        <v>166656</v>
      </c>
      <c r="BY17" s="113">
        <v>1464776</v>
      </c>
      <c r="BZ17" s="116">
        <v>1538480</v>
      </c>
      <c r="CA17" s="110">
        <v>84524</v>
      </c>
      <c r="CB17" s="114">
        <v>77461</v>
      </c>
      <c r="CC17" s="113">
        <v>161985</v>
      </c>
      <c r="CD17" s="110">
        <v>0</v>
      </c>
      <c r="CE17" s="114">
        <v>2357724</v>
      </c>
      <c r="CF17" s="114">
        <v>1966569</v>
      </c>
      <c r="CG17" s="114">
        <v>1641561</v>
      </c>
      <c r="CH17" s="114">
        <v>1812444</v>
      </c>
      <c r="CI17" s="114">
        <v>285795</v>
      </c>
      <c r="CJ17" s="113">
        <v>8064093</v>
      </c>
      <c r="CK17" s="116">
        <v>8226078</v>
      </c>
      <c r="CL17" s="110">
        <v>0</v>
      </c>
      <c r="CM17" s="114">
        <v>0</v>
      </c>
      <c r="CN17" s="113">
        <v>0</v>
      </c>
      <c r="CO17" s="111">
        <v>0</v>
      </c>
      <c r="CP17" s="114">
        <v>1617643</v>
      </c>
      <c r="CQ17" s="114">
        <v>1336595</v>
      </c>
      <c r="CR17" s="114">
        <v>1466424</v>
      </c>
      <c r="CS17" s="114">
        <v>1215977</v>
      </c>
      <c r="CT17" s="114">
        <v>198256</v>
      </c>
      <c r="CU17" s="113">
        <v>5834895</v>
      </c>
      <c r="CV17" s="116">
        <v>5834895</v>
      </c>
      <c r="CW17" s="110">
        <v>84524</v>
      </c>
      <c r="CX17" s="114">
        <v>77461</v>
      </c>
      <c r="CY17" s="113">
        <v>161985</v>
      </c>
      <c r="CZ17" s="110">
        <v>0</v>
      </c>
      <c r="DA17" s="114">
        <v>740081</v>
      </c>
      <c r="DB17" s="114">
        <v>629974</v>
      </c>
      <c r="DC17" s="114">
        <v>175137</v>
      </c>
      <c r="DD17" s="114">
        <v>596467</v>
      </c>
      <c r="DE17" s="114">
        <v>87539</v>
      </c>
      <c r="DF17" s="113">
        <v>2229198</v>
      </c>
      <c r="DG17" s="116">
        <v>2391183</v>
      </c>
      <c r="DH17" s="110">
        <v>0</v>
      </c>
      <c r="DI17" s="114">
        <v>0</v>
      </c>
      <c r="DJ17" s="112">
        <v>0</v>
      </c>
      <c r="DK17" s="111">
        <v>0</v>
      </c>
      <c r="DL17" s="114">
        <v>308917</v>
      </c>
      <c r="DM17" s="114">
        <v>269424</v>
      </c>
      <c r="DN17" s="114">
        <v>669087</v>
      </c>
      <c r="DO17" s="114">
        <v>791759</v>
      </c>
      <c r="DP17" s="114">
        <v>0</v>
      </c>
      <c r="DQ17" s="113">
        <v>2039187</v>
      </c>
      <c r="DR17" s="116">
        <v>2039187</v>
      </c>
      <c r="DS17" s="110">
        <v>0</v>
      </c>
      <c r="DT17" s="114">
        <v>0</v>
      </c>
      <c r="DU17" s="113">
        <v>0</v>
      </c>
      <c r="DV17" s="110">
        <v>0</v>
      </c>
      <c r="DW17" s="114">
        <v>308917</v>
      </c>
      <c r="DX17" s="114">
        <v>195129</v>
      </c>
      <c r="DY17" s="114">
        <v>669087</v>
      </c>
      <c r="DZ17" s="114">
        <v>759967</v>
      </c>
      <c r="EA17" s="114">
        <v>0</v>
      </c>
      <c r="EB17" s="113">
        <v>1933100</v>
      </c>
      <c r="EC17" s="116">
        <v>1933100</v>
      </c>
      <c r="ED17" s="110">
        <v>0</v>
      </c>
      <c r="EE17" s="112">
        <v>0</v>
      </c>
      <c r="EF17" s="113">
        <v>0</v>
      </c>
      <c r="EG17" s="110">
        <v>0</v>
      </c>
      <c r="EH17" s="114">
        <v>0</v>
      </c>
      <c r="EI17" s="114">
        <v>74295</v>
      </c>
      <c r="EJ17" s="114">
        <v>0</v>
      </c>
      <c r="EK17" s="114">
        <v>31792</v>
      </c>
      <c r="EL17" s="114">
        <v>0</v>
      </c>
      <c r="EM17" s="112">
        <v>106087</v>
      </c>
      <c r="EN17" s="116">
        <v>106087</v>
      </c>
      <c r="EO17" s="110">
        <v>0</v>
      </c>
      <c r="EP17" s="114">
        <v>0</v>
      </c>
      <c r="EQ17" s="112">
        <v>0</v>
      </c>
      <c r="ER17" s="111">
        <v>0</v>
      </c>
      <c r="ES17" s="114">
        <v>0</v>
      </c>
      <c r="ET17" s="114">
        <v>0</v>
      </c>
      <c r="EU17" s="114">
        <v>0</v>
      </c>
      <c r="EV17" s="114">
        <v>0</v>
      </c>
      <c r="EW17" s="114">
        <v>0</v>
      </c>
      <c r="EX17" s="113">
        <v>0</v>
      </c>
      <c r="EY17" s="116">
        <v>0</v>
      </c>
      <c r="EZ17" s="110">
        <v>0</v>
      </c>
      <c r="FA17" s="114">
        <v>0</v>
      </c>
      <c r="FB17" s="112">
        <v>0</v>
      </c>
      <c r="FC17" s="348"/>
      <c r="FD17" s="114">
        <v>0</v>
      </c>
      <c r="FE17" s="114">
        <v>0</v>
      </c>
      <c r="FF17" s="114">
        <v>0</v>
      </c>
      <c r="FG17" s="114">
        <v>0</v>
      </c>
      <c r="FH17" s="114">
        <v>0</v>
      </c>
      <c r="FI17" s="113">
        <v>0</v>
      </c>
      <c r="FJ17" s="116">
        <v>0</v>
      </c>
      <c r="FK17" s="110">
        <v>101960</v>
      </c>
      <c r="FL17" s="114">
        <v>154368</v>
      </c>
      <c r="FM17" s="113">
        <v>256328</v>
      </c>
      <c r="FN17" s="110">
        <v>0</v>
      </c>
      <c r="FO17" s="114">
        <v>319592</v>
      </c>
      <c r="FP17" s="114">
        <v>485080</v>
      </c>
      <c r="FQ17" s="114">
        <v>593768</v>
      </c>
      <c r="FR17" s="114">
        <v>600792</v>
      </c>
      <c r="FS17" s="114">
        <v>220848</v>
      </c>
      <c r="FT17" s="113">
        <v>2220080</v>
      </c>
      <c r="FU17" s="116">
        <v>2476408</v>
      </c>
      <c r="FV17" s="115">
        <v>101960</v>
      </c>
      <c r="FW17" s="114">
        <v>154368</v>
      </c>
      <c r="FX17" s="112">
        <v>256328</v>
      </c>
      <c r="FY17" s="111">
        <v>0</v>
      </c>
      <c r="FZ17" s="114">
        <v>319592</v>
      </c>
      <c r="GA17" s="114">
        <v>485080</v>
      </c>
      <c r="GB17" s="114">
        <v>593768</v>
      </c>
      <c r="GC17" s="114">
        <v>600792</v>
      </c>
      <c r="GD17" s="114">
        <v>220848</v>
      </c>
      <c r="GE17" s="113">
        <v>2220080</v>
      </c>
      <c r="GF17" s="319">
        <v>2476408</v>
      </c>
      <c r="GG17" s="115">
        <v>0</v>
      </c>
      <c r="GH17" s="114">
        <v>0</v>
      </c>
      <c r="GI17" s="112">
        <v>0</v>
      </c>
      <c r="GJ17" s="111">
        <v>0</v>
      </c>
      <c r="GK17" s="114">
        <v>0</v>
      </c>
      <c r="GL17" s="114">
        <v>0</v>
      </c>
      <c r="GM17" s="114">
        <v>0</v>
      </c>
      <c r="GN17" s="114">
        <v>0</v>
      </c>
      <c r="GO17" s="114">
        <v>0</v>
      </c>
      <c r="GP17" s="113">
        <v>0</v>
      </c>
      <c r="GQ17" s="116">
        <v>0</v>
      </c>
      <c r="GR17" s="110">
        <v>0</v>
      </c>
      <c r="GS17" s="114">
        <v>0</v>
      </c>
      <c r="GT17" s="113">
        <v>0</v>
      </c>
      <c r="GU17" s="110">
        <v>0</v>
      </c>
      <c r="GV17" s="114">
        <v>0</v>
      </c>
      <c r="GW17" s="114">
        <v>0</v>
      </c>
      <c r="GX17" s="114">
        <v>0</v>
      </c>
      <c r="GY17" s="114">
        <v>0</v>
      </c>
      <c r="GZ17" s="114">
        <v>0</v>
      </c>
      <c r="HA17" s="112">
        <v>0</v>
      </c>
      <c r="HB17" s="116">
        <v>0</v>
      </c>
      <c r="HC17" s="110">
        <v>211906</v>
      </c>
      <c r="HD17" s="114">
        <v>282752</v>
      </c>
      <c r="HE17" s="112">
        <v>494658</v>
      </c>
      <c r="HF17" s="111">
        <v>0</v>
      </c>
      <c r="HG17" s="114">
        <v>2837645</v>
      </c>
      <c r="HH17" s="114">
        <v>3502388</v>
      </c>
      <c r="HI17" s="114">
        <v>2512093</v>
      </c>
      <c r="HJ17" s="114">
        <v>3122800</v>
      </c>
      <c r="HK17" s="114">
        <v>1362327</v>
      </c>
      <c r="HL17" s="113">
        <v>13337253</v>
      </c>
      <c r="HM17" s="109">
        <v>13831911</v>
      </c>
      <c r="HN17" s="329"/>
      <c r="HO17" s="330"/>
      <c r="HP17" s="331"/>
      <c r="HQ17" s="332"/>
      <c r="HR17" s="330"/>
      <c r="HS17" s="330"/>
      <c r="HT17" s="330"/>
      <c r="HU17" s="330"/>
      <c r="HV17" s="330"/>
      <c r="HW17" s="333"/>
      <c r="HX17" s="334"/>
      <c r="HY17" s="131">
        <v>0</v>
      </c>
      <c r="HZ17" s="132">
        <v>0</v>
      </c>
      <c r="IA17" s="133">
        <v>0</v>
      </c>
      <c r="IB17" s="146">
        <v>0</v>
      </c>
      <c r="IC17" s="132">
        <v>1829180</v>
      </c>
      <c r="ID17" s="147">
        <v>1582814</v>
      </c>
      <c r="IE17" s="133">
        <v>2304851</v>
      </c>
      <c r="IF17" s="132">
        <v>1027054</v>
      </c>
      <c r="IG17" s="133">
        <v>249555</v>
      </c>
      <c r="IH17" s="148">
        <v>6993454</v>
      </c>
      <c r="II17" s="139">
        <v>6993454</v>
      </c>
      <c r="IJ17" s="232">
        <v>0</v>
      </c>
      <c r="IK17" s="236">
        <v>0</v>
      </c>
      <c r="IL17" s="237">
        <v>0</v>
      </c>
      <c r="IM17" s="140"/>
      <c r="IN17" s="119">
        <v>62296</v>
      </c>
      <c r="IO17" s="119">
        <v>0</v>
      </c>
      <c r="IP17" s="119">
        <v>325372</v>
      </c>
      <c r="IQ17" s="119">
        <v>0</v>
      </c>
      <c r="IR17" s="119">
        <v>0</v>
      </c>
      <c r="IS17" s="141">
        <v>387668</v>
      </c>
      <c r="IT17" s="321">
        <v>387668</v>
      </c>
      <c r="IU17" s="142">
        <v>0</v>
      </c>
      <c r="IV17" s="119">
        <v>0</v>
      </c>
      <c r="IW17" s="120">
        <v>0</v>
      </c>
      <c r="IX17" s="144"/>
      <c r="IY17" s="119">
        <v>16503</v>
      </c>
      <c r="IZ17" s="119">
        <v>0</v>
      </c>
      <c r="JA17" s="119">
        <v>0</v>
      </c>
      <c r="JB17" s="119">
        <v>0</v>
      </c>
      <c r="JC17" s="119">
        <v>0</v>
      </c>
      <c r="JD17" s="120">
        <v>16503</v>
      </c>
      <c r="JE17" s="121">
        <v>16503</v>
      </c>
      <c r="JF17" s="142">
        <v>0</v>
      </c>
      <c r="JG17" s="119">
        <v>0</v>
      </c>
      <c r="JH17" s="141">
        <v>0</v>
      </c>
      <c r="JI17" s="118">
        <v>0</v>
      </c>
      <c r="JJ17" s="119">
        <v>992930</v>
      </c>
      <c r="JK17" s="119">
        <v>447474</v>
      </c>
      <c r="JL17" s="119">
        <v>1026921</v>
      </c>
      <c r="JM17" s="119">
        <v>287783</v>
      </c>
      <c r="JN17" s="119">
        <v>249555</v>
      </c>
      <c r="JO17" s="120">
        <v>3004663</v>
      </c>
      <c r="JP17" s="321">
        <v>3004663</v>
      </c>
      <c r="JQ17" s="142">
        <v>0</v>
      </c>
      <c r="JR17" s="119">
        <v>0</v>
      </c>
      <c r="JS17" s="141">
        <v>0</v>
      </c>
      <c r="JT17" s="118">
        <v>0</v>
      </c>
      <c r="JU17" s="119">
        <v>185576</v>
      </c>
      <c r="JV17" s="119">
        <v>202549</v>
      </c>
      <c r="JW17" s="119">
        <v>250058</v>
      </c>
      <c r="JX17" s="119">
        <v>0</v>
      </c>
      <c r="JY17" s="119">
        <v>0</v>
      </c>
      <c r="JZ17" s="120">
        <v>638183</v>
      </c>
      <c r="KA17" s="321">
        <v>638183</v>
      </c>
      <c r="KB17" s="234">
        <v>0</v>
      </c>
      <c r="KC17" s="230">
        <v>0</v>
      </c>
      <c r="KD17" s="120">
        <v>0</v>
      </c>
      <c r="KE17" s="118">
        <v>0</v>
      </c>
      <c r="KF17" s="119">
        <v>106242</v>
      </c>
      <c r="KG17" s="119">
        <v>328457</v>
      </c>
      <c r="KH17" s="119">
        <v>460746</v>
      </c>
      <c r="KI17" s="119">
        <v>0</v>
      </c>
      <c r="KJ17" s="119">
        <v>0</v>
      </c>
      <c r="KK17" s="120">
        <v>895445</v>
      </c>
      <c r="KL17" s="143">
        <v>895445</v>
      </c>
      <c r="KM17" s="232">
        <v>0</v>
      </c>
      <c r="KN17" s="236">
        <v>0</v>
      </c>
      <c r="KO17" s="237">
        <v>0</v>
      </c>
      <c r="KP17" s="140"/>
      <c r="KQ17" s="119">
        <v>465633</v>
      </c>
      <c r="KR17" s="119">
        <v>230158</v>
      </c>
      <c r="KS17" s="119">
        <v>241754</v>
      </c>
      <c r="KT17" s="119">
        <v>739271</v>
      </c>
      <c r="KU17" s="119">
        <v>0</v>
      </c>
      <c r="KV17" s="120">
        <v>1676816</v>
      </c>
      <c r="KW17" s="321">
        <v>1676816</v>
      </c>
      <c r="KX17" s="142">
        <v>0</v>
      </c>
      <c r="KY17" s="119">
        <v>0</v>
      </c>
      <c r="KZ17" s="120">
        <v>0</v>
      </c>
      <c r="LA17" s="145"/>
      <c r="LB17" s="119">
        <v>0</v>
      </c>
      <c r="LC17" s="119">
        <v>0</v>
      </c>
      <c r="LD17" s="119">
        <v>0</v>
      </c>
      <c r="LE17" s="119">
        <v>0</v>
      </c>
      <c r="LF17" s="119">
        <v>0</v>
      </c>
      <c r="LG17" s="120">
        <v>0</v>
      </c>
      <c r="LH17" s="121">
        <v>0</v>
      </c>
      <c r="LI17" s="142">
        <v>0</v>
      </c>
      <c r="LJ17" s="119">
        <v>0</v>
      </c>
      <c r="LK17" s="120">
        <v>0</v>
      </c>
      <c r="LL17" s="145"/>
      <c r="LM17" s="119">
        <v>0</v>
      </c>
      <c r="LN17" s="119">
        <v>0</v>
      </c>
      <c r="LO17" s="119">
        <v>0</v>
      </c>
      <c r="LP17" s="119">
        <v>0</v>
      </c>
      <c r="LQ17" s="119">
        <v>0</v>
      </c>
      <c r="LR17" s="120">
        <v>0</v>
      </c>
      <c r="LS17" s="321">
        <v>0</v>
      </c>
      <c r="LT17" s="142">
        <v>0</v>
      </c>
      <c r="LU17" s="119">
        <v>0</v>
      </c>
      <c r="LV17" s="120">
        <v>0</v>
      </c>
      <c r="LW17" s="145"/>
      <c r="LX17" s="119">
        <v>0</v>
      </c>
      <c r="LY17" s="119">
        <v>374176</v>
      </c>
      <c r="LZ17" s="119">
        <v>0</v>
      </c>
      <c r="MA17" s="119">
        <v>0</v>
      </c>
      <c r="MB17" s="119">
        <v>0</v>
      </c>
      <c r="MC17" s="120">
        <v>374176</v>
      </c>
      <c r="MD17" s="121">
        <v>374176</v>
      </c>
      <c r="ME17" s="142">
        <v>0</v>
      </c>
      <c r="MF17" s="119">
        <v>0</v>
      </c>
      <c r="MG17" s="120">
        <v>0</v>
      </c>
      <c r="MH17" s="145"/>
      <c r="MI17" s="119">
        <v>451104</v>
      </c>
      <c r="MJ17" s="119">
        <v>1270520</v>
      </c>
      <c r="MK17" s="119">
        <v>2159576</v>
      </c>
      <c r="ML17" s="119">
        <v>4619037</v>
      </c>
      <c r="MM17" s="119">
        <v>3054217</v>
      </c>
      <c r="MN17" s="120">
        <v>11554454</v>
      </c>
      <c r="MO17" s="143">
        <v>11554454</v>
      </c>
      <c r="MP17" s="142">
        <v>0</v>
      </c>
      <c r="MQ17" s="119">
        <v>0</v>
      </c>
      <c r="MR17" s="120">
        <v>0</v>
      </c>
      <c r="MS17" s="145"/>
      <c r="MT17" s="119">
        <v>0</v>
      </c>
      <c r="MU17" s="119">
        <v>0</v>
      </c>
      <c r="MV17" s="119">
        <v>1170508</v>
      </c>
      <c r="MW17" s="119">
        <v>3029426</v>
      </c>
      <c r="MX17" s="119">
        <v>1879876</v>
      </c>
      <c r="MY17" s="120">
        <v>6079810</v>
      </c>
      <c r="MZ17" s="143">
        <v>6079810</v>
      </c>
      <c r="NA17" s="142">
        <v>0</v>
      </c>
      <c r="NB17" s="119">
        <v>0</v>
      </c>
      <c r="NC17" s="120">
        <v>0</v>
      </c>
      <c r="ND17" s="145"/>
      <c r="NE17" s="119">
        <v>451104</v>
      </c>
      <c r="NF17" s="119">
        <v>1044704</v>
      </c>
      <c r="NG17" s="119">
        <v>989068</v>
      </c>
      <c r="NH17" s="119">
        <v>1294963</v>
      </c>
      <c r="NI17" s="119">
        <v>1174341</v>
      </c>
      <c r="NJ17" s="120">
        <v>4954180</v>
      </c>
      <c r="NK17" s="321">
        <v>4954180</v>
      </c>
      <c r="NL17" s="142">
        <v>0</v>
      </c>
      <c r="NM17" s="119">
        <v>0</v>
      </c>
      <c r="NN17" s="120">
        <v>0</v>
      </c>
      <c r="NO17" s="145"/>
      <c r="NP17" s="119">
        <v>0</v>
      </c>
      <c r="NQ17" s="119">
        <v>0</v>
      </c>
      <c r="NR17" s="119">
        <v>0</v>
      </c>
      <c r="NS17" s="119">
        <v>0</v>
      </c>
      <c r="NT17" s="119">
        <v>0</v>
      </c>
      <c r="NU17" s="120">
        <v>0</v>
      </c>
      <c r="NV17" s="121">
        <v>0</v>
      </c>
      <c r="NW17" s="142">
        <v>0</v>
      </c>
      <c r="NX17" s="119">
        <v>0</v>
      </c>
      <c r="NY17" s="120">
        <v>0</v>
      </c>
      <c r="NZ17" s="145"/>
      <c r="OA17" s="119">
        <v>0</v>
      </c>
      <c r="OB17" s="119">
        <v>225816</v>
      </c>
      <c r="OC17" s="119">
        <v>0</v>
      </c>
      <c r="OD17" s="119">
        <v>294648</v>
      </c>
      <c r="OE17" s="119">
        <v>0</v>
      </c>
      <c r="OF17" s="120">
        <v>520464</v>
      </c>
      <c r="OG17" s="121">
        <v>520464</v>
      </c>
      <c r="OH17" s="142">
        <v>459293</v>
      </c>
      <c r="OI17" s="119">
        <v>684924</v>
      </c>
      <c r="OJ17" s="141">
        <v>1144217</v>
      </c>
      <c r="OK17" s="118">
        <v>0</v>
      </c>
      <c r="OL17" s="119">
        <v>9718252</v>
      </c>
      <c r="OM17" s="119">
        <v>10321334</v>
      </c>
      <c r="ON17" s="119">
        <v>12792001</v>
      </c>
      <c r="OO17" s="119">
        <v>14591736</v>
      </c>
      <c r="OP17" s="119">
        <v>7109164</v>
      </c>
      <c r="OQ17" s="120">
        <v>54532487</v>
      </c>
      <c r="OR17" s="143">
        <v>55676704</v>
      </c>
    </row>
    <row r="18" spans="1:408" ht="20.25" customHeight="1" x14ac:dyDescent="0.2">
      <c r="A18" s="126" t="s">
        <v>12</v>
      </c>
      <c r="B18" s="110">
        <v>964812</v>
      </c>
      <c r="C18" s="114">
        <v>1617474</v>
      </c>
      <c r="D18" s="113">
        <v>2582286</v>
      </c>
      <c r="E18" s="109">
        <v>0</v>
      </c>
      <c r="F18" s="114">
        <v>7631907</v>
      </c>
      <c r="G18" s="170">
        <v>8673248</v>
      </c>
      <c r="H18" s="170">
        <v>9217832</v>
      </c>
      <c r="I18" s="170">
        <v>9889525</v>
      </c>
      <c r="J18" s="170">
        <v>4685615</v>
      </c>
      <c r="K18" s="112">
        <v>40098127</v>
      </c>
      <c r="L18" s="116">
        <v>42680413</v>
      </c>
      <c r="M18" s="110">
        <v>434757</v>
      </c>
      <c r="N18" s="114">
        <v>627233</v>
      </c>
      <c r="O18" s="113">
        <v>1061990</v>
      </c>
      <c r="P18" s="110">
        <v>0</v>
      </c>
      <c r="Q18" s="114">
        <v>2594101</v>
      </c>
      <c r="R18" s="114">
        <v>3578585</v>
      </c>
      <c r="S18" s="114">
        <v>3128208</v>
      </c>
      <c r="T18" s="114">
        <v>3771384</v>
      </c>
      <c r="U18" s="114">
        <v>3045903</v>
      </c>
      <c r="V18" s="113">
        <v>16118181</v>
      </c>
      <c r="W18" s="116">
        <v>17180171</v>
      </c>
      <c r="X18" s="110">
        <v>0</v>
      </c>
      <c r="Y18" s="114">
        <v>0</v>
      </c>
      <c r="Z18" s="113">
        <v>0</v>
      </c>
      <c r="AA18" s="110">
        <v>0</v>
      </c>
      <c r="AB18" s="114">
        <v>1311167</v>
      </c>
      <c r="AC18" s="114">
        <v>1875703</v>
      </c>
      <c r="AD18" s="114">
        <v>1832787</v>
      </c>
      <c r="AE18" s="114">
        <v>2812436</v>
      </c>
      <c r="AF18" s="114">
        <v>1857118</v>
      </c>
      <c r="AG18" s="113">
        <v>9689211</v>
      </c>
      <c r="AH18" s="116">
        <v>9689211</v>
      </c>
      <c r="AI18" s="110">
        <v>0</v>
      </c>
      <c r="AJ18" s="114">
        <v>0</v>
      </c>
      <c r="AK18" s="113">
        <v>0</v>
      </c>
      <c r="AL18" s="110">
        <v>0</v>
      </c>
      <c r="AM18" s="114">
        <v>0</v>
      </c>
      <c r="AN18" s="114">
        <v>0</v>
      </c>
      <c r="AO18" s="114">
        <v>46292</v>
      </c>
      <c r="AP18" s="114">
        <v>57052</v>
      </c>
      <c r="AQ18" s="114">
        <v>450080</v>
      </c>
      <c r="AR18" s="113">
        <v>553424</v>
      </c>
      <c r="AS18" s="116">
        <v>553424</v>
      </c>
      <c r="AT18" s="110">
        <v>379445</v>
      </c>
      <c r="AU18" s="114">
        <v>484025</v>
      </c>
      <c r="AV18" s="113">
        <v>863470</v>
      </c>
      <c r="AW18" s="110">
        <v>0</v>
      </c>
      <c r="AX18" s="114">
        <v>930487</v>
      </c>
      <c r="AY18" s="114">
        <v>1225490</v>
      </c>
      <c r="AZ18" s="114">
        <v>857088</v>
      </c>
      <c r="BA18" s="114">
        <v>302765</v>
      </c>
      <c r="BB18" s="114">
        <v>509771</v>
      </c>
      <c r="BC18" s="113">
        <v>3825601</v>
      </c>
      <c r="BD18" s="116">
        <v>4689071</v>
      </c>
      <c r="BE18" s="110">
        <v>0</v>
      </c>
      <c r="BF18" s="114">
        <v>0</v>
      </c>
      <c r="BG18" s="112">
        <v>0</v>
      </c>
      <c r="BH18" s="111">
        <v>0</v>
      </c>
      <c r="BI18" s="114">
        <v>64319</v>
      </c>
      <c r="BJ18" s="114">
        <v>152568</v>
      </c>
      <c r="BK18" s="114">
        <v>128105</v>
      </c>
      <c r="BL18" s="114">
        <v>158403</v>
      </c>
      <c r="BM18" s="114">
        <v>25302</v>
      </c>
      <c r="BN18" s="113">
        <v>528697</v>
      </c>
      <c r="BO18" s="116">
        <v>528697</v>
      </c>
      <c r="BP18" s="110">
        <v>55312</v>
      </c>
      <c r="BQ18" s="114">
        <v>143208</v>
      </c>
      <c r="BR18" s="113">
        <v>198520</v>
      </c>
      <c r="BS18" s="110">
        <v>0</v>
      </c>
      <c r="BT18" s="114">
        <v>288128</v>
      </c>
      <c r="BU18" s="114">
        <v>324824</v>
      </c>
      <c r="BV18" s="114">
        <v>263936</v>
      </c>
      <c r="BW18" s="114">
        <v>440728</v>
      </c>
      <c r="BX18" s="114">
        <v>203632</v>
      </c>
      <c r="BY18" s="113">
        <v>1521248</v>
      </c>
      <c r="BZ18" s="116">
        <v>1719768</v>
      </c>
      <c r="CA18" s="110">
        <v>192288</v>
      </c>
      <c r="CB18" s="114">
        <v>233692</v>
      </c>
      <c r="CC18" s="113">
        <v>425980</v>
      </c>
      <c r="CD18" s="110">
        <v>0</v>
      </c>
      <c r="CE18" s="114">
        <v>3269721</v>
      </c>
      <c r="CF18" s="114">
        <v>2518072</v>
      </c>
      <c r="CG18" s="114">
        <v>2599810</v>
      </c>
      <c r="CH18" s="114">
        <v>1212218</v>
      </c>
      <c r="CI18" s="114">
        <v>166086</v>
      </c>
      <c r="CJ18" s="113">
        <v>9765907</v>
      </c>
      <c r="CK18" s="116">
        <v>10191887</v>
      </c>
      <c r="CL18" s="110">
        <v>0</v>
      </c>
      <c r="CM18" s="114">
        <v>0</v>
      </c>
      <c r="CN18" s="113">
        <v>0</v>
      </c>
      <c r="CO18" s="111">
        <v>0</v>
      </c>
      <c r="CP18" s="114">
        <v>2452296</v>
      </c>
      <c r="CQ18" s="114">
        <v>1922806</v>
      </c>
      <c r="CR18" s="114">
        <v>1823706</v>
      </c>
      <c r="CS18" s="114">
        <v>570794</v>
      </c>
      <c r="CT18" s="114">
        <v>166086</v>
      </c>
      <c r="CU18" s="113">
        <v>6935688</v>
      </c>
      <c r="CV18" s="116">
        <v>6935688</v>
      </c>
      <c r="CW18" s="110">
        <v>192288</v>
      </c>
      <c r="CX18" s="114">
        <v>233692</v>
      </c>
      <c r="CY18" s="113">
        <v>425980</v>
      </c>
      <c r="CZ18" s="110">
        <v>0</v>
      </c>
      <c r="DA18" s="114">
        <v>817425</v>
      </c>
      <c r="DB18" s="114">
        <v>595266</v>
      </c>
      <c r="DC18" s="114">
        <v>776104</v>
      </c>
      <c r="DD18" s="114">
        <v>641424</v>
      </c>
      <c r="DE18" s="114">
        <v>0</v>
      </c>
      <c r="DF18" s="113">
        <v>2830219</v>
      </c>
      <c r="DG18" s="116">
        <v>3256199</v>
      </c>
      <c r="DH18" s="110">
        <v>8557</v>
      </c>
      <c r="DI18" s="114">
        <v>30924</v>
      </c>
      <c r="DJ18" s="112">
        <v>39481</v>
      </c>
      <c r="DK18" s="111">
        <v>0</v>
      </c>
      <c r="DL18" s="114">
        <v>425502</v>
      </c>
      <c r="DM18" s="114">
        <v>323925</v>
      </c>
      <c r="DN18" s="114">
        <v>710268</v>
      </c>
      <c r="DO18" s="114">
        <v>1120503</v>
      </c>
      <c r="DP18" s="114">
        <v>474474</v>
      </c>
      <c r="DQ18" s="113">
        <v>3054672</v>
      </c>
      <c r="DR18" s="116">
        <v>3094153</v>
      </c>
      <c r="DS18" s="110">
        <v>8557</v>
      </c>
      <c r="DT18" s="114">
        <v>30924</v>
      </c>
      <c r="DU18" s="113">
        <v>39481</v>
      </c>
      <c r="DV18" s="110">
        <v>0</v>
      </c>
      <c r="DW18" s="114">
        <v>425502</v>
      </c>
      <c r="DX18" s="114">
        <v>255491</v>
      </c>
      <c r="DY18" s="114">
        <v>633689</v>
      </c>
      <c r="DZ18" s="114">
        <v>1120503</v>
      </c>
      <c r="EA18" s="114">
        <v>437925</v>
      </c>
      <c r="EB18" s="113">
        <v>2873110</v>
      </c>
      <c r="EC18" s="116">
        <v>2912591</v>
      </c>
      <c r="ED18" s="110">
        <v>0</v>
      </c>
      <c r="EE18" s="112">
        <v>0</v>
      </c>
      <c r="EF18" s="113">
        <v>0</v>
      </c>
      <c r="EG18" s="110">
        <v>0</v>
      </c>
      <c r="EH18" s="114">
        <v>0</v>
      </c>
      <c r="EI18" s="114">
        <v>68434</v>
      </c>
      <c r="EJ18" s="114">
        <v>76579</v>
      </c>
      <c r="EK18" s="114">
        <v>0</v>
      </c>
      <c r="EL18" s="114">
        <v>36549</v>
      </c>
      <c r="EM18" s="112">
        <v>181562</v>
      </c>
      <c r="EN18" s="116">
        <v>181562</v>
      </c>
      <c r="EO18" s="110">
        <v>0</v>
      </c>
      <c r="EP18" s="114">
        <v>0</v>
      </c>
      <c r="EQ18" s="112">
        <v>0</v>
      </c>
      <c r="ER18" s="111">
        <v>0</v>
      </c>
      <c r="ES18" s="114">
        <v>0</v>
      </c>
      <c r="ET18" s="114">
        <v>0</v>
      </c>
      <c r="EU18" s="114">
        <v>0</v>
      </c>
      <c r="EV18" s="114">
        <v>0</v>
      </c>
      <c r="EW18" s="114">
        <v>0</v>
      </c>
      <c r="EX18" s="113">
        <v>0</v>
      </c>
      <c r="EY18" s="116">
        <v>0</v>
      </c>
      <c r="EZ18" s="110">
        <v>0</v>
      </c>
      <c r="FA18" s="114">
        <v>0</v>
      </c>
      <c r="FB18" s="112">
        <v>0</v>
      </c>
      <c r="FC18" s="348"/>
      <c r="FD18" s="114">
        <v>0</v>
      </c>
      <c r="FE18" s="114">
        <v>0</v>
      </c>
      <c r="FF18" s="114">
        <v>0</v>
      </c>
      <c r="FG18" s="114">
        <v>0</v>
      </c>
      <c r="FH18" s="114">
        <v>0</v>
      </c>
      <c r="FI18" s="113">
        <v>0</v>
      </c>
      <c r="FJ18" s="116">
        <v>0</v>
      </c>
      <c r="FK18" s="110">
        <v>271552</v>
      </c>
      <c r="FL18" s="114">
        <v>182189</v>
      </c>
      <c r="FM18" s="113">
        <v>453741</v>
      </c>
      <c r="FN18" s="110">
        <v>0</v>
      </c>
      <c r="FO18" s="114">
        <v>319320</v>
      </c>
      <c r="FP18" s="114">
        <v>902336</v>
      </c>
      <c r="FQ18" s="114">
        <v>1019680</v>
      </c>
      <c r="FR18" s="114">
        <v>692944</v>
      </c>
      <c r="FS18" s="114">
        <v>612696</v>
      </c>
      <c r="FT18" s="113">
        <v>3546976</v>
      </c>
      <c r="FU18" s="116">
        <v>4000717</v>
      </c>
      <c r="FV18" s="115">
        <v>111552</v>
      </c>
      <c r="FW18" s="114">
        <v>134320</v>
      </c>
      <c r="FX18" s="112">
        <v>245872</v>
      </c>
      <c r="FY18" s="111">
        <v>0</v>
      </c>
      <c r="FZ18" s="114">
        <v>235760</v>
      </c>
      <c r="GA18" s="114">
        <v>902336</v>
      </c>
      <c r="GB18" s="114">
        <v>873160</v>
      </c>
      <c r="GC18" s="114">
        <v>633904</v>
      </c>
      <c r="GD18" s="114">
        <v>482616</v>
      </c>
      <c r="GE18" s="113">
        <v>3127776</v>
      </c>
      <c r="GF18" s="319">
        <v>3373648</v>
      </c>
      <c r="GG18" s="115">
        <v>0</v>
      </c>
      <c r="GH18" s="114">
        <v>47869</v>
      </c>
      <c r="GI18" s="112">
        <v>47869</v>
      </c>
      <c r="GJ18" s="111">
        <v>0</v>
      </c>
      <c r="GK18" s="114">
        <v>41080</v>
      </c>
      <c r="GL18" s="114">
        <v>0</v>
      </c>
      <c r="GM18" s="114">
        <v>23320</v>
      </c>
      <c r="GN18" s="114">
        <v>25440</v>
      </c>
      <c r="GO18" s="114">
        <v>0</v>
      </c>
      <c r="GP18" s="113">
        <v>89840</v>
      </c>
      <c r="GQ18" s="116">
        <v>137709</v>
      </c>
      <c r="GR18" s="110">
        <v>160000</v>
      </c>
      <c r="GS18" s="114">
        <v>0</v>
      </c>
      <c r="GT18" s="113">
        <v>160000</v>
      </c>
      <c r="GU18" s="110">
        <v>0</v>
      </c>
      <c r="GV18" s="114">
        <v>42480</v>
      </c>
      <c r="GW18" s="114">
        <v>0</v>
      </c>
      <c r="GX18" s="114">
        <v>123200</v>
      </c>
      <c r="GY18" s="114">
        <v>33600</v>
      </c>
      <c r="GZ18" s="114">
        <v>130080</v>
      </c>
      <c r="HA18" s="112">
        <v>329360</v>
      </c>
      <c r="HB18" s="116">
        <v>489360</v>
      </c>
      <c r="HC18" s="110">
        <v>57658</v>
      </c>
      <c r="HD18" s="114">
        <v>543436</v>
      </c>
      <c r="HE18" s="112">
        <v>601094</v>
      </c>
      <c r="HF18" s="111">
        <v>0</v>
      </c>
      <c r="HG18" s="114">
        <v>1023263</v>
      </c>
      <c r="HH18" s="114">
        <v>1350330</v>
      </c>
      <c r="HI18" s="114">
        <v>1759866</v>
      </c>
      <c r="HJ18" s="114">
        <v>3092476</v>
      </c>
      <c r="HK18" s="114">
        <v>386456</v>
      </c>
      <c r="HL18" s="113">
        <v>7612391</v>
      </c>
      <c r="HM18" s="109">
        <v>8213485</v>
      </c>
      <c r="HN18" s="329"/>
      <c r="HO18" s="330"/>
      <c r="HP18" s="331"/>
      <c r="HQ18" s="332"/>
      <c r="HR18" s="330"/>
      <c r="HS18" s="330"/>
      <c r="HT18" s="330"/>
      <c r="HU18" s="330"/>
      <c r="HV18" s="330"/>
      <c r="HW18" s="333"/>
      <c r="HX18" s="334"/>
      <c r="HY18" s="150">
        <v>0</v>
      </c>
      <c r="HZ18" s="135">
        <v>0</v>
      </c>
      <c r="IA18" s="150">
        <v>0</v>
      </c>
      <c r="IB18" s="134">
        <v>0</v>
      </c>
      <c r="IC18" s="135">
        <v>2895667</v>
      </c>
      <c r="ID18" s="136">
        <v>2429517</v>
      </c>
      <c r="IE18" s="137">
        <v>2837877</v>
      </c>
      <c r="IF18" s="135">
        <v>4910028</v>
      </c>
      <c r="IG18" s="137">
        <v>1783702</v>
      </c>
      <c r="IH18" s="138">
        <v>14856791</v>
      </c>
      <c r="II18" s="150">
        <v>14856791</v>
      </c>
      <c r="IJ18" s="232">
        <v>0</v>
      </c>
      <c r="IK18" s="236">
        <v>0</v>
      </c>
      <c r="IL18" s="237">
        <v>0</v>
      </c>
      <c r="IM18" s="140"/>
      <c r="IN18" s="119">
        <v>0</v>
      </c>
      <c r="IO18" s="119">
        <v>108275</v>
      </c>
      <c r="IP18" s="119">
        <v>0</v>
      </c>
      <c r="IQ18" s="119">
        <v>0</v>
      </c>
      <c r="IR18" s="119">
        <v>0</v>
      </c>
      <c r="IS18" s="141">
        <v>108275</v>
      </c>
      <c r="IT18" s="321">
        <v>108275</v>
      </c>
      <c r="IU18" s="142">
        <v>0</v>
      </c>
      <c r="IV18" s="119">
        <v>0</v>
      </c>
      <c r="IW18" s="120">
        <v>0</v>
      </c>
      <c r="IX18" s="144"/>
      <c r="IY18" s="119">
        <v>0</v>
      </c>
      <c r="IZ18" s="119">
        <v>0</v>
      </c>
      <c r="JA18" s="119">
        <v>0</v>
      </c>
      <c r="JB18" s="119">
        <v>0</v>
      </c>
      <c r="JC18" s="119">
        <v>0</v>
      </c>
      <c r="JD18" s="120">
        <v>0</v>
      </c>
      <c r="JE18" s="121">
        <v>0</v>
      </c>
      <c r="JF18" s="142">
        <v>0</v>
      </c>
      <c r="JG18" s="119">
        <v>0</v>
      </c>
      <c r="JH18" s="141">
        <v>0</v>
      </c>
      <c r="JI18" s="118">
        <v>0</v>
      </c>
      <c r="JJ18" s="119">
        <v>1125504</v>
      </c>
      <c r="JK18" s="119">
        <v>678207</v>
      </c>
      <c r="JL18" s="119">
        <v>955127</v>
      </c>
      <c r="JM18" s="119">
        <v>37869</v>
      </c>
      <c r="JN18" s="119">
        <v>303574</v>
      </c>
      <c r="JO18" s="120">
        <v>3100281</v>
      </c>
      <c r="JP18" s="321">
        <v>3100281</v>
      </c>
      <c r="JQ18" s="142">
        <v>0</v>
      </c>
      <c r="JR18" s="119">
        <v>0</v>
      </c>
      <c r="JS18" s="141">
        <v>0</v>
      </c>
      <c r="JT18" s="118">
        <v>0</v>
      </c>
      <c r="JU18" s="119">
        <v>0</v>
      </c>
      <c r="JV18" s="119">
        <v>0</v>
      </c>
      <c r="JW18" s="119">
        <v>0</v>
      </c>
      <c r="JX18" s="119">
        <v>0</v>
      </c>
      <c r="JY18" s="119">
        <v>0</v>
      </c>
      <c r="JZ18" s="120">
        <v>0</v>
      </c>
      <c r="KA18" s="321">
        <v>0</v>
      </c>
      <c r="KB18" s="234">
        <v>0</v>
      </c>
      <c r="KC18" s="230">
        <v>0</v>
      </c>
      <c r="KD18" s="120">
        <v>0</v>
      </c>
      <c r="KE18" s="118">
        <v>0</v>
      </c>
      <c r="KF18" s="119">
        <v>229457</v>
      </c>
      <c r="KG18" s="119">
        <v>144020</v>
      </c>
      <c r="KH18" s="119">
        <v>1120846</v>
      </c>
      <c r="KI18" s="119">
        <v>1557074</v>
      </c>
      <c r="KJ18" s="119">
        <v>592175</v>
      </c>
      <c r="KK18" s="120">
        <v>3643572</v>
      </c>
      <c r="KL18" s="143">
        <v>3643572</v>
      </c>
      <c r="KM18" s="232">
        <v>0</v>
      </c>
      <c r="KN18" s="236">
        <v>0</v>
      </c>
      <c r="KO18" s="237">
        <v>0</v>
      </c>
      <c r="KP18" s="140"/>
      <c r="KQ18" s="119">
        <v>1231466</v>
      </c>
      <c r="KR18" s="119">
        <v>942061</v>
      </c>
      <c r="KS18" s="119">
        <v>243451</v>
      </c>
      <c r="KT18" s="119">
        <v>1186455</v>
      </c>
      <c r="KU18" s="119">
        <v>251125</v>
      </c>
      <c r="KV18" s="120">
        <v>3854558</v>
      </c>
      <c r="KW18" s="321">
        <v>3854558</v>
      </c>
      <c r="KX18" s="142">
        <v>0</v>
      </c>
      <c r="KY18" s="119">
        <v>0</v>
      </c>
      <c r="KZ18" s="120">
        <v>0</v>
      </c>
      <c r="LA18" s="145"/>
      <c r="LB18" s="119">
        <v>0</v>
      </c>
      <c r="LC18" s="119">
        <v>351018</v>
      </c>
      <c r="LD18" s="119">
        <v>0</v>
      </c>
      <c r="LE18" s="119">
        <v>637656</v>
      </c>
      <c r="LF18" s="119">
        <v>0</v>
      </c>
      <c r="LG18" s="120">
        <v>988674</v>
      </c>
      <c r="LH18" s="121">
        <v>988674</v>
      </c>
      <c r="LI18" s="142">
        <v>0</v>
      </c>
      <c r="LJ18" s="119">
        <v>0</v>
      </c>
      <c r="LK18" s="120">
        <v>0</v>
      </c>
      <c r="LL18" s="145"/>
      <c r="LM18" s="119">
        <v>0</v>
      </c>
      <c r="LN18" s="119">
        <v>0</v>
      </c>
      <c r="LO18" s="119">
        <v>0</v>
      </c>
      <c r="LP18" s="119">
        <v>264476</v>
      </c>
      <c r="LQ18" s="119">
        <v>283404</v>
      </c>
      <c r="LR18" s="120">
        <v>547880</v>
      </c>
      <c r="LS18" s="321">
        <v>547880</v>
      </c>
      <c r="LT18" s="142">
        <v>0</v>
      </c>
      <c r="LU18" s="119">
        <v>0</v>
      </c>
      <c r="LV18" s="120">
        <v>0</v>
      </c>
      <c r="LW18" s="145"/>
      <c r="LX18" s="119">
        <v>309240</v>
      </c>
      <c r="LY18" s="119">
        <v>205936</v>
      </c>
      <c r="LZ18" s="119">
        <v>518453</v>
      </c>
      <c r="MA18" s="119">
        <v>1226498</v>
      </c>
      <c r="MB18" s="119">
        <v>353424</v>
      </c>
      <c r="MC18" s="120">
        <v>2613551</v>
      </c>
      <c r="MD18" s="121">
        <v>2613551</v>
      </c>
      <c r="ME18" s="142">
        <v>0</v>
      </c>
      <c r="MF18" s="119">
        <v>0</v>
      </c>
      <c r="MG18" s="120">
        <v>0</v>
      </c>
      <c r="MH18" s="145"/>
      <c r="MI18" s="119">
        <v>692210</v>
      </c>
      <c r="MJ18" s="119">
        <v>656754</v>
      </c>
      <c r="MK18" s="119">
        <v>4004756</v>
      </c>
      <c r="ML18" s="119">
        <v>6172130</v>
      </c>
      <c r="MM18" s="119">
        <v>2164743</v>
      </c>
      <c r="MN18" s="120">
        <v>13690593</v>
      </c>
      <c r="MO18" s="143">
        <v>13690593</v>
      </c>
      <c r="MP18" s="142">
        <v>0</v>
      </c>
      <c r="MQ18" s="119">
        <v>0</v>
      </c>
      <c r="MR18" s="120">
        <v>0</v>
      </c>
      <c r="MS18" s="145"/>
      <c r="MT18" s="119">
        <v>0</v>
      </c>
      <c r="MU18" s="119">
        <v>104224</v>
      </c>
      <c r="MV18" s="119">
        <v>2096719</v>
      </c>
      <c r="MW18" s="119">
        <v>2705565</v>
      </c>
      <c r="MX18" s="119">
        <v>1346436</v>
      </c>
      <c r="MY18" s="120">
        <v>6252944</v>
      </c>
      <c r="MZ18" s="143">
        <v>6252944</v>
      </c>
      <c r="NA18" s="142">
        <v>0</v>
      </c>
      <c r="NB18" s="119">
        <v>0</v>
      </c>
      <c r="NC18" s="120">
        <v>0</v>
      </c>
      <c r="ND18" s="145"/>
      <c r="NE18" s="119">
        <v>692210</v>
      </c>
      <c r="NF18" s="119">
        <v>552530</v>
      </c>
      <c r="NG18" s="119">
        <v>1908037</v>
      </c>
      <c r="NH18" s="119">
        <v>3181588</v>
      </c>
      <c r="NI18" s="119">
        <v>818307</v>
      </c>
      <c r="NJ18" s="120">
        <v>7152672</v>
      </c>
      <c r="NK18" s="321">
        <v>7152672</v>
      </c>
      <c r="NL18" s="142">
        <v>0</v>
      </c>
      <c r="NM18" s="119">
        <v>0</v>
      </c>
      <c r="NN18" s="120">
        <v>0</v>
      </c>
      <c r="NO18" s="145"/>
      <c r="NP18" s="119">
        <v>0</v>
      </c>
      <c r="NQ18" s="119">
        <v>0</v>
      </c>
      <c r="NR18" s="119">
        <v>0</v>
      </c>
      <c r="NS18" s="119">
        <v>284977</v>
      </c>
      <c r="NT18" s="119">
        <v>0</v>
      </c>
      <c r="NU18" s="120">
        <v>284977</v>
      </c>
      <c r="NV18" s="121">
        <v>284977</v>
      </c>
      <c r="NW18" s="142">
        <v>0</v>
      </c>
      <c r="NX18" s="119">
        <v>0</v>
      </c>
      <c r="NY18" s="120">
        <v>0</v>
      </c>
      <c r="NZ18" s="145"/>
      <c r="OA18" s="119">
        <v>0</v>
      </c>
      <c r="OB18" s="119">
        <v>0</v>
      </c>
      <c r="OC18" s="119">
        <v>0</v>
      </c>
      <c r="OD18" s="119">
        <v>0</v>
      </c>
      <c r="OE18" s="119">
        <v>0</v>
      </c>
      <c r="OF18" s="120">
        <v>0</v>
      </c>
      <c r="OG18" s="121">
        <v>0</v>
      </c>
      <c r="OH18" s="142">
        <v>964812</v>
      </c>
      <c r="OI18" s="119">
        <v>1617474</v>
      </c>
      <c r="OJ18" s="141">
        <v>2582286</v>
      </c>
      <c r="OK18" s="118">
        <v>0</v>
      </c>
      <c r="OL18" s="119">
        <v>11219784</v>
      </c>
      <c r="OM18" s="119">
        <v>11759519</v>
      </c>
      <c r="ON18" s="119">
        <v>16060465</v>
      </c>
      <c r="OO18" s="119">
        <v>20971683</v>
      </c>
      <c r="OP18" s="119">
        <v>8634060</v>
      </c>
      <c r="OQ18" s="120">
        <v>68645511</v>
      </c>
      <c r="OR18" s="143">
        <v>71227797</v>
      </c>
    </row>
    <row r="19" spans="1:408" ht="20.25" customHeight="1" x14ac:dyDescent="0.2">
      <c r="A19" s="126" t="s">
        <v>13</v>
      </c>
      <c r="B19" s="110">
        <v>218392</v>
      </c>
      <c r="C19" s="114">
        <v>131359</v>
      </c>
      <c r="D19" s="113">
        <v>349751</v>
      </c>
      <c r="E19" s="110">
        <v>0</v>
      </c>
      <c r="F19" s="170">
        <v>2717161</v>
      </c>
      <c r="G19" s="114">
        <v>5532661</v>
      </c>
      <c r="H19" s="114">
        <v>3717130</v>
      </c>
      <c r="I19" s="114">
        <v>5037534</v>
      </c>
      <c r="J19" s="114">
        <v>3439041</v>
      </c>
      <c r="K19" s="112">
        <v>20443527</v>
      </c>
      <c r="L19" s="116">
        <v>20793278</v>
      </c>
      <c r="M19" s="110">
        <v>73887</v>
      </c>
      <c r="N19" s="114">
        <v>0</v>
      </c>
      <c r="O19" s="113">
        <v>73887</v>
      </c>
      <c r="P19" s="110">
        <v>0</v>
      </c>
      <c r="Q19" s="114">
        <v>975403</v>
      </c>
      <c r="R19" s="114">
        <v>2210502</v>
      </c>
      <c r="S19" s="114">
        <v>1079805</v>
      </c>
      <c r="T19" s="114">
        <v>1845534</v>
      </c>
      <c r="U19" s="114">
        <v>1685529</v>
      </c>
      <c r="V19" s="113">
        <v>7796773</v>
      </c>
      <c r="W19" s="116">
        <v>7870660</v>
      </c>
      <c r="X19" s="110">
        <v>0</v>
      </c>
      <c r="Y19" s="114">
        <v>0</v>
      </c>
      <c r="Z19" s="113">
        <v>0</v>
      </c>
      <c r="AA19" s="110">
        <v>0</v>
      </c>
      <c r="AB19" s="114">
        <v>532715</v>
      </c>
      <c r="AC19" s="114">
        <v>1396343</v>
      </c>
      <c r="AD19" s="114">
        <v>614058</v>
      </c>
      <c r="AE19" s="114">
        <v>1152858</v>
      </c>
      <c r="AF19" s="114">
        <v>881961</v>
      </c>
      <c r="AG19" s="113">
        <v>4577935</v>
      </c>
      <c r="AH19" s="116">
        <v>4577935</v>
      </c>
      <c r="AI19" s="110">
        <v>0</v>
      </c>
      <c r="AJ19" s="114">
        <v>0</v>
      </c>
      <c r="AK19" s="113">
        <v>0</v>
      </c>
      <c r="AL19" s="110">
        <v>0</v>
      </c>
      <c r="AM19" s="114">
        <v>0</v>
      </c>
      <c r="AN19" s="114">
        <v>0</v>
      </c>
      <c r="AO19" s="114">
        <v>48108</v>
      </c>
      <c r="AP19" s="114">
        <v>57865</v>
      </c>
      <c r="AQ19" s="114">
        <v>315646</v>
      </c>
      <c r="AR19" s="113">
        <v>421619</v>
      </c>
      <c r="AS19" s="116">
        <v>421619</v>
      </c>
      <c r="AT19" s="110">
        <v>32031</v>
      </c>
      <c r="AU19" s="114">
        <v>0</v>
      </c>
      <c r="AV19" s="113">
        <v>32031</v>
      </c>
      <c r="AW19" s="110">
        <v>0</v>
      </c>
      <c r="AX19" s="114">
        <v>223076</v>
      </c>
      <c r="AY19" s="114">
        <v>552686</v>
      </c>
      <c r="AZ19" s="114">
        <v>236919</v>
      </c>
      <c r="BA19" s="114">
        <v>379523</v>
      </c>
      <c r="BB19" s="114">
        <v>270916</v>
      </c>
      <c r="BC19" s="113">
        <v>1663120</v>
      </c>
      <c r="BD19" s="116">
        <v>1695151</v>
      </c>
      <c r="BE19" s="110">
        <v>0</v>
      </c>
      <c r="BF19" s="114">
        <v>0</v>
      </c>
      <c r="BG19" s="112">
        <v>0</v>
      </c>
      <c r="BH19" s="111">
        <v>0</v>
      </c>
      <c r="BI19" s="114">
        <v>65220</v>
      </c>
      <c r="BJ19" s="114">
        <v>24457</v>
      </c>
      <c r="BK19" s="114">
        <v>0</v>
      </c>
      <c r="BL19" s="114">
        <v>0</v>
      </c>
      <c r="BM19" s="114">
        <v>10966</v>
      </c>
      <c r="BN19" s="113">
        <v>100643</v>
      </c>
      <c r="BO19" s="116">
        <v>100643</v>
      </c>
      <c r="BP19" s="110">
        <v>41856</v>
      </c>
      <c r="BQ19" s="114">
        <v>0</v>
      </c>
      <c r="BR19" s="113">
        <v>41856</v>
      </c>
      <c r="BS19" s="110">
        <v>0</v>
      </c>
      <c r="BT19" s="114">
        <v>154392</v>
      </c>
      <c r="BU19" s="114">
        <v>237016</v>
      </c>
      <c r="BV19" s="114">
        <v>180720</v>
      </c>
      <c r="BW19" s="114">
        <v>255288</v>
      </c>
      <c r="BX19" s="114">
        <v>206040</v>
      </c>
      <c r="BY19" s="113">
        <v>1033456</v>
      </c>
      <c r="BZ19" s="116">
        <v>1075312</v>
      </c>
      <c r="CA19" s="110">
        <v>0</v>
      </c>
      <c r="CB19" s="114">
        <v>80831</v>
      </c>
      <c r="CC19" s="113">
        <v>80831</v>
      </c>
      <c r="CD19" s="110">
        <v>0</v>
      </c>
      <c r="CE19" s="114">
        <v>622823</v>
      </c>
      <c r="CF19" s="114">
        <v>1394644</v>
      </c>
      <c r="CG19" s="114">
        <v>971155</v>
      </c>
      <c r="CH19" s="114">
        <v>795395</v>
      </c>
      <c r="CI19" s="114">
        <v>218244</v>
      </c>
      <c r="CJ19" s="113">
        <v>4002261</v>
      </c>
      <c r="CK19" s="116">
        <v>4083092</v>
      </c>
      <c r="CL19" s="110">
        <v>0</v>
      </c>
      <c r="CM19" s="114">
        <v>0</v>
      </c>
      <c r="CN19" s="113">
        <v>0</v>
      </c>
      <c r="CO19" s="111">
        <v>0</v>
      </c>
      <c r="CP19" s="114">
        <v>550360</v>
      </c>
      <c r="CQ19" s="114">
        <v>1158533</v>
      </c>
      <c r="CR19" s="114">
        <v>853645</v>
      </c>
      <c r="CS19" s="114">
        <v>528214</v>
      </c>
      <c r="CT19" s="114">
        <v>218244</v>
      </c>
      <c r="CU19" s="113">
        <v>3308996</v>
      </c>
      <c r="CV19" s="116">
        <v>3308996</v>
      </c>
      <c r="CW19" s="110">
        <v>0</v>
      </c>
      <c r="CX19" s="114">
        <v>80831</v>
      </c>
      <c r="CY19" s="113">
        <v>80831</v>
      </c>
      <c r="CZ19" s="110">
        <v>0</v>
      </c>
      <c r="DA19" s="114">
        <v>72463</v>
      </c>
      <c r="DB19" s="114">
        <v>236111</v>
      </c>
      <c r="DC19" s="114">
        <v>117510</v>
      </c>
      <c r="DD19" s="114">
        <v>267181</v>
      </c>
      <c r="DE19" s="114">
        <v>0</v>
      </c>
      <c r="DF19" s="113">
        <v>693265</v>
      </c>
      <c r="DG19" s="116">
        <v>774096</v>
      </c>
      <c r="DH19" s="110">
        <v>0</v>
      </c>
      <c r="DI19" s="114">
        <v>0</v>
      </c>
      <c r="DJ19" s="112">
        <v>0</v>
      </c>
      <c r="DK19" s="111">
        <v>0</v>
      </c>
      <c r="DL19" s="114">
        <v>198487</v>
      </c>
      <c r="DM19" s="114">
        <v>297110</v>
      </c>
      <c r="DN19" s="114">
        <v>321978</v>
      </c>
      <c r="DO19" s="114">
        <v>426420</v>
      </c>
      <c r="DP19" s="114">
        <v>274533</v>
      </c>
      <c r="DQ19" s="113">
        <v>1518528</v>
      </c>
      <c r="DR19" s="116">
        <v>1518528</v>
      </c>
      <c r="DS19" s="110">
        <v>0</v>
      </c>
      <c r="DT19" s="114">
        <v>0</v>
      </c>
      <c r="DU19" s="113">
        <v>0</v>
      </c>
      <c r="DV19" s="110">
        <v>0</v>
      </c>
      <c r="DW19" s="114">
        <v>198487</v>
      </c>
      <c r="DX19" s="114">
        <v>145293</v>
      </c>
      <c r="DY19" s="114">
        <v>321978</v>
      </c>
      <c r="DZ19" s="114">
        <v>426420</v>
      </c>
      <c r="EA19" s="114">
        <v>274533</v>
      </c>
      <c r="EB19" s="113">
        <v>1366711</v>
      </c>
      <c r="EC19" s="116">
        <v>1366711</v>
      </c>
      <c r="ED19" s="110">
        <v>0</v>
      </c>
      <c r="EE19" s="112">
        <v>0</v>
      </c>
      <c r="EF19" s="113">
        <v>0</v>
      </c>
      <c r="EG19" s="110">
        <v>0</v>
      </c>
      <c r="EH19" s="114">
        <v>0</v>
      </c>
      <c r="EI19" s="114">
        <v>151817</v>
      </c>
      <c r="EJ19" s="114">
        <v>0</v>
      </c>
      <c r="EK19" s="114">
        <v>0</v>
      </c>
      <c r="EL19" s="114">
        <v>0</v>
      </c>
      <c r="EM19" s="112">
        <v>151817</v>
      </c>
      <c r="EN19" s="116">
        <v>151817</v>
      </c>
      <c r="EO19" s="110">
        <v>0</v>
      </c>
      <c r="EP19" s="114">
        <v>0</v>
      </c>
      <c r="EQ19" s="112">
        <v>0</v>
      </c>
      <c r="ER19" s="111">
        <v>0</v>
      </c>
      <c r="ES19" s="114">
        <v>0</v>
      </c>
      <c r="ET19" s="114">
        <v>0</v>
      </c>
      <c r="EU19" s="114">
        <v>0</v>
      </c>
      <c r="EV19" s="114">
        <v>0</v>
      </c>
      <c r="EW19" s="114">
        <v>0</v>
      </c>
      <c r="EX19" s="113">
        <v>0</v>
      </c>
      <c r="EY19" s="116">
        <v>0</v>
      </c>
      <c r="EZ19" s="110">
        <v>0</v>
      </c>
      <c r="FA19" s="114">
        <v>0</v>
      </c>
      <c r="FB19" s="112">
        <v>0</v>
      </c>
      <c r="FC19" s="348"/>
      <c r="FD19" s="114">
        <v>0</v>
      </c>
      <c r="FE19" s="114">
        <v>0</v>
      </c>
      <c r="FF19" s="114">
        <v>0</v>
      </c>
      <c r="FG19" s="114">
        <v>0</v>
      </c>
      <c r="FH19" s="114">
        <v>0</v>
      </c>
      <c r="FI19" s="113">
        <v>0</v>
      </c>
      <c r="FJ19" s="116">
        <v>0</v>
      </c>
      <c r="FK19" s="110">
        <v>85008</v>
      </c>
      <c r="FL19" s="114">
        <v>50528</v>
      </c>
      <c r="FM19" s="113">
        <v>135536</v>
      </c>
      <c r="FN19" s="110">
        <v>0</v>
      </c>
      <c r="FO19" s="114">
        <v>135360</v>
      </c>
      <c r="FP19" s="114">
        <v>388632</v>
      </c>
      <c r="FQ19" s="114">
        <v>659372</v>
      </c>
      <c r="FR19" s="114">
        <v>297808</v>
      </c>
      <c r="FS19" s="114">
        <v>112448</v>
      </c>
      <c r="FT19" s="113">
        <v>1593620</v>
      </c>
      <c r="FU19" s="116">
        <v>1729156</v>
      </c>
      <c r="FV19" s="115">
        <v>15408</v>
      </c>
      <c r="FW19" s="114">
        <v>50528</v>
      </c>
      <c r="FX19" s="112">
        <v>65936</v>
      </c>
      <c r="FY19" s="111">
        <v>0</v>
      </c>
      <c r="FZ19" s="114">
        <v>116352</v>
      </c>
      <c r="GA19" s="114">
        <v>376752</v>
      </c>
      <c r="GB19" s="114">
        <v>245432</v>
      </c>
      <c r="GC19" s="114">
        <v>297808</v>
      </c>
      <c r="GD19" s="114">
        <v>112448</v>
      </c>
      <c r="GE19" s="113">
        <v>1148792</v>
      </c>
      <c r="GF19" s="319">
        <v>1214728</v>
      </c>
      <c r="GG19" s="115">
        <v>0</v>
      </c>
      <c r="GH19" s="114">
        <v>0</v>
      </c>
      <c r="GI19" s="112">
        <v>0</v>
      </c>
      <c r="GJ19" s="111">
        <v>0</v>
      </c>
      <c r="GK19" s="114">
        <v>19008</v>
      </c>
      <c r="GL19" s="114">
        <v>11880</v>
      </c>
      <c r="GM19" s="114">
        <v>23540</v>
      </c>
      <c r="GN19" s="114">
        <v>0</v>
      </c>
      <c r="GO19" s="114">
        <v>0</v>
      </c>
      <c r="GP19" s="113">
        <v>54428</v>
      </c>
      <c r="GQ19" s="116">
        <v>54428</v>
      </c>
      <c r="GR19" s="110">
        <v>69600</v>
      </c>
      <c r="GS19" s="114">
        <v>0</v>
      </c>
      <c r="GT19" s="113">
        <v>69600</v>
      </c>
      <c r="GU19" s="110">
        <v>0</v>
      </c>
      <c r="GV19" s="114">
        <v>0</v>
      </c>
      <c r="GW19" s="114">
        <v>0</v>
      </c>
      <c r="GX19" s="114">
        <v>390400</v>
      </c>
      <c r="GY19" s="114">
        <v>0</v>
      </c>
      <c r="GZ19" s="114">
        <v>0</v>
      </c>
      <c r="HA19" s="112">
        <v>390400</v>
      </c>
      <c r="HB19" s="116">
        <v>460000</v>
      </c>
      <c r="HC19" s="110">
        <v>59497</v>
      </c>
      <c r="HD19" s="114">
        <v>0</v>
      </c>
      <c r="HE19" s="112">
        <v>59497</v>
      </c>
      <c r="HF19" s="111">
        <v>0</v>
      </c>
      <c r="HG19" s="114">
        <v>785088</v>
      </c>
      <c r="HH19" s="114">
        <v>1241773</v>
      </c>
      <c r="HI19" s="114">
        <v>684820</v>
      </c>
      <c r="HJ19" s="114">
        <v>1672377</v>
      </c>
      <c r="HK19" s="114">
        <v>1148287</v>
      </c>
      <c r="HL19" s="113">
        <v>5532345</v>
      </c>
      <c r="HM19" s="109">
        <v>5591842</v>
      </c>
      <c r="HN19" s="329"/>
      <c r="HO19" s="330"/>
      <c r="HP19" s="331"/>
      <c r="HQ19" s="332"/>
      <c r="HR19" s="330"/>
      <c r="HS19" s="330"/>
      <c r="HT19" s="330"/>
      <c r="HU19" s="330"/>
      <c r="HV19" s="330"/>
      <c r="HW19" s="333"/>
      <c r="HX19" s="334"/>
      <c r="HY19" s="131">
        <v>0</v>
      </c>
      <c r="HZ19" s="132">
        <v>0</v>
      </c>
      <c r="IA19" s="133">
        <v>0</v>
      </c>
      <c r="IB19" s="146">
        <v>0</v>
      </c>
      <c r="IC19" s="132">
        <v>752460</v>
      </c>
      <c r="ID19" s="147">
        <v>503624</v>
      </c>
      <c r="IE19" s="133">
        <v>895128</v>
      </c>
      <c r="IF19" s="132">
        <v>1166975</v>
      </c>
      <c r="IG19" s="133">
        <v>91625</v>
      </c>
      <c r="IH19" s="148">
        <v>3409812</v>
      </c>
      <c r="II19" s="139">
        <v>3409812</v>
      </c>
      <c r="IJ19" s="232">
        <v>0</v>
      </c>
      <c r="IK19" s="236">
        <v>0</v>
      </c>
      <c r="IL19" s="237">
        <v>0</v>
      </c>
      <c r="IM19" s="140"/>
      <c r="IN19" s="119">
        <v>0</v>
      </c>
      <c r="IO19" s="119">
        <v>0</v>
      </c>
      <c r="IP19" s="119">
        <v>0</v>
      </c>
      <c r="IQ19" s="119">
        <v>0</v>
      </c>
      <c r="IR19" s="119">
        <v>0</v>
      </c>
      <c r="IS19" s="141">
        <v>0</v>
      </c>
      <c r="IT19" s="321">
        <v>0</v>
      </c>
      <c r="IU19" s="142">
        <v>0</v>
      </c>
      <c r="IV19" s="119">
        <v>0</v>
      </c>
      <c r="IW19" s="120">
        <v>0</v>
      </c>
      <c r="IX19" s="144"/>
      <c r="IY19" s="119">
        <v>0</v>
      </c>
      <c r="IZ19" s="119">
        <v>0</v>
      </c>
      <c r="JA19" s="119">
        <v>0</v>
      </c>
      <c r="JB19" s="119">
        <v>0</v>
      </c>
      <c r="JC19" s="119">
        <v>0</v>
      </c>
      <c r="JD19" s="120">
        <v>0</v>
      </c>
      <c r="JE19" s="121">
        <v>0</v>
      </c>
      <c r="JF19" s="142">
        <v>0</v>
      </c>
      <c r="JG19" s="119">
        <v>0</v>
      </c>
      <c r="JH19" s="141">
        <v>0</v>
      </c>
      <c r="JI19" s="118">
        <v>0</v>
      </c>
      <c r="JJ19" s="119">
        <v>420891</v>
      </c>
      <c r="JK19" s="119">
        <v>330063</v>
      </c>
      <c r="JL19" s="119">
        <v>190519</v>
      </c>
      <c r="JM19" s="119">
        <v>6694</v>
      </c>
      <c r="JN19" s="119">
        <v>91625</v>
      </c>
      <c r="JO19" s="120">
        <v>1039792</v>
      </c>
      <c r="JP19" s="321">
        <v>1039792</v>
      </c>
      <c r="JQ19" s="142">
        <v>0</v>
      </c>
      <c r="JR19" s="119">
        <v>0</v>
      </c>
      <c r="JS19" s="141">
        <v>0</v>
      </c>
      <c r="JT19" s="118">
        <v>0</v>
      </c>
      <c r="JU19" s="119">
        <v>0</v>
      </c>
      <c r="JV19" s="119">
        <v>0</v>
      </c>
      <c r="JW19" s="119">
        <v>208320</v>
      </c>
      <c r="JX19" s="119">
        <v>209053</v>
      </c>
      <c r="JY19" s="119">
        <v>0</v>
      </c>
      <c r="JZ19" s="120">
        <v>417373</v>
      </c>
      <c r="KA19" s="321">
        <v>417373</v>
      </c>
      <c r="KB19" s="234">
        <v>0</v>
      </c>
      <c r="KC19" s="230">
        <v>0</v>
      </c>
      <c r="KD19" s="120">
        <v>0</v>
      </c>
      <c r="KE19" s="118">
        <v>0</v>
      </c>
      <c r="KF19" s="119">
        <v>113628</v>
      </c>
      <c r="KG19" s="119">
        <v>173561</v>
      </c>
      <c r="KH19" s="119">
        <v>0</v>
      </c>
      <c r="KI19" s="119">
        <v>253204</v>
      </c>
      <c r="KJ19" s="119">
        <v>0</v>
      </c>
      <c r="KK19" s="120">
        <v>540393</v>
      </c>
      <c r="KL19" s="143">
        <v>540393</v>
      </c>
      <c r="KM19" s="232">
        <v>0</v>
      </c>
      <c r="KN19" s="236">
        <v>0</v>
      </c>
      <c r="KO19" s="237">
        <v>0</v>
      </c>
      <c r="KP19" s="140"/>
      <c r="KQ19" s="119">
        <v>217941</v>
      </c>
      <c r="KR19" s="119">
        <v>0</v>
      </c>
      <c r="KS19" s="119">
        <v>496289</v>
      </c>
      <c r="KT19" s="119">
        <v>489729</v>
      </c>
      <c r="KU19" s="119">
        <v>0</v>
      </c>
      <c r="KV19" s="120">
        <v>1203959</v>
      </c>
      <c r="KW19" s="321">
        <v>1203959</v>
      </c>
      <c r="KX19" s="142">
        <v>0</v>
      </c>
      <c r="KY19" s="119">
        <v>0</v>
      </c>
      <c r="KZ19" s="120">
        <v>0</v>
      </c>
      <c r="LA19" s="145"/>
      <c r="LB19" s="119">
        <v>0</v>
      </c>
      <c r="LC19" s="119">
        <v>0</v>
      </c>
      <c r="LD19" s="119">
        <v>0</v>
      </c>
      <c r="LE19" s="119">
        <v>208295</v>
      </c>
      <c r="LF19" s="119">
        <v>0</v>
      </c>
      <c r="LG19" s="120">
        <v>208295</v>
      </c>
      <c r="LH19" s="121">
        <v>208295</v>
      </c>
      <c r="LI19" s="142">
        <v>0</v>
      </c>
      <c r="LJ19" s="119">
        <v>0</v>
      </c>
      <c r="LK19" s="120">
        <v>0</v>
      </c>
      <c r="LL19" s="145"/>
      <c r="LM19" s="119">
        <v>0</v>
      </c>
      <c r="LN19" s="119">
        <v>0</v>
      </c>
      <c r="LO19" s="119">
        <v>0</v>
      </c>
      <c r="LP19" s="119">
        <v>0</v>
      </c>
      <c r="LQ19" s="119">
        <v>0</v>
      </c>
      <c r="LR19" s="120">
        <v>0</v>
      </c>
      <c r="LS19" s="321">
        <v>0</v>
      </c>
      <c r="LT19" s="142">
        <v>0</v>
      </c>
      <c r="LU19" s="119">
        <v>0</v>
      </c>
      <c r="LV19" s="120">
        <v>0</v>
      </c>
      <c r="LW19" s="145"/>
      <c r="LX19" s="119">
        <v>0</v>
      </c>
      <c r="LY19" s="119">
        <v>0</v>
      </c>
      <c r="LZ19" s="119">
        <v>0</v>
      </c>
      <c r="MA19" s="119">
        <v>0</v>
      </c>
      <c r="MB19" s="119">
        <v>0</v>
      </c>
      <c r="MC19" s="120">
        <v>0</v>
      </c>
      <c r="MD19" s="121">
        <v>0</v>
      </c>
      <c r="ME19" s="142">
        <v>0</v>
      </c>
      <c r="MF19" s="119">
        <v>0</v>
      </c>
      <c r="MG19" s="120">
        <v>0</v>
      </c>
      <c r="MH19" s="145"/>
      <c r="MI19" s="119">
        <v>701607</v>
      </c>
      <c r="MJ19" s="119">
        <v>553699</v>
      </c>
      <c r="MK19" s="119">
        <v>1322916</v>
      </c>
      <c r="ML19" s="119">
        <v>2301317</v>
      </c>
      <c r="MM19" s="119">
        <v>2021345</v>
      </c>
      <c r="MN19" s="120">
        <v>6900884</v>
      </c>
      <c r="MO19" s="143">
        <v>6900884</v>
      </c>
      <c r="MP19" s="142">
        <v>0</v>
      </c>
      <c r="MQ19" s="119">
        <v>0</v>
      </c>
      <c r="MR19" s="120">
        <v>0</v>
      </c>
      <c r="MS19" s="145"/>
      <c r="MT19" s="119">
        <v>207132</v>
      </c>
      <c r="MU19" s="119">
        <v>0</v>
      </c>
      <c r="MV19" s="119">
        <v>764181</v>
      </c>
      <c r="MW19" s="119">
        <v>1696024</v>
      </c>
      <c r="MX19" s="119">
        <v>1376267</v>
      </c>
      <c r="MY19" s="120">
        <v>4043604</v>
      </c>
      <c r="MZ19" s="143">
        <v>4043604</v>
      </c>
      <c r="NA19" s="142">
        <v>0</v>
      </c>
      <c r="NB19" s="119">
        <v>0</v>
      </c>
      <c r="NC19" s="120">
        <v>0</v>
      </c>
      <c r="ND19" s="145"/>
      <c r="NE19" s="119">
        <v>494475</v>
      </c>
      <c r="NF19" s="119">
        <v>553699</v>
      </c>
      <c r="NG19" s="119">
        <v>558735</v>
      </c>
      <c r="NH19" s="119">
        <v>605293</v>
      </c>
      <c r="NI19" s="119">
        <v>645078</v>
      </c>
      <c r="NJ19" s="120">
        <v>2857280</v>
      </c>
      <c r="NK19" s="321">
        <v>2857280</v>
      </c>
      <c r="NL19" s="142">
        <v>0</v>
      </c>
      <c r="NM19" s="119">
        <v>0</v>
      </c>
      <c r="NN19" s="120">
        <v>0</v>
      </c>
      <c r="NO19" s="145"/>
      <c r="NP19" s="119">
        <v>0</v>
      </c>
      <c r="NQ19" s="119">
        <v>0</v>
      </c>
      <c r="NR19" s="119">
        <v>0</v>
      </c>
      <c r="NS19" s="119">
        <v>0</v>
      </c>
      <c r="NT19" s="119">
        <v>0</v>
      </c>
      <c r="NU19" s="120">
        <v>0</v>
      </c>
      <c r="NV19" s="121">
        <v>0</v>
      </c>
      <c r="NW19" s="142">
        <v>0</v>
      </c>
      <c r="NX19" s="119">
        <v>0</v>
      </c>
      <c r="NY19" s="120">
        <v>0</v>
      </c>
      <c r="NZ19" s="145"/>
      <c r="OA19" s="119">
        <v>0</v>
      </c>
      <c r="OB19" s="119">
        <v>0</v>
      </c>
      <c r="OC19" s="119">
        <v>0</v>
      </c>
      <c r="OD19" s="119">
        <v>0</v>
      </c>
      <c r="OE19" s="119">
        <v>0</v>
      </c>
      <c r="OF19" s="120">
        <v>0</v>
      </c>
      <c r="OG19" s="121">
        <v>0</v>
      </c>
      <c r="OH19" s="142">
        <v>218392</v>
      </c>
      <c r="OI19" s="119">
        <v>131359</v>
      </c>
      <c r="OJ19" s="141">
        <v>349751</v>
      </c>
      <c r="OK19" s="118">
        <v>0</v>
      </c>
      <c r="OL19" s="119">
        <v>4171228</v>
      </c>
      <c r="OM19" s="119">
        <v>6589984</v>
      </c>
      <c r="ON19" s="119">
        <v>5935174</v>
      </c>
      <c r="OO19" s="119">
        <v>8505826</v>
      </c>
      <c r="OP19" s="119">
        <v>5552011</v>
      </c>
      <c r="OQ19" s="120">
        <v>30754223</v>
      </c>
      <c r="OR19" s="143">
        <v>31103974</v>
      </c>
    </row>
    <row r="20" spans="1:408" ht="20.25" customHeight="1" x14ac:dyDescent="0.2">
      <c r="A20" s="126" t="s">
        <v>15</v>
      </c>
      <c r="B20" s="110">
        <v>181039</v>
      </c>
      <c r="C20" s="114">
        <v>247182</v>
      </c>
      <c r="D20" s="113">
        <v>428221</v>
      </c>
      <c r="E20" s="109">
        <v>0</v>
      </c>
      <c r="F20" s="114">
        <v>1170064</v>
      </c>
      <c r="G20" s="114">
        <v>2211394</v>
      </c>
      <c r="H20" s="114">
        <v>2400633</v>
      </c>
      <c r="I20" s="114">
        <v>1071392</v>
      </c>
      <c r="J20" s="114">
        <v>616909</v>
      </c>
      <c r="K20" s="109">
        <v>7470392</v>
      </c>
      <c r="L20" s="116">
        <v>7898613</v>
      </c>
      <c r="M20" s="110">
        <v>10912</v>
      </c>
      <c r="N20" s="114">
        <v>23231</v>
      </c>
      <c r="O20" s="113">
        <v>34143</v>
      </c>
      <c r="P20" s="110">
        <v>0</v>
      </c>
      <c r="Q20" s="114">
        <v>218377</v>
      </c>
      <c r="R20" s="114">
        <v>622948</v>
      </c>
      <c r="S20" s="114">
        <v>808676</v>
      </c>
      <c r="T20" s="114">
        <v>543462</v>
      </c>
      <c r="U20" s="114">
        <v>321308</v>
      </c>
      <c r="V20" s="113">
        <v>2514771</v>
      </c>
      <c r="W20" s="116">
        <v>2548914</v>
      </c>
      <c r="X20" s="110">
        <v>0</v>
      </c>
      <c r="Y20" s="114">
        <v>0</v>
      </c>
      <c r="Z20" s="113">
        <v>0</v>
      </c>
      <c r="AA20" s="110">
        <v>0</v>
      </c>
      <c r="AB20" s="114">
        <v>74376</v>
      </c>
      <c r="AC20" s="114">
        <v>157774</v>
      </c>
      <c r="AD20" s="114">
        <v>705564</v>
      </c>
      <c r="AE20" s="114">
        <v>186475</v>
      </c>
      <c r="AF20" s="114">
        <v>253379</v>
      </c>
      <c r="AG20" s="113">
        <v>1377568</v>
      </c>
      <c r="AH20" s="116">
        <v>1377568</v>
      </c>
      <c r="AI20" s="110">
        <v>0</v>
      </c>
      <c r="AJ20" s="114">
        <v>0</v>
      </c>
      <c r="AK20" s="113">
        <v>0</v>
      </c>
      <c r="AL20" s="110">
        <v>0</v>
      </c>
      <c r="AM20" s="114">
        <v>0</v>
      </c>
      <c r="AN20" s="114">
        <v>0</v>
      </c>
      <c r="AO20" s="114">
        <v>0</v>
      </c>
      <c r="AP20" s="114">
        <v>175238</v>
      </c>
      <c r="AQ20" s="114">
        <v>0</v>
      </c>
      <c r="AR20" s="113">
        <v>175238</v>
      </c>
      <c r="AS20" s="116">
        <v>175238</v>
      </c>
      <c r="AT20" s="110">
        <v>0</v>
      </c>
      <c r="AU20" s="114">
        <v>23231</v>
      </c>
      <c r="AV20" s="113">
        <v>23231</v>
      </c>
      <c r="AW20" s="110">
        <v>0</v>
      </c>
      <c r="AX20" s="114">
        <v>67798</v>
      </c>
      <c r="AY20" s="114">
        <v>294631</v>
      </c>
      <c r="AZ20" s="114">
        <v>8936</v>
      </c>
      <c r="BA20" s="114">
        <v>127637</v>
      </c>
      <c r="BB20" s="114">
        <v>35138</v>
      </c>
      <c r="BC20" s="113">
        <v>534140</v>
      </c>
      <c r="BD20" s="116">
        <v>557371</v>
      </c>
      <c r="BE20" s="110">
        <v>0</v>
      </c>
      <c r="BF20" s="114">
        <v>0</v>
      </c>
      <c r="BG20" s="112">
        <v>0</v>
      </c>
      <c r="BH20" s="111">
        <v>0</v>
      </c>
      <c r="BI20" s="114">
        <v>21707</v>
      </c>
      <c r="BJ20" s="114">
        <v>38799</v>
      </c>
      <c r="BK20" s="114">
        <v>0</v>
      </c>
      <c r="BL20" s="114">
        <v>0</v>
      </c>
      <c r="BM20" s="114">
        <v>23279</v>
      </c>
      <c r="BN20" s="113">
        <v>83785</v>
      </c>
      <c r="BO20" s="116">
        <v>83785</v>
      </c>
      <c r="BP20" s="110">
        <v>10912</v>
      </c>
      <c r="BQ20" s="114">
        <v>0</v>
      </c>
      <c r="BR20" s="113">
        <v>10912</v>
      </c>
      <c r="BS20" s="110">
        <v>0</v>
      </c>
      <c r="BT20" s="114">
        <v>54496</v>
      </c>
      <c r="BU20" s="114">
        <v>131744</v>
      </c>
      <c r="BV20" s="114">
        <v>94176</v>
      </c>
      <c r="BW20" s="114">
        <v>54112</v>
      </c>
      <c r="BX20" s="114">
        <v>9512</v>
      </c>
      <c r="BY20" s="113">
        <v>344040</v>
      </c>
      <c r="BZ20" s="116">
        <v>354952</v>
      </c>
      <c r="CA20" s="110">
        <v>0</v>
      </c>
      <c r="CB20" s="114">
        <v>0</v>
      </c>
      <c r="CC20" s="113">
        <v>0</v>
      </c>
      <c r="CD20" s="110">
        <v>0</v>
      </c>
      <c r="CE20" s="114">
        <v>186469</v>
      </c>
      <c r="CF20" s="114">
        <v>452035</v>
      </c>
      <c r="CG20" s="114">
        <v>348666</v>
      </c>
      <c r="CH20" s="114">
        <v>26568</v>
      </c>
      <c r="CI20" s="114">
        <v>0</v>
      </c>
      <c r="CJ20" s="113">
        <v>1013738</v>
      </c>
      <c r="CK20" s="116">
        <v>1013738</v>
      </c>
      <c r="CL20" s="110">
        <v>0</v>
      </c>
      <c r="CM20" s="114">
        <v>0</v>
      </c>
      <c r="CN20" s="113">
        <v>0</v>
      </c>
      <c r="CO20" s="111">
        <v>0</v>
      </c>
      <c r="CP20" s="114">
        <v>36181</v>
      </c>
      <c r="CQ20" s="114">
        <v>354373</v>
      </c>
      <c r="CR20" s="114">
        <v>211846</v>
      </c>
      <c r="CS20" s="114">
        <v>0</v>
      </c>
      <c r="CT20" s="114">
        <v>0</v>
      </c>
      <c r="CU20" s="113">
        <v>602400</v>
      </c>
      <c r="CV20" s="116">
        <v>602400</v>
      </c>
      <c r="CW20" s="110">
        <v>0</v>
      </c>
      <c r="CX20" s="114">
        <v>0</v>
      </c>
      <c r="CY20" s="113">
        <v>0</v>
      </c>
      <c r="CZ20" s="110">
        <v>0</v>
      </c>
      <c r="DA20" s="114">
        <v>150288</v>
      </c>
      <c r="DB20" s="114">
        <v>97662</v>
      </c>
      <c r="DC20" s="114">
        <v>136820</v>
      </c>
      <c r="DD20" s="114">
        <v>26568</v>
      </c>
      <c r="DE20" s="114">
        <v>0</v>
      </c>
      <c r="DF20" s="113">
        <v>411338</v>
      </c>
      <c r="DG20" s="116">
        <v>411338</v>
      </c>
      <c r="DH20" s="110">
        <v>0</v>
      </c>
      <c r="DI20" s="114">
        <v>0</v>
      </c>
      <c r="DJ20" s="112">
        <v>0</v>
      </c>
      <c r="DK20" s="111">
        <v>0</v>
      </c>
      <c r="DL20" s="114">
        <v>0</v>
      </c>
      <c r="DM20" s="114">
        <v>69053</v>
      </c>
      <c r="DN20" s="114">
        <v>207505</v>
      </c>
      <c r="DO20" s="114">
        <v>141949</v>
      </c>
      <c r="DP20" s="114">
        <v>0</v>
      </c>
      <c r="DQ20" s="113">
        <v>418507</v>
      </c>
      <c r="DR20" s="116">
        <v>418507</v>
      </c>
      <c r="DS20" s="110">
        <v>0</v>
      </c>
      <c r="DT20" s="114">
        <v>0</v>
      </c>
      <c r="DU20" s="113">
        <v>0</v>
      </c>
      <c r="DV20" s="110">
        <v>0</v>
      </c>
      <c r="DW20" s="114">
        <v>0</v>
      </c>
      <c r="DX20" s="114">
        <v>69053</v>
      </c>
      <c r="DY20" s="114">
        <v>207505</v>
      </c>
      <c r="DZ20" s="114">
        <v>141949</v>
      </c>
      <c r="EA20" s="114">
        <v>0</v>
      </c>
      <c r="EB20" s="113">
        <v>418507</v>
      </c>
      <c r="EC20" s="116">
        <v>418507</v>
      </c>
      <c r="ED20" s="110">
        <v>0</v>
      </c>
      <c r="EE20" s="112">
        <v>0</v>
      </c>
      <c r="EF20" s="113">
        <v>0</v>
      </c>
      <c r="EG20" s="110">
        <v>0</v>
      </c>
      <c r="EH20" s="114">
        <v>0</v>
      </c>
      <c r="EI20" s="114">
        <v>0</v>
      </c>
      <c r="EJ20" s="114">
        <v>0</v>
      </c>
      <c r="EK20" s="114">
        <v>0</v>
      </c>
      <c r="EL20" s="114">
        <v>0</v>
      </c>
      <c r="EM20" s="112">
        <v>0</v>
      </c>
      <c r="EN20" s="116">
        <v>0</v>
      </c>
      <c r="EO20" s="110">
        <v>0</v>
      </c>
      <c r="EP20" s="114">
        <v>0</v>
      </c>
      <c r="EQ20" s="112">
        <v>0</v>
      </c>
      <c r="ER20" s="111">
        <v>0</v>
      </c>
      <c r="ES20" s="114">
        <v>0</v>
      </c>
      <c r="ET20" s="114">
        <v>0</v>
      </c>
      <c r="EU20" s="114">
        <v>0</v>
      </c>
      <c r="EV20" s="114">
        <v>0</v>
      </c>
      <c r="EW20" s="114">
        <v>0</v>
      </c>
      <c r="EX20" s="113">
        <v>0</v>
      </c>
      <c r="EY20" s="116">
        <v>0</v>
      </c>
      <c r="EZ20" s="110">
        <v>0</v>
      </c>
      <c r="FA20" s="114">
        <v>0</v>
      </c>
      <c r="FB20" s="112">
        <v>0</v>
      </c>
      <c r="FC20" s="348"/>
      <c r="FD20" s="114">
        <v>0</v>
      </c>
      <c r="FE20" s="114">
        <v>0</v>
      </c>
      <c r="FF20" s="114">
        <v>0</v>
      </c>
      <c r="FG20" s="114">
        <v>0</v>
      </c>
      <c r="FH20" s="114">
        <v>0</v>
      </c>
      <c r="FI20" s="113">
        <v>0</v>
      </c>
      <c r="FJ20" s="116">
        <v>0</v>
      </c>
      <c r="FK20" s="110">
        <v>1600</v>
      </c>
      <c r="FL20" s="114">
        <v>38000</v>
      </c>
      <c r="FM20" s="113">
        <v>39600</v>
      </c>
      <c r="FN20" s="110">
        <v>0</v>
      </c>
      <c r="FO20" s="114">
        <v>15840</v>
      </c>
      <c r="FP20" s="114">
        <v>172486</v>
      </c>
      <c r="FQ20" s="114">
        <v>78272</v>
      </c>
      <c r="FR20" s="114">
        <v>144952</v>
      </c>
      <c r="FS20" s="114">
        <v>72784</v>
      </c>
      <c r="FT20" s="113">
        <v>484334</v>
      </c>
      <c r="FU20" s="116">
        <v>523934</v>
      </c>
      <c r="FV20" s="115">
        <v>1600</v>
      </c>
      <c r="FW20" s="114">
        <v>38000</v>
      </c>
      <c r="FX20" s="112">
        <v>39600</v>
      </c>
      <c r="FY20" s="111">
        <v>0</v>
      </c>
      <c r="FZ20" s="114">
        <v>15840</v>
      </c>
      <c r="GA20" s="114">
        <v>172486</v>
      </c>
      <c r="GB20" s="114">
        <v>78272</v>
      </c>
      <c r="GC20" s="114">
        <v>144952</v>
      </c>
      <c r="GD20" s="114">
        <v>72784</v>
      </c>
      <c r="GE20" s="113">
        <v>484334</v>
      </c>
      <c r="GF20" s="319">
        <v>523934</v>
      </c>
      <c r="GG20" s="115">
        <v>0</v>
      </c>
      <c r="GH20" s="114">
        <v>0</v>
      </c>
      <c r="GI20" s="112">
        <v>0</v>
      </c>
      <c r="GJ20" s="111">
        <v>0</v>
      </c>
      <c r="GK20" s="114">
        <v>0</v>
      </c>
      <c r="GL20" s="114">
        <v>0</v>
      </c>
      <c r="GM20" s="114">
        <v>0</v>
      </c>
      <c r="GN20" s="114">
        <v>0</v>
      </c>
      <c r="GO20" s="114">
        <v>0</v>
      </c>
      <c r="GP20" s="113">
        <v>0</v>
      </c>
      <c r="GQ20" s="116">
        <v>0</v>
      </c>
      <c r="GR20" s="110">
        <v>0</v>
      </c>
      <c r="GS20" s="114">
        <v>0</v>
      </c>
      <c r="GT20" s="113">
        <v>0</v>
      </c>
      <c r="GU20" s="110">
        <v>0</v>
      </c>
      <c r="GV20" s="114">
        <v>0</v>
      </c>
      <c r="GW20" s="114">
        <v>0</v>
      </c>
      <c r="GX20" s="114">
        <v>0</v>
      </c>
      <c r="GY20" s="114">
        <v>0</v>
      </c>
      <c r="GZ20" s="114">
        <v>0</v>
      </c>
      <c r="HA20" s="112">
        <v>0</v>
      </c>
      <c r="HB20" s="116">
        <v>0</v>
      </c>
      <c r="HC20" s="110">
        <v>168527</v>
      </c>
      <c r="HD20" s="114">
        <v>185951</v>
      </c>
      <c r="HE20" s="112">
        <v>354478</v>
      </c>
      <c r="HF20" s="111">
        <v>0</v>
      </c>
      <c r="HG20" s="114">
        <v>749378</v>
      </c>
      <c r="HH20" s="114">
        <v>894872</v>
      </c>
      <c r="HI20" s="114">
        <v>957514</v>
      </c>
      <c r="HJ20" s="114">
        <v>214461</v>
      </c>
      <c r="HK20" s="114">
        <v>222817</v>
      </c>
      <c r="HL20" s="113">
        <v>3039042</v>
      </c>
      <c r="HM20" s="109">
        <v>3393520</v>
      </c>
      <c r="HN20" s="329"/>
      <c r="HO20" s="330"/>
      <c r="HP20" s="331"/>
      <c r="HQ20" s="332"/>
      <c r="HR20" s="330"/>
      <c r="HS20" s="330"/>
      <c r="HT20" s="330"/>
      <c r="HU20" s="330"/>
      <c r="HV20" s="330"/>
      <c r="HW20" s="333"/>
      <c r="HX20" s="334"/>
      <c r="HY20" s="150">
        <v>0</v>
      </c>
      <c r="HZ20" s="135">
        <v>0</v>
      </c>
      <c r="IA20" s="150">
        <v>0</v>
      </c>
      <c r="IB20" s="134">
        <v>0</v>
      </c>
      <c r="IC20" s="135">
        <v>622792</v>
      </c>
      <c r="ID20" s="136">
        <v>1213938</v>
      </c>
      <c r="IE20" s="137">
        <v>146351</v>
      </c>
      <c r="IF20" s="135">
        <v>831382</v>
      </c>
      <c r="IG20" s="137">
        <v>119853</v>
      </c>
      <c r="IH20" s="138">
        <v>2934316</v>
      </c>
      <c r="II20" s="150">
        <v>2934316</v>
      </c>
      <c r="IJ20" s="232">
        <v>0</v>
      </c>
      <c r="IK20" s="236">
        <v>0</v>
      </c>
      <c r="IL20" s="237">
        <v>0</v>
      </c>
      <c r="IM20" s="140"/>
      <c r="IN20" s="119">
        <v>0</v>
      </c>
      <c r="IO20" s="119">
        <v>0</v>
      </c>
      <c r="IP20" s="119">
        <v>0</v>
      </c>
      <c r="IQ20" s="119">
        <v>0</v>
      </c>
      <c r="IR20" s="119">
        <v>0</v>
      </c>
      <c r="IS20" s="141">
        <v>0</v>
      </c>
      <c r="IT20" s="321">
        <v>0</v>
      </c>
      <c r="IU20" s="142">
        <v>0</v>
      </c>
      <c r="IV20" s="119">
        <v>0</v>
      </c>
      <c r="IW20" s="120">
        <v>0</v>
      </c>
      <c r="IX20" s="144"/>
      <c r="IY20" s="119">
        <v>0</v>
      </c>
      <c r="IZ20" s="119">
        <v>0</v>
      </c>
      <c r="JA20" s="119">
        <v>0</v>
      </c>
      <c r="JB20" s="119">
        <v>0</v>
      </c>
      <c r="JC20" s="119">
        <v>0</v>
      </c>
      <c r="JD20" s="120">
        <v>0</v>
      </c>
      <c r="JE20" s="121">
        <v>0</v>
      </c>
      <c r="JF20" s="142">
        <v>0</v>
      </c>
      <c r="JG20" s="119">
        <v>0</v>
      </c>
      <c r="JH20" s="141">
        <v>0</v>
      </c>
      <c r="JI20" s="118">
        <v>0</v>
      </c>
      <c r="JJ20" s="119">
        <v>186310</v>
      </c>
      <c r="JK20" s="119">
        <v>353838</v>
      </c>
      <c r="JL20" s="119">
        <v>146351</v>
      </c>
      <c r="JM20" s="119">
        <v>89373</v>
      </c>
      <c r="JN20" s="119">
        <v>119853</v>
      </c>
      <c r="JO20" s="120">
        <v>895725</v>
      </c>
      <c r="JP20" s="321">
        <v>895725</v>
      </c>
      <c r="JQ20" s="142">
        <v>0</v>
      </c>
      <c r="JR20" s="119">
        <v>0</v>
      </c>
      <c r="JS20" s="141">
        <v>0</v>
      </c>
      <c r="JT20" s="118">
        <v>0</v>
      </c>
      <c r="JU20" s="119">
        <v>0</v>
      </c>
      <c r="JV20" s="119">
        <v>59946</v>
      </c>
      <c r="JW20" s="119">
        <v>0</v>
      </c>
      <c r="JX20" s="119">
        <v>0</v>
      </c>
      <c r="JY20" s="119">
        <v>0</v>
      </c>
      <c r="JZ20" s="120">
        <v>59946</v>
      </c>
      <c r="KA20" s="321">
        <v>59946</v>
      </c>
      <c r="KB20" s="234">
        <v>0</v>
      </c>
      <c r="KC20" s="230">
        <v>0</v>
      </c>
      <c r="KD20" s="120">
        <v>0</v>
      </c>
      <c r="KE20" s="118">
        <v>0</v>
      </c>
      <c r="KF20" s="119">
        <v>0</v>
      </c>
      <c r="KG20" s="119">
        <v>342434</v>
      </c>
      <c r="KH20" s="119">
        <v>0</v>
      </c>
      <c r="KI20" s="119">
        <v>499301</v>
      </c>
      <c r="KJ20" s="119">
        <v>0</v>
      </c>
      <c r="KK20" s="120">
        <v>841735</v>
      </c>
      <c r="KL20" s="143">
        <v>841735</v>
      </c>
      <c r="KM20" s="232">
        <v>0</v>
      </c>
      <c r="KN20" s="236">
        <v>0</v>
      </c>
      <c r="KO20" s="237">
        <v>0</v>
      </c>
      <c r="KP20" s="140"/>
      <c r="KQ20" s="119">
        <v>436482</v>
      </c>
      <c r="KR20" s="119">
        <v>457720</v>
      </c>
      <c r="KS20" s="119">
        <v>0</v>
      </c>
      <c r="KT20" s="119">
        <v>242708</v>
      </c>
      <c r="KU20" s="119">
        <v>0</v>
      </c>
      <c r="KV20" s="120">
        <v>1136910</v>
      </c>
      <c r="KW20" s="321">
        <v>1136910</v>
      </c>
      <c r="KX20" s="142">
        <v>0</v>
      </c>
      <c r="KY20" s="119">
        <v>0</v>
      </c>
      <c r="KZ20" s="120">
        <v>0</v>
      </c>
      <c r="LA20" s="145"/>
      <c r="LB20" s="119">
        <v>0</v>
      </c>
      <c r="LC20" s="119">
        <v>0</v>
      </c>
      <c r="LD20" s="119">
        <v>0</v>
      </c>
      <c r="LE20" s="119">
        <v>0</v>
      </c>
      <c r="LF20" s="119">
        <v>0</v>
      </c>
      <c r="LG20" s="120">
        <v>0</v>
      </c>
      <c r="LH20" s="121">
        <v>0</v>
      </c>
      <c r="LI20" s="142">
        <v>0</v>
      </c>
      <c r="LJ20" s="119">
        <v>0</v>
      </c>
      <c r="LK20" s="120">
        <v>0</v>
      </c>
      <c r="LL20" s="145"/>
      <c r="LM20" s="119">
        <v>0</v>
      </c>
      <c r="LN20" s="119">
        <v>0</v>
      </c>
      <c r="LO20" s="119">
        <v>0</v>
      </c>
      <c r="LP20" s="119">
        <v>0</v>
      </c>
      <c r="LQ20" s="119">
        <v>0</v>
      </c>
      <c r="LR20" s="120">
        <v>0</v>
      </c>
      <c r="LS20" s="321">
        <v>0</v>
      </c>
      <c r="LT20" s="142">
        <v>0</v>
      </c>
      <c r="LU20" s="119">
        <v>0</v>
      </c>
      <c r="LV20" s="120">
        <v>0</v>
      </c>
      <c r="LW20" s="145"/>
      <c r="LX20" s="119">
        <v>0</v>
      </c>
      <c r="LY20" s="119">
        <v>0</v>
      </c>
      <c r="LZ20" s="119">
        <v>0</v>
      </c>
      <c r="MA20" s="119">
        <v>0</v>
      </c>
      <c r="MB20" s="119">
        <v>0</v>
      </c>
      <c r="MC20" s="120">
        <v>0</v>
      </c>
      <c r="MD20" s="121">
        <v>0</v>
      </c>
      <c r="ME20" s="142">
        <v>0</v>
      </c>
      <c r="MF20" s="119">
        <v>0</v>
      </c>
      <c r="MG20" s="120">
        <v>0</v>
      </c>
      <c r="MH20" s="145"/>
      <c r="MI20" s="119">
        <v>462206</v>
      </c>
      <c r="MJ20" s="119">
        <v>483867</v>
      </c>
      <c r="MK20" s="119">
        <v>1046338</v>
      </c>
      <c r="ML20" s="119">
        <v>1386288</v>
      </c>
      <c r="MM20" s="119">
        <v>574372</v>
      </c>
      <c r="MN20" s="120">
        <v>3953071</v>
      </c>
      <c r="MO20" s="143">
        <v>3953071</v>
      </c>
      <c r="MP20" s="142">
        <v>0</v>
      </c>
      <c r="MQ20" s="119">
        <v>0</v>
      </c>
      <c r="MR20" s="120">
        <v>0</v>
      </c>
      <c r="MS20" s="145"/>
      <c r="MT20" s="119">
        <v>0</v>
      </c>
      <c r="MU20" s="119">
        <v>0</v>
      </c>
      <c r="MV20" s="119">
        <v>705127</v>
      </c>
      <c r="MW20" s="119">
        <v>568109</v>
      </c>
      <c r="MX20" s="119">
        <v>0</v>
      </c>
      <c r="MY20" s="120">
        <v>1273236</v>
      </c>
      <c r="MZ20" s="143">
        <v>1273236</v>
      </c>
      <c r="NA20" s="142">
        <v>0</v>
      </c>
      <c r="NB20" s="119">
        <v>0</v>
      </c>
      <c r="NC20" s="120">
        <v>0</v>
      </c>
      <c r="ND20" s="145"/>
      <c r="NE20" s="119">
        <v>462206</v>
      </c>
      <c r="NF20" s="119">
        <v>483867</v>
      </c>
      <c r="NG20" s="119">
        <v>341211</v>
      </c>
      <c r="NH20" s="119">
        <v>818179</v>
      </c>
      <c r="NI20" s="119">
        <v>574372</v>
      </c>
      <c r="NJ20" s="120">
        <v>2679835</v>
      </c>
      <c r="NK20" s="321">
        <v>2679835</v>
      </c>
      <c r="NL20" s="142">
        <v>0</v>
      </c>
      <c r="NM20" s="119">
        <v>0</v>
      </c>
      <c r="NN20" s="120">
        <v>0</v>
      </c>
      <c r="NO20" s="145"/>
      <c r="NP20" s="119">
        <v>0</v>
      </c>
      <c r="NQ20" s="119">
        <v>0</v>
      </c>
      <c r="NR20" s="119">
        <v>0</v>
      </c>
      <c r="NS20" s="119">
        <v>0</v>
      </c>
      <c r="NT20" s="119">
        <v>0</v>
      </c>
      <c r="NU20" s="120">
        <v>0</v>
      </c>
      <c r="NV20" s="121">
        <v>0</v>
      </c>
      <c r="NW20" s="142">
        <v>0</v>
      </c>
      <c r="NX20" s="119">
        <v>0</v>
      </c>
      <c r="NY20" s="120">
        <v>0</v>
      </c>
      <c r="NZ20" s="145"/>
      <c r="OA20" s="119">
        <v>0</v>
      </c>
      <c r="OB20" s="119">
        <v>0</v>
      </c>
      <c r="OC20" s="119">
        <v>0</v>
      </c>
      <c r="OD20" s="119">
        <v>0</v>
      </c>
      <c r="OE20" s="119">
        <v>0</v>
      </c>
      <c r="OF20" s="120">
        <v>0</v>
      </c>
      <c r="OG20" s="121">
        <v>0</v>
      </c>
      <c r="OH20" s="142">
        <v>181039</v>
      </c>
      <c r="OI20" s="119">
        <v>247182</v>
      </c>
      <c r="OJ20" s="141">
        <v>428221</v>
      </c>
      <c r="OK20" s="118">
        <v>0</v>
      </c>
      <c r="OL20" s="119">
        <v>2255062</v>
      </c>
      <c r="OM20" s="119">
        <v>3909199</v>
      </c>
      <c r="ON20" s="119">
        <v>3593322</v>
      </c>
      <c r="OO20" s="119">
        <v>3289062</v>
      </c>
      <c r="OP20" s="119">
        <v>1311134</v>
      </c>
      <c r="OQ20" s="120">
        <v>14357779</v>
      </c>
      <c r="OR20" s="143">
        <v>14786000</v>
      </c>
    </row>
    <row r="21" spans="1:408" ht="20.25" customHeight="1" x14ac:dyDescent="0.2">
      <c r="A21" s="126" t="s">
        <v>16</v>
      </c>
      <c r="B21" s="110">
        <v>280368</v>
      </c>
      <c r="C21" s="114">
        <v>554818</v>
      </c>
      <c r="D21" s="113">
        <v>835186</v>
      </c>
      <c r="E21" s="109">
        <v>0</v>
      </c>
      <c r="F21" s="114">
        <v>3932961</v>
      </c>
      <c r="G21" s="114">
        <v>7020353</v>
      </c>
      <c r="H21" s="114">
        <v>6173149</v>
      </c>
      <c r="I21" s="114">
        <v>5314612</v>
      </c>
      <c r="J21" s="114">
        <v>2226525</v>
      </c>
      <c r="K21" s="109">
        <v>24667600</v>
      </c>
      <c r="L21" s="116">
        <v>25502786</v>
      </c>
      <c r="M21" s="110">
        <v>51573</v>
      </c>
      <c r="N21" s="114">
        <v>71862</v>
      </c>
      <c r="O21" s="113">
        <v>123435</v>
      </c>
      <c r="P21" s="110">
        <v>0</v>
      </c>
      <c r="Q21" s="114">
        <v>745638</v>
      </c>
      <c r="R21" s="114">
        <v>1334880</v>
      </c>
      <c r="S21" s="114">
        <v>1310384</v>
      </c>
      <c r="T21" s="114">
        <v>1064396</v>
      </c>
      <c r="U21" s="114">
        <v>702734</v>
      </c>
      <c r="V21" s="113">
        <v>5158032</v>
      </c>
      <c r="W21" s="116">
        <v>5281467</v>
      </c>
      <c r="X21" s="110">
        <v>0</v>
      </c>
      <c r="Y21" s="114">
        <v>0</v>
      </c>
      <c r="Z21" s="113">
        <v>0</v>
      </c>
      <c r="AA21" s="110">
        <v>0</v>
      </c>
      <c r="AB21" s="114">
        <v>227020</v>
      </c>
      <c r="AC21" s="114">
        <v>294293</v>
      </c>
      <c r="AD21" s="114">
        <v>416692</v>
      </c>
      <c r="AE21" s="114">
        <v>401909</v>
      </c>
      <c r="AF21" s="114">
        <v>33266</v>
      </c>
      <c r="AG21" s="113">
        <v>1373180</v>
      </c>
      <c r="AH21" s="116">
        <v>1373180</v>
      </c>
      <c r="AI21" s="110">
        <v>0</v>
      </c>
      <c r="AJ21" s="114">
        <v>0</v>
      </c>
      <c r="AK21" s="113">
        <v>0</v>
      </c>
      <c r="AL21" s="110">
        <v>0</v>
      </c>
      <c r="AM21" s="114">
        <v>0</v>
      </c>
      <c r="AN21" s="114">
        <v>81551</v>
      </c>
      <c r="AO21" s="114">
        <v>0</v>
      </c>
      <c r="AP21" s="114">
        <v>0</v>
      </c>
      <c r="AQ21" s="114">
        <v>136888</v>
      </c>
      <c r="AR21" s="113">
        <v>218439</v>
      </c>
      <c r="AS21" s="116">
        <v>218439</v>
      </c>
      <c r="AT21" s="110">
        <v>33493</v>
      </c>
      <c r="AU21" s="114">
        <v>61950</v>
      </c>
      <c r="AV21" s="113">
        <v>95443</v>
      </c>
      <c r="AW21" s="110">
        <v>0</v>
      </c>
      <c r="AX21" s="114">
        <v>314522</v>
      </c>
      <c r="AY21" s="114">
        <v>792660</v>
      </c>
      <c r="AZ21" s="114">
        <v>560752</v>
      </c>
      <c r="BA21" s="114">
        <v>396055</v>
      </c>
      <c r="BB21" s="114">
        <v>354724</v>
      </c>
      <c r="BC21" s="113">
        <v>2418713</v>
      </c>
      <c r="BD21" s="116">
        <v>2514156</v>
      </c>
      <c r="BE21" s="110">
        <v>0</v>
      </c>
      <c r="BF21" s="114">
        <v>0</v>
      </c>
      <c r="BG21" s="112">
        <v>0</v>
      </c>
      <c r="BH21" s="111">
        <v>0</v>
      </c>
      <c r="BI21" s="114">
        <v>0</v>
      </c>
      <c r="BJ21" s="114">
        <v>0</v>
      </c>
      <c r="BK21" s="114">
        <v>55300</v>
      </c>
      <c r="BL21" s="114">
        <v>0</v>
      </c>
      <c r="BM21" s="114">
        <v>31600</v>
      </c>
      <c r="BN21" s="113">
        <v>86900</v>
      </c>
      <c r="BO21" s="116">
        <v>86900</v>
      </c>
      <c r="BP21" s="110">
        <v>18080</v>
      </c>
      <c r="BQ21" s="114">
        <v>9912</v>
      </c>
      <c r="BR21" s="113">
        <v>27992</v>
      </c>
      <c r="BS21" s="110">
        <v>0</v>
      </c>
      <c r="BT21" s="114">
        <v>204096</v>
      </c>
      <c r="BU21" s="114">
        <v>166376</v>
      </c>
      <c r="BV21" s="114">
        <v>277640</v>
      </c>
      <c r="BW21" s="114">
        <v>266432</v>
      </c>
      <c r="BX21" s="114">
        <v>146256</v>
      </c>
      <c r="BY21" s="113">
        <v>1060800</v>
      </c>
      <c r="BZ21" s="116">
        <v>1088792</v>
      </c>
      <c r="CA21" s="110">
        <v>60580</v>
      </c>
      <c r="CB21" s="114">
        <v>146725</v>
      </c>
      <c r="CC21" s="113">
        <v>207305</v>
      </c>
      <c r="CD21" s="110">
        <v>0</v>
      </c>
      <c r="CE21" s="114">
        <v>1623773</v>
      </c>
      <c r="CF21" s="114">
        <v>3158484</v>
      </c>
      <c r="CG21" s="114">
        <v>1505038</v>
      </c>
      <c r="CH21" s="114">
        <v>1523444</v>
      </c>
      <c r="CI21" s="114">
        <v>185424</v>
      </c>
      <c r="CJ21" s="113">
        <v>7996163</v>
      </c>
      <c r="CK21" s="116">
        <v>8203468</v>
      </c>
      <c r="CL21" s="110">
        <v>0</v>
      </c>
      <c r="CM21" s="114">
        <v>0</v>
      </c>
      <c r="CN21" s="113">
        <v>0</v>
      </c>
      <c r="CO21" s="111">
        <v>0</v>
      </c>
      <c r="CP21" s="114">
        <v>914338</v>
      </c>
      <c r="CQ21" s="114">
        <v>1308839</v>
      </c>
      <c r="CR21" s="114">
        <v>1020696</v>
      </c>
      <c r="CS21" s="114">
        <v>1265082</v>
      </c>
      <c r="CT21" s="114">
        <v>185424</v>
      </c>
      <c r="CU21" s="113">
        <v>4694379</v>
      </c>
      <c r="CV21" s="116">
        <v>4694379</v>
      </c>
      <c r="CW21" s="110">
        <v>60580</v>
      </c>
      <c r="CX21" s="114">
        <v>146725</v>
      </c>
      <c r="CY21" s="113">
        <v>207305</v>
      </c>
      <c r="CZ21" s="110">
        <v>0</v>
      </c>
      <c r="DA21" s="114">
        <v>709435</v>
      </c>
      <c r="DB21" s="114">
        <v>1849645</v>
      </c>
      <c r="DC21" s="114">
        <v>484342</v>
      </c>
      <c r="DD21" s="114">
        <v>258362</v>
      </c>
      <c r="DE21" s="114">
        <v>0</v>
      </c>
      <c r="DF21" s="113">
        <v>3301784</v>
      </c>
      <c r="DG21" s="116">
        <v>3509089</v>
      </c>
      <c r="DH21" s="110">
        <v>0</v>
      </c>
      <c r="DI21" s="114">
        <v>0</v>
      </c>
      <c r="DJ21" s="112">
        <v>0</v>
      </c>
      <c r="DK21" s="111">
        <v>0</v>
      </c>
      <c r="DL21" s="114">
        <v>89150</v>
      </c>
      <c r="DM21" s="114">
        <v>480038</v>
      </c>
      <c r="DN21" s="114">
        <v>516313</v>
      </c>
      <c r="DO21" s="114">
        <v>97611</v>
      </c>
      <c r="DP21" s="114">
        <v>0</v>
      </c>
      <c r="DQ21" s="113">
        <v>1183112</v>
      </c>
      <c r="DR21" s="116">
        <v>1183112</v>
      </c>
      <c r="DS21" s="110">
        <v>0</v>
      </c>
      <c r="DT21" s="114">
        <v>0</v>
      </c>
      <c r="DU21" s="113">
        <v>0</v>
      </c>
      <c r="DV21" s="110">
        <v>0</v>
      </c>
      <c r="DW21" s="114">
        <v>89150</v>
      </c>
      <c r="DX21" s="114">
        <v>468018</v>
      </c>
      <c r="DY21" s="114">
        <v>516313</v>
      </c>
      <c r="DZ21" s="114">
        <v>64337</v>
      </c>
      <c r="EA21" s="114">
        <v>0</v>
      </c>
      <c r="EB21" s="113">
        <v>1137818</v>
      </c>
      <c r="EC21" s="116">
        <v>1137818</v>
      </c>
      <c r="ED21" s="110">
        <v>0</v>
      </c>
      <c r="EE21" s="112">
        <v>0</v>
      </c>
      <c r="EF21" s="113">
        <v>0</v>
      </c>
      <c r="EG21" s="110">
        <v>0</v>
      </c>
      <c r="EH21" s="114">
        <v>0</v>
      </c>
      <c r="EI21" s="114">
        <v>12020</v>
      </c>
      <c r="EJ21" s="114">
        <v>0</v>
      </c>
      <c r="EK21" s="114">
        <v>33274</v>
      </c>
      <c r="EL21" s="114">
        <v>0</v>
      </c>
      <c r="EM21" s="112">
        <v>45294</v>
      </c>
      <c r="EN21" s="116">
        <v>45294</v>
      </c>
      <c r="EO21" s="110">
        <v>0</v>
      </c>
      <c r="EP21" s="114">
        <v>0</v>
      </c>
      <c r="EQ21" s="112">
        <v>0</v>
      </c>
      <c r="ER21" s="111">
        <v>0</v>
      </c>
      <c r="ES21" s="114">
        <v>0</v>
      </c>
      <c r="ET21" s="114">
        <v>0</v>
      </c>
      <c r="EU21" s="114">
        <v>0</v>
      </c>
      <c r="EV21" s="114">
        <v>0</v>
      </c>
      <c r="EW21" s="114">
        <v>0</v>
      </c>
      <c r="EX21" s="113">
        <v>0</v>
      </c>
      <c r="EY21" s="116">
        <v>0</v>
      </c>
      <c r="EZ21" s="110">
        <v>0</v>
      </c>
      <c r="FA21" s="114">
        <v>0</v>
      </c>
      <c r="FB21" s="112">
        <v>0</v>
      </c>
      <c r="FC21" s="348"/>
      <c r="FD21" s="114">
        <v>0</v>
      </c>
      <c r="FE21" s="114">
        <v>0</v>
      </c>
      <c r="FF21" s="114">
        <v>0</v>
      </c>
      <c r="FG21" s="114">
        <v>0</v>
      </c>
      <c r="FH21" s="114">
        <v>0</v>
      </c>
      <c r="FI21" s="113">
        <v>0</v>
      </c>
      <c r="FJ21" s="116">
        <v>0</v>
      </c>
      <c r="FK21" s="110">
        <v>64456</v>
      </c>
      <c r="FL21" s="114">
        <v>79120</v>
      </c>
      <c r="FM21" s="113">
        <v>143576</v>
      </c>
      <c r="FN21" s="110">
        <v>0</v>
      </c>
      <c r="FO21" s="114">
        <v>184832</v>
      </c>
      <c r="FP21" s="114">
        <v>643344</v>
      </c>
      <c r="FQ21" s="114">
        <v>398424</v>
      </c>
      <c r="FR21" s="114">
        <v>389336</v>
      </c>
      <c r="FS21" s="114">
        <v>181184</v>
      </c>
      <c r="FT21" s="113">
        <v>1797120</v>
      </c>
      <c r="FU21" s="116">
        <v>1940696</v>
      </c>
      <c r="FV21" s="115">
        <v>64456</v>
      </c>
      <c r="FW21" s="114">
        <v>44720</v>
      </c>
      <c r="FX21" s="112">
        <v>109176</v>
      </c>
      <c r="FY21" s="111">
        <v>0</v>
      </c>
      <c r="FZ21" s="114">
        <v>184832</v>
      </c>
      <c r="GA21" s="114">
        <v>589144</v>
      </c>
      <c r="GB21" s="114">
        <v>398424</v>
      </c>
      <c r="GC21" s="114">
        <v>306704</v>
      </c>
      <c r="GD21" s="114">
        <v>181184</v>
      </c>
      <c r="GE21" s="113">
        <v>1660288</v>
      </c>
      <c r="GF21" s="319">
        <v>1769464</v>
      </c>
      <c r="GG21" s="115">
        <v>0</v>
      </c>
      <c r="GH21" s="114">
        <v>0</v>
      </c>
      <c r="GI21" s="112">
        <v>0</v>
      </c>
      <c r="GJ21" s="111">
        <v>0</v>
      </c>
      <c r="GK21" s="114">
        <v>0</v>
      </c>
      <c r="GL21" s="114">
        <v>19800</v>
      </c>
      <c r="GM21" s="114">
        <v>0</v>
      </c>
      <c r="GN21" s="114">
        <v>0</v>
      </c>
      <c r="GO21" s="114">
        <v>0</v>
      </c>
      <c r="GP21" s="113">
        <v>19800</v>
      </c>
      <c r="GQ21" s="116">
        <v>19800</v>
      </c>
      <c r="GR21" s="110">
        <v>0</v>
      </c>
      <c r="GS21" s="114">
        <v>34400</v>
      </c>
      <c r="GT21" s="113">
        <v>34400</v>
      </c>
      <c r="GU21" s="110">
        <v>0</v>
      </c>
      <c r="GV21" s="114">
        <v>0</v>
      </c>
      <c r="GW21" s="114">
        <v>34400</v>
      </c>
      <c r="GX21" s="114">
        <v>0</v>
      </c>
      <c r="GY21" s="114">
        <v>82632</v>
      </c>
      <c r="GZ21" s="114">
        <v>0</v>
      </c>
      <c r="HA21" s="112">
        <v>117032</v>
      </c>
      <c r="HB21" s="116">
        <v>151432</v>
      </c>
      <c r="HC21" s="110">
        <v>103759</v>
      </c>
      <c r="HD21" s="114">
        <v>257111</v>
      </c>
      <c r="HE21" s="112">
        <v>360870</v>
      </c>
      <c r="HF21" s="111">
        <v>0</v>
      </c>
      <c r="HG21" s="114">
        <v>1289568</v>
      </c>
      <c r="HH21" s="114">
        <v>1403607</v>
      </c>
      <c r="HI21" s="114">
        <v>2442990</v>
      </c>
      <c r="HJ21" s="114">
        <v>2239825</v>
      </c>
      <c r="HK21" s="114">
        <v>1157183</v>
      </c>
      <c r="HL21" s="113">
        <v>8533173</v>
      </c>
      <c r="HM21" s="109">
        <v>8894043</v>
      </c>
      <c r="HN21" s="329"/>
      <c r="HO21" s="330"/>
      <c r="HP21" s="331"/>
      <c r="HQ21" s="332"/>
      <c r="HR21" s="330"/>
      <c r="HS21" s="330"/>
      <c r="HT21" s="330"/>
      <c r="HU21" s="330"/>
      <c r="HV21" s="330"/>
      <c r="HW21" s="333"/>
      <c r="HX21" s="334"/>
      <c r="HY21" s="131">
        <v>0</v>
      </c>
      <c r="HZ21" s="132">
        <v>0</v>
      </c>
      <c r="IA21" s="133">
        <v>0</v>
      </c>
      <c r="IB21" s="146">
        <v>0</v>
      </c>
      <c r="IC21" s="132">
        <v>837332</v>
      </c>
      <c r="ID21" s="147">
        <v>1987470</v>
      </c>
      <c r="IE21" s="133">
        <v>2279737</v>
      </c>
      <c r="IF21" s="132">
        <v>701368</v>
      </c>
      <c r="IG21" s="133">
        <v>1123127</v>
      </c>
      <c r="IH21" s="148">
        <v>6929034</v>
      </c>
      <c r="II21" s="139">
        <v>6929034</v>
      </c>
      <c r="IJ21" s="232">
        <v>0</v>
      </c>
      <c r="IK21" s="236">
        <v>0</v>
      </c>
      <c r="IL21" s="237">
        <v>0</v>
      </c>
      <c r="IM21" s="140"/>
      <c r="IN21" s="119">
        <v>0</v>
      </c>
      <c r="IO21" s="119">
        <v>0</v>
      </c>
      <c r="IP21" s="119">
        <v>320759</v>
      </c>
      <c r="IQ21" s="119">
        <v>190408</v>
      </c>
      <c r="IR21" s="119">
        <v>420925</v>
      </c>
      <c r="IS21" s="141">
        <v>932092</v>
      </c>
      <c r="IT21" s="321">
        <v>932092</v>
      </c>
      <c r="IU21" s="142">
        <v>0</v>
      </c>
      <c r="IV21" s="119">
        <v>0</v>
      </c>
      <c r="IW21" s="120">
        <v>0</v>
      </c>
      <c r="IX21" s="144"/>
      <c r="IY21" s="119">
        <v>0</v>
      </c>
      <c r="IZ21" s="119">
        <v>15496</v>
      </c>
      <c r="JA21" s="119">
        <v>0</v>
      </c>
      <c r="JB21" s="119">
        <v>0</v>
      </c>
      <c r="JC21" s="119">
        <v>0</v>
      </c>
      <c r="JD21" s="120">
        <v>15496</v>
      </c>
      <c r="JE21" s="121">
        <v>15496</v>
      </c>
      <c r="JF21" s="142">
        <v>0</v>
      </c>
      <c r="JG21" s="119">
        <v>0</v>
      </c>
      <c r="JH21" s="141">
        <v>0</v>
      </c>
      <c r="JI21" s="118">
        <v>0</v>
      </c>
      <c r="JJ21" s="119">
        <v>434618</v>
      </c>
      <c r="JK21" s="119">
        <v>655346</v>
      </c>
      <c r="JL21" s="119">
        <v>149120</v>
      </c>
      <c r="JM21" s="119">
        <v>266017</v>
      </c>
      <c r="JN21" s="119">
        <v>12192</v>
      </c>
      <c r="JO21" s="120">
        <v>1517293</v>
      </c>
      <c r="JP21" s="321">
        <v>1517293</v>
      </c>
      <c r="JQ21" s="142">
        <v>0</v>
      </c>
      <c r="JR21" s="119">
        <v>0</v>
      </c>
      <c r="JS21" s="141">
        <v>0</v>
      </c>
      <c r="JT21" s="118">
        <v>0</v>
      </c>
      <c r="JU21" s="119">
        <v>181253</v>
      </c>
      <c r="JV21" s="119">
        <v>0</v>
      </c>
      <c r="JW21" s="119">
        <v>133652</v>
      </c>
      <c r="JX21" s="119">
        <v>0</v>
      </c>
      <c r="JY21" s="119">
        <v>0</v>
      </c>
      <c r="JZ21" s="120">
        <v>314905</v>
      </c>
      <c r="KA21" s="321">
        <v>314905</v>
      </c>
      <c r="KB21" s="234">
        <v>0</v>
      </c>
      <c r="KC21" s="230">
        <v>0</v>
      </c>
      <c r="KD21" s="120">
        <v>0</v>
      </c>
      <c r="KE21" s="118">
        <v>0</v>
      </c>
      <c r="KF21" s="119">
        <v>0</v>
      </c>
      <c r="KG21" s="119">
        <v>150222</v>
      </c>
      <c r="KH21" s="119">
        <v>483666</v>
      </c>
      <c r="KI21" s="119">
        <v>0</v>
      </c>
      <c r="KJ21" s="119">
        <v>0</v>
      </c>
      <c r="KK21" s="120">
        <v>633888</v>
      </c>
      <c r="KL21" s="143">
        <v>633888</v>
      </c>
      <c r="KM21" s="232">
        <v>0</v>
      </c>
      <c r="KN21" s="236">
        <v>0</v>
      </c>
      <c r="KO21" s="237">
        <v>0</v>
      </c>
      <c r="KP21" s="140"/>
      <c r="KQ21" s="119">
        <v>221461</v>
      </c>
      <c r="KR21" s="119">
        <v>1166406</v>
      </c>
      <c r="KS21" s="119">
        <v>956108</v>
      </c>
      <c r="KT21" s="119">
        <v>244943</v>
      </c>
      <c r="KU21" s="119">
        <v>690010</v>
      </c>
      <c r="KV21" s="120">
        <v>3278928</v>
      </c>
      <c r="KW21" s="321">
        <v>3278928</v>
      </c>
      <c r="KX21" s="142">
        <v>0</v>
      </c>
      <c r="KY21" s="119">
        <v>0</v>
      </c>
      <c r="KZ21" s="120">
        <v>0</v>
      </c>
      <c r="LA21" s="145"/>
      <c r="LB21" s="119">
        <v>0</v>
      </c>
      <c r="LC21" s="119">
        <v>0</v>
      </c>
      <c r="LD21" s="119">
        <v>0</v>
      </c>
      <c r="LE21" s="119">
        <v>0</v>
      </c>
      <c r="LF21" s="119">
        <v>0</v>
      </c>
      <c r="LG21" s="120">
        <v>0</v>
      </c>
      <c r="LH21" s="121">
        <v>0</v>
      </c>
      <c r="LI21" s="142">
        <v>0</v>
      </c>
      <c r="LJ21" s="119">
        <v>0</v>
      </c>
      <c r="LK21" s="120">
        <v>0</v>
      </c>
      <c r="LL21" s="145"/>
      <c r="LM21" s="119">
        <v>0</v>
      </c>
      <c r="LN21" s="119">
        <v>0</v>
      </c>
      <c r="LO21" s="119">
        <v>0</v>
      </c>
      <c r="LP21" s="119">
        <v>0</v>
      </c>
      <c r="LQ21" s="119">
        <v>0</v>
      </c>
      <c r="LR21" s="120">
        <v>0</v>
      </c>
      <c r="LS21" s="321">
        <v>0</v>
      </c>
      <c r="LT21" s="142">
        <v>0</v>
      </c>
      <c r="LU21" s="119">
        <v>0</v>
      </c>
      <c r="LV21" s="120">
        <v>0</v>
      </c>
      <c r="LW21" s="145"/>
      <c r="LX21" s="119">
        <v>0</v>
      </c>
      <c r="LY21" s="119">
        <v>0</v>
      </c>
      <c r="LZ21" s="119">
        <v>236432</v>
      </c>
      <c r="MA21" s="119">
        <v>0</v>
      </c>
      <c r="MB21" s="119">
        <v>0</v>
      </c>
      <c r="MC21" s="120">
        <v>236432</v>
      </c>
      <c r="MD21" s="121">
        <v>236432</v>
      </c>
      <c r="ME21" s="142">
        <v>0</v>
      </c>
      <c r="MF21" s="119">
        <v>0</v>
      </c>
      <c r="MG21" s="120">
        <v>0</v>
      </c>
      <c r="MH21" s="145"/>
      <c r="MI21" s="119">
        <v>320867</v>
      </c>
      <c r="MJ21" s="119">
        <v>995480</v>
      </c>
      <c r="MK21" s="119">
        <v>1460408</v>
      </c>
      <c r="ML21" s="119">
        <v>4783234</v>
      </c>
      <c r="MM21" s="119">
        <v>2605867</v>
      </c>
      <c r="MN21" s="120">
        <v>10165856</v>
      </c>
      <c r="MO21" s="143">
        <v>10165856</v>
      </c>
      <c r="MP21" s="142">
        <v>0</v>
      </c>
      <c r="MQ21" s="119">
        <v>0</v>
      </c>
      <c r="MR21" s="120">
        <v>0</v>
      </c>
      <c r="MS21" s="145"/>
      <c r="MT21" s="119">
        <v>0</v>
      </c>
      <c r="MU21" s="119">
        <v>202277</v>
      </c>
      <c r="MV21" s="119">
        <v>466809</v>
      </c>
      <c r="MW21" s="119">
        <v>2765997</v>
      </c>
      <c r="MX21" s="119">
        <v>1610354</v>
      </c>
      <c r="MY21" s="120">
        <v>5045437</v>
      </c>
      <c r="MZ21" s="143">
        <v>5045437</v>
      </c>
      <c r="NA21" s="142">
        <v>0</v>
      </c>
      <c r="NB21" s="119">
        <v>0</v>
      </c>
      <c r="NC21" s="120">
        <v>0</v>
      </c>
      <c r="ND21" s="145"/>
      <c r="NE21" s="119">
        <v>320867</v>
      </c>
      <c r="NF21" s="119">
        <v>793203</v>
      </c>
      <c r="NG21" s="119">
        <v>993599</v>
      </c>
      <c r="NH21" s="119">
        <v>2017237</v>
      </c>
      <c r="NI21" s="119">
        <v>598641</v>
      </c>
      <c r="NJ21" s="120">
        <v>4723547</v>
      </c>
      <c r="NK21" s="321">
        <v>4723547</v>
      </c>
      <c r="NL21" s="142">
        <v>0</v>
      </c>
      <c r="NM21" s="119">
        <v>0</v>
      </c>
      <c r="NN21" s="120">
        <v>0</v>
      </c>
      <c r="NO21" s="145"/>
      <c r="NP21" s="119">
        <v>0</v>
      </c>
      <c r="NQ21" s="119">
        <v>0</v>
      </c>
      <c r="NR21" s="119">
        <v>0</v>
      </c>
      <c r="NS21" s="119">
        <v>0</v>
      </c>
      <c r="NT21" s="119">
        <v>0</v>
      </c>
      <c r="NU21" s="120">
        <v>0</v>
      </c>
      <c r="NV21" s="121">
        <v>0</v>
      </c>
      <c r="NW21" s="142">
        <v>0</v>
      </c>
      <c r="NX21" s="119">
        <v>0</v>
      </c>
      <c r="NY21" s="120">
        <v>0</v>
      </c>
      <c r="NZ21" s="145"/>
      <c r="OA21" s="119">
        <v>0</v>
      </c>
      <c r="OB21" s="119">
        <v>0</v>
      </c>
      <c r="OC21" s="119">
        <v>0</v>
      </c>
      <c r="OD21" s="119">
        <v>0</v>
      </c>
      <c r="OE21" s="119">
        <v>396872</v>
      </c>
      <c r="OF21" s="120">
        <v>396872</v>
      </c>
      <c r="OG21" s="121">
        <v>396872</v>
      </c>
      <c r="OH21" s="142">
        <v>280368</v>
      </c>
      <c r="OI21" s="119">
        <v>554818</v>
      </c>
      <c r="OJ21" s="141">
        <v>835186</v>
      </c>
      <c r="OK21" s="118">
        <v>0</v>
      </c>
      <c r="OL21" s="119">
        <v>5091160</v>
      </c>
      <c r="OM21" s="119">
        <v>10003303</v>
      </c>
      <c r="ON21" s="119">
        <v>9913294</v>
      </c>
      <c r="OO21" s="119">
        <v>10799214</v>
      </c>
      <c r="OP21" s="119">
        <v>5955519</v>
      </c>
      <c r="OQ21" s="120">
        <v>41762490</v>
      </c>
      <c r="OR21" s="143">
        <v>42597676</v>
      </c>
    </row>
    <row r="22" spans="1:408" ht="20.25" customHeight="1" x14ac:dyDescent="0.2">
      <c r="A22" s="126" t="s">
        <v>17</v>
      </c>
      <c r="B22" s="110">
        <v>333872</v>
      </c>
      <c r="C22" s="114">
        <v>655629</v>
      </c>
      <c r="D22" s="113">
        <v>989501</v>
      </c>
      <c r="E22" s="109">
        <v>0</v>
      </c>
      <c r="F22" s="114">
        <v>3585357</v>
      </c>
      <c r="G22" s="114">
        <v>6270860</v>
      </c>
      <c r="H22" s="114">
        <v>6313080</v>
      </c>
      <c r="I22" s="114">
        <v>4458127</v>
      </c>
      <c r="J22" s="114">
        <v>4906288</v>
      </c>
      <c r="K22" s="109">
        <v>25533712</v>
      </c>
      <c r="L22" s="116">
        <v>26523213</v>
      </c>
      <c r="M22" s="110">
        <v>103918</v>
      </c>
      <c r="N22" s="114">
        <v>100783</v>
      </c>
      <c r="O22" s="113">
        <v>204701</v>
      </c>
      <c r="P22" s="110">
        <v>0</v>
      </c>
      <c r="Q22" s="114">
        <v>482419</v>
      </c>
      <c r="R22" s="114">
        <v>1676923</v>
      </c>
      <c r="S22" s="114">
        <v>1539253</v>
      </c>
      <c r="T22" s="114">
        <v>1683938</v>
      </c>
      <c r="U22" s="114">
        <v>3187278</v>
      </c>
      <c r="V22" s="113">
        <v>8569811</v>
      </c>
      <c r="W22" s="116">
        <v>8774512</v>
      </c>
      <c r="X22" s="110">
        <v>0</v>
      </c>
      <c r="Y22" s="114">
        <v>0</v>
      </c>
      <c r="Z22" s="113">
        <v>0</v>
      </c>
      <c r="AA22" s="110">
        <v>0</v>
      </c>
      <c r="AB22" s="114">
        <v>129042</v>
      </c>
      <c r="AC22" s="114">
        <v>874961</v>
      </c>
      <c r="AD22" s="114">
        <v>816077</v>
      </c>
      <c r="AE22" s="114">
        <v>1119023</v>
      </c>
      <c r="AF22" s="114">
        <v>2310367</v>
      </c>
      <c r="AG22" s="113">
        <v>5249470</v>
      </c>
      <c r="AH22" s="116">
        <v>5249470</v>
      </c>
      <c r="AI22" s="110">
        <v>0</v>
      </c>
      <c r="AJ22" s="114">
        <v>0</v>
      </c>
      <c r="AK22" s="113">
        <v>0</v>
      </c>
      <c r="AL22" s="110">
        <v>0</v>
      </c>
      <c r="AM22" s="114">
        <v>0</v>
      </c>
      <c r="AN22" s="114">
        <v>0</v>
      </c>
      <c r="AO22" s="114">
        <v>0</v>
      </c>
      <c r="AP22" s="114">
        <v>10416</v>
      </c>
      <c r="AQ22" s="114">
        <v>406584</v>
      </c>
      <c r="AR22" s="113">
        <v>417000</v>
      </c>
      <c r="AS22" s="116">
        <v>417000</v>
      </c>
      <c r="AT22" s="110">
        <v>13736</v>
      </c>
      <c r="AU22" s="114">
        <v>78895</v>
      </c>
      <c r="AV22" s="113">
        <v>92631</v>
      </c>
      <c r="AW22" s="110">
        <v>0</v>
      </c>
      <c r="AX22" s="114">
        <v>258793</v>
      </c>
      <c r="AY22" s="114">
        <v>435320</v>
      </c>
      <c r="AZ22" s="114">
        <v>494200</v>
      </c>
      <c r="BA22" s="114">
        <v>313251</v>
      </c>
      <c r="BB22" s="114">
        <v>227653</v>
      </c>
      <c r="BC22" s="113">
        <v>1729217</v>
      </c>
      <c r="BD22" s="116">
        <v>1821848</v>
      </c>
      <c r="BE22" s="110">
        <v>43782</v>
      </c>
      <c r="BF22" s="114">
        <v>0</v>
      </c>
      <c r="BG22" s="112">
        <v>43782</v>
      </c>
      <c r="BH22" s="111">
        <v>0</v>
      </c>
      <c r="BI22" s="114">
        <v>0</v>
      </c>
      <c r="BJ22" s="114">
        <v>70106</v>
      </c>
      <c r="BK22" s="114">
        <v>0</v>
      </c>
      <c r="BL22" s="114">
        <v>0</v>
      </c>
      <c r="BM22" s="114">
        <v>58954</v>
      </c>
      <c r="BN22" s="113">
        <v>129060</v>
      </c>
      <c r="BO22" s="116">
        <v>172842</v>
      </c>
      <c r="BP22" s="110">
        <v>46400</v>
      </c>
      <c r="BQ22" s="114">
        <v>21888</v>
      </c>
      <c r="BR22" s="113">
        <v>68288</v>
      </c>
      <c r="BS22" s="110">
        <v>0</v>
      </c>
      <c r="BT22" s="114">
        <v>94584</v>
      </c>
      <c r="BU22" s="114">
        <v>296536</v>
      </c>
      <c r="BV22" s="114">
        <v>228976</v>
      </c>
      <c r="BW22" s="114">
        <v>241248</v>
      </c>
      <c r="BX22" s="114">
        <v>183720</v>
      </c>
      <c r="BY22" s="113">
        <v>1045064</v>
      </c>
      <c r="BZ22" s="116">
        <v>1113352</v>
      </c>
      <c r="CA22" s="110">
        <v>44328</v>
      </c>
      <c r="CB22" s="114">
        <v>253720</v>
      </c>
      <c r="CC22" s="113">
        <v>298048</v>
      </c>
      <c r="CD22" s="110">
        <v>0</v>
      </c>
      <c r="CE22" s="114">
        <v>1515193</v>
      </c>
      <c r="CF22" s="114">
        <v>2403865</v>
      </c>
      <c r="CG22" s="114">
        <v>1682022</v>
      </c>
      <c r="CH22" s="114">
        <v>1053900</v>
      </c>
      <c r="CI22" s="114">
        <v>425557</v>
      </c>
      <c r="CJ22" s="113">
        <v>7080537</v>
      </c>
      <c r="CK22" s="116">
        <v>7378585</v>
      </c>
      <c r="CL22" s="110">
        <v>0</v>
      </c>
      <c r="CM22" s="114">
        <v>0</v>
      </c>
      <c r="CN22" s="113">
        <v>0</v>
      </c>
      <c r="CO22" s="111">
        <v>0</v>
      </c>
      <c r="CP22" s="114">
        <v>1277428</v>
      </c>
      <c r="CQ22" s="114">
        <v>1359092</v>
      </c>
      <c r="CR22" s="114">
        <v>1599472</v>
      </c>
      <c r="CS22" s="114">
        <v>879873</v>
      </c>
      <c r="CT22" s="114">
        <v>370220</v>
      </c>
      <c r="CU22" s="113">
        <v>5486085</v>
      </c>
      <c r="CV22" s="116">
        <v>5486085</v>
      </c>
      <c r="CW22" s="110">
        <v>44328</v>
      </c>
      <c r="CX22" s="114">
        <v>253720</v>
      </c>
      <c r="CY22" s="113">
        <v>298048</v>
      </c>
      <c r="CZ22" s="110">
        <v>0</v>
      </c>
      <c r="DA22" s="114">
        <v>237765</v>
      </c>
      <c r="DB22" s="114">
        <v>1044773</v>
      </c>
      <c r="DC22" s="114">
        <v>82550</v>
      </c>
      <c r="DD22" s="114">
        <v>174027</v>
      </c>
      <c r="DE22" s="114">
        <v>55337</v>
      </c>
      <c r="DF22" s="113">
        <v>1594452</v>
      </c>
      <c r="DG22" s="116">
        <v>1892500</v>
      </c>
      <c r="DH22" s="110">
        <v>0</v>
      </c>
      <c r="DI22" s="114">
        <v>55602</v>
      </c>
      <c r="DJ22" s="112">
        <v>55602</v>
      </c>
      <c r="DK22" s="111">
        <v>0</v>
      </c>
      <c r="DL22" s="114">
        <v>185035</v>
      </c>
      <c r="DM22" s="114">
        <v>295631</v>
      </c>
      <c r="DN22" s="114">
        <v>989034</v>
      </c>
      <c r="DO22" s="114">
        <v>373444</v>
      </c>
      <c r="DP22" s="114">
        <v>210724</v>
      </c>
      <c r="DQ22" s="113">
        <v>2053868</v>
      </c>
      <c r="DR22" s="116">
        <v>2109470</v>
      </c>
      <c r="DS22" s="110">
        <v>0</v>
      </c>
      <c r="DT22" s="114">
        <v>55602</v>
      </c>
      <c r="DU22" s="113">
        <v>55602</v>
      </c>
      <c r="DV22" s="110">
        <v>0</v>
      </c>
      <c r="DW22" s="114">
        <v>85227</v>
      </c>
      <c r="DX22" s="114">
        <v>203876</v>
      </c>
      <c r="DY22" s="114">
        <v>912574</v>
      </c>
      <c r="DZ22" s="114">
        <v>373444</v>
      </c>
      <c r="EA22" s="114">
        <v>210724</v>
      </c>
      <c r="EB22" s="113">
        <v>1785845</v>
      </c>
      <c r="EC22" s="116">
        <v>1841447</v>
      </c>
      <c r="ED22" s="110">
        <v>0</v>
      </c>
      <c r="EE22" s="112">
        <v>0</v>
      </c>
      <c r="EF22" s="113">
        <v>0</v>
      </c>
      <c r="EG22" s="110">
        <v>0</v>
      </c>
      <c r="EH22" s="114">
        <v>99808</v>
      </c>
      <c r="EI22" s="114">
        <v>91755</v>
      </c>
      <c r="EJ22" s="114">
        <v>76460</v>
      </c>
      <c r="EK22" s="114">
        <v>0</v>
      </c>
      <c r="EL22" s="114">
        <v>0</v>
      </c>
      <c r="EM22" s="112">
        <v>268023</v>
      </c>
      <c r="EN22" s="116">
        <v>268023</v>
      </c>
      <c r="EO22" s="110">
        <v>0</v>
      </c>
      <c r="EP22" s="114">
        <v>0</v>
      </c>
      <c r="EQ22" s="112">
        <v>0</v>
      </c>
      <c r="ER22" s="111">
        <v>0</v>
      </c>
      <c r="ES22" s="114">
        <v>0</v>
      </c>
      <c r="ET22" s="114">
        <v>0</v>
      </c>
      <c r="EU22" s="114">
        <v>0</v>
      </c>
      <c r="EV22" s="114">
        <v>0</v>
      </c>
      <c r="EW22" s="114">
        <v>0</v>
      </c>
      <c r="EX22" s="113">
        <v>0</v>
      </c>
      <c r="EY22" s="116">
        <v>0</v>
      </c>
      <c r="EZ22" s="110">
        <v>0</v>
      </c>
      <c r="FA22" s="114">
        <v>0</v>
      </c>
      <c r="FB22" s="112">
        <v>0</v>
      </c>
      <c r="FC22" s="348"/>
      <c r="FD22" s="114">
        <v>0</v>
      </c>
      <c r="FE22" s="114">
        <v>0</v>
      </c>
      <c r="FF22" s="114">
        <v>0</v>
      </c>
      <c r="FG22" s="114">
        <v>0</v>
      </c>
      <c r="FH22" s="114">
        <v>0</v>
      </c>
      <c r="FI22" s="113">
        <v>0</v>
      </c>
      <c r="FJ22" s="116">
        <v>0</v>
      </c>
      <c r="FK22" s="110">
        <v>20888</v>
      </c>
      <c r="FL22" s="114">
        <v>156416</v>
      </c>
      <c r="FM22" s="113">
        <v>177304</v>
      </c>
      <c r="FN22" s="110">
        <v>0</v>
      </c>
      <c r="FO22" s="114">
        <v>168768</v>
      </c>
      <c r="FP22" s="114">
        <v>868760</v>
      </c>
      <c r="FQ22" s="114">
        <v>479992</v>
      </c>
      <c r="FR22" s="114">
        <v>317024</v>
      </c>
      <c r="FS22" s="114">
        <v>417944</v>
      </c>
      <c r="FT22" s="113">
        <v>2252488</v>
      </c>
      <c r="FU22" s="116">
        <v>2429792</v>
      </c>
      <c r="FV22" s="115">
        <v>20888</v>
      </c>
      <c r="FW22" s="114">
        <v>110576</v>
      </c>
      <c r="FX22" s="112">
        <v>131464</v>
      </c>
      <c r="FY22" s="111">
        <v>0</v>
      </c>
      <c r="FZ22" s="114">
        <v>128688</v>
      </c>
      <c r="GA22" s="114">
        <v>819112</v>
      </c>
      <c r="GB22" s="114">
        <v>468152</v>
      </c>
      <c r="GC22" s="114">
        <v>317024</v>
      </c>
      <c r="GD22" s="114">
        <v>417944</v>
      </c>
      <c r="GE22" s="113">
        <v>2150920</v>
      </c>
      <c r="GF22" s="319">
        <v>2282384</v>
      </c>
      <c r="GG22" s="115">
        <v>0</v>
      </c>
      <c r="GH22" s="114">
        <v>11840</v>
      </c>
      <c r="GI22" s="112">
        <v>11840</v>
      </c>
      <c r="GJ22" s="111">
        <v>0</v>
      </c>
      <c r="GK22" s="114">
        <v>40080</v>
      </c>
      <c r="GL22" s="114">
        <v>49648</v>
      </c>
      <c r="GM22" s="114">
        <v>11840</v>
      </c>
      <c r="GN22" s="114">
        <v>0</v>
      </c>
      <c r="GO22" s="114">
        <v>0</v>
      </c>
      <c r="GP22" s="113">
        <v>101568</v>
      </c>
      <c r="GQ22" s="116">
        <v>113408</v>
      </c>
      <c r="GR22" s="110">
        <v>0</v>
      </c>
      <c r="GS22" s="114">
        <v>34000</v>
      </c>
      <c r="GT22" s="113">
        <v>34000</v>
      </c>
      <c r="GU22" s="110">
        <v>0</v>
      </c>
      <c r="GV22" s="114">
        <v>0</v>
      </c>
      <c r="GW22" s="114">
        <v>0</v>
      </c>
      <c r="GX22" s="114">
        <v>0</v>
      </c>
      <c r="GY22" s="114">
        <v>0</v>
      </c>
      <c r="GZ22" s="114">
        <v>0</v>
      </c>
      <c r="HA22" s="112">
        <v>0</v>
      </c>
      <c r="HB22" s="116">
        <v>34000</v>
      </c>
      <c r="HC22" s="110">
        <v>164738</v>
      </c>
      <c r="HD22" s="114">
        <v>89108</v>
      </c>
      <c r="HE22" s="112">
        <v>253846</v>
      </c>
      <c r="HF22" s="111">
        <v>0</v>
      </c>
      <c r="HG22" s="114">
        <v>1233942</v>
      </c>
      <c r="HH22" s="114">
        <v>1025681</v>
      </c>
      <c r="HI22" s="114">
        <v>1622779</v>
      </c>
      <c r="HJ22" s="114">
        <v>1029821</v>
      </c>
      <c r="HK22" s="114">
        <v>664785</v>
      </c>
      <c r="HL22" s="113">
        <v>5577008</v>
      </c>
      <c r="HM22" s="109">
        <v>5830854</v>
      </c>
      <c r="HN22" s="329"/>
      <c r="HO22" s="330"/>
      <c r="HP22" s="331"/>
      <c r="HQ22" s="332"/>
      <c r="HR22" s="330"/>
      <c r="HS22" s="330"/>
      <c r="HT22" s="330"/>
      <c r="HU22" s="330"/>
      <c r="HV22" s="330"/>
      <c r="HW22" s="333"/>
      <c r="HX22" s="334"/>
      <c r="HY22" s="150">
        <v>0</v>
      </c>
      <c r="HZ22" s="135">
        <v>0</v>
      </c>
      <c r="IA22" s="150">
        <v>0</v>
      </c>
      <c r="IB22" s="134">
        <v>0</v>
      </c>
      <c r="IC22" s="135">
        <v>1381511</v>
      </c>
      <c r="ID22" s="136">
        <v>2334330</v>
      </c>
      <c r="IE22" s="137">
        <v>2486040</v>
      </c>
      <c r="IF22" s="135">
        <v>1227456</v>
      </c>
      <c r="IG22" s="137">
        <v>691410</v>
      </c>
      <c r="IH22" s="138">
        <v>8120747</v>
      </c>
      <c r="II22" s="150">
        <v>8120747</v>
      </c>
      <c r="IJ22" s="232">
        <v>0</v>
      </c>
      <c r="IK22" s="236">
        <v>0</v>
      </c>
      <c r="IL22" s="237">
        <v>0</v>
      </c>
      <c r="IM22" s="140"/>
      <c r="IN22" s="119">
        <v>0</v>
      </c>
      <c r="IO22" s="119">
        <v>92533</v>
      </c>
      <c r="IP22" s="119">
        <v>0</v>
      </c>
      <c r="IQ22" s="119">
        <v>0</v>
      </c>
      <c r="IR22" s="119">
        <v>0</v>
      </c>
      <c r="IS22" s="141">
        <v>92533</v>
      </c>
      <c r="IT22" s="321">
        <v>92533</v>
      </c>
      <c r="IU22" s="142">
        <v>0</v>
      </c>
      <c r="IV22" s="119">
        <v>0</v>
      </c>
      <c r="IW22" s="120">
        <v>0</v>
      </c>
      <c r="IX22" s="144"/>
      <c r="IY22" s="119">
        <v>0</v>
      </c>
      <c r="IZ22" s="119">
        <v>0</v>
      </c>
      <c r="JA22" s="119">
        <v>0</v>
      </c>
      <c r="JB22" s="119">
        <v>0</v>
      </c>
      <c r="JC22" s="119">
        <v>0</v>
      </c>
      <c r="JD22" s="120">
        <v>0</v>
      </c>
      <c r="JE22" s="121">
        <v>0</v>
      </c>
      <c r="JF22" s="142">
        <v>0</v>
      </c>
      <c r="JG22" s="119">
        <v>0</v>
      </c>
      <c r="JH22" s="141">
        <v>0</v>
      </c>
      <c r="JI22" s="118">
        <v>0</v>
      </c>
      <c r="JJ22" s="119">
        <v>695401</v>
      </c>
      <c r="JK22" s="119">
        <v>682391</v>
      </c>
      <c r="JL22" s="119">
        <v>888709</v>
      </c>
      <c r="JM22" s="119">
        <v>75455</v>
      </c>
      <c r="JN22" s="119">
        <v>111004</v>
      </c>
      <c r="JO22" s="120">
        <v>2452960</v>
      </c>
      <c r="JP22" s="321">
        <v>2452960</v>
      </c>
      <c r="JQ22" s="142">
        <v>0</v>
      </c>
      <c r="JR22" s="119">
        <v>0</v>
      </c>
      <c r="JS22" s="141">
        <v>0</v>
      </c>
      <c r="JT22" s="118">
        <v>0</v>
      </c>
      <c r="JU22" s="119">
        <v>50672</v>
      </c>
      <c r="JV22" s="119">
        <v>0</v>
      </c>
      <c r="JW22" s="119">
        <v>231166</v>
      </c>
      <c r="JX22" s="119">
        <v>0</v>
      </c>
      <c r="JY22" s="119">
        <v>0</v>
      </c>
      <c r="JZ22" s="120">
        <v>281838</v>
      </c>
      <c r="KA22" s="321">
        <v>281838</v>
      </c>
      <c r="KB22" s="234">
        <v>0</v>
      </c>
      <c r="KC22" s="230">
        <v>0</v>
      </c>
      <c r="KD22" s="120">
        <v>0</v>
      </c>
      <c r="KE22" s="118">
        <v>0</v>
      </c>
      <c r="KF22" s="119">
        <v>0</v>
      </c>
      <c r="KG22" s="119">
        <v>587723</v>
      </c>
      <c r="KH22" s="119">
        <v>480952</v>
      </c>
      <c r="KI22" s="119">
        <v>900998</v>
      </c>
      <c r="KJ22" s="119">
        <v>580406</v>
      </c>
      <c r="KK22" s="120">
        <v>2550079</v>
      </c>
      <c r="KL22" s="143">
        <v>2550079</v>
      </c>
      <c r="KM22" s="232">
        <v>0</v>
      </c>
      <c r="KN22" s="236">
        <v>0</v>
      </c>
      <c r="KO22" s="237">
        <v>0</v>
      </c>
      <c r="KP22" s="140"/>
      <c r="KQ22" s="119">
        <v>467284</v>
      </c>
      <c r="KR22" s="119">
        <v>971683</v>
      </c>
      <c r="KS22" s="119">
        <v>397955</v>
      </c>
      <c r="KT22" s="119">
        <v>251003</v>
      </c>
      <c r="KU22" s="119">
        <v>0</v>
      </c>
      <c r="KV22" s="120">
        <v>2087925</v>
      </c>
      <c r="KW22" s="321">
        <v>2087925</v>
      </c>
      <c r="KX22" s="142">
        <v>0</v>
      </c>
      <c r="KY22" s="119">
        <v>0</v>
      </c>
      <c r="KZ22" s="120">
        <v>0</v>
      </c>
      <c r="LA22" s="145"/>
      <c r="LB22" s="119">
        <v>0</v>
      </c>
      <c r="LC22" s="119">
        <v>0</v>
      </c>
      <c r="LD22" s="119">
        <v>0</v>
      </c>
      <c r="LE22" s="119">
        <v>0</v>
      </c>
      <c r="LF22" s="119">
        <v>0</v>
      </c>
      <c r="LG22" s="120">
        <v>0</v>
      </c>
      <c r="LH22" s="121">
        <v>0</v>
      </c>
      <c r="LI22" s="142">
        <v>0</v>
      </c>
      <c r="LJ22" s="119">
        <v>0</v>
      </c>
      <c r="LK22" s="120">
        <v>0</v>
      </c>
      <c r="LL22" s="145"/>
      <c r="LM22" s="119">
        <v>0</v>
      </c>
      <c r="LN22" s="119">
        <v>0</v>
      </c>
      <c r="LO22" s="119">
        <v>487258</v>
      </c>
      <c r="LP22" s="119">
        <v>0</v>
      </c>
      <c r="LQ22" s="119">
        <v>0</v>
      </c>
      <c r="LR22" s="120">
        <v>487258</v>
      </c>
      <c r="LS22" s="321">
        <v>487258</v>
      </c>
      <c r="LT22" s="142">
        <v>0</v>
      </c>
      <c r="LU22" s="119">
        <v>0</v>
      </c>
      <c r="LV22" s="120">
        <v>0</v>
      </c>
      <c r="LW22" s="145"/>
      <c r="LX22" s="119">
        <v>168154</v>
      </c>
      <c r="LY22" s="119">
        <v>0</v>
      </c>
      <c r="LZ22" s="119">
        <v>0</v>
      </c>
      <c r="MA22" s="119">
        <v>0</v>
      </c>
      <c r="MB22" s="119">
        <v>0</v>
      </c>
      <c r="MC22" s="120">
        <v>168154</v>
      </c>
      <c r="MD22" s="121">
        <v>168154</v>
      </c>
      <c r="ME22" s="142">
        <v>0</v>
      </c>
      <c r="MF22" s="119">
        <v>0</v>
      </c>
      <c r="MG22" s="120">
        <v>0</v>
      </c>
      <c r="MH22" s="145"/>
      <c r="MI22" s="119">
        <v>0</v>
      </c>
      <c r="MJ22" s="119">
        <v>1554314</v>
      </c>
      <c r="MK22" s="119">
        <v>4178159</v>
      </c>
      <c r="ML22" s="119">
        <v>5517154</v>
      </c>
      <c r="MM22" s="119">
        <v>2514256</v>
      </c>
      <c r="MN22" s="120">
        <v>13763883</v>
      </c>
      <c r="MO22" s="143">
        <v>13763883</v>
      </c>
      <c r="MP22" s="142">
        <v>0</v>
      </c>
      <c r="MQ22" s="119">
        <v>0</v>
      </c>
      <c r="MR22" s="120">
        <v>0</v>
      </c>
      <c r="MS22" s="145"/>
      <c r="MT22" s="119">
        <v>0</v>
      </c>
      <c r="MU22" s="119">
        <v>327844</v>
      </c>
      <c r="MV22" s="119">
        <v>1826743</v>
      </c>
      <c r="MW22" s="119">
        <v>3576338</v>
      </c>
      <c r="MX22" s="119">
        <v>1175474</v>
      </c>
      <c r="MY22" s="120">
        <v>6906399</v>
      </c>
      <c r="MZ22" s="143">
        <v>6906399</v>
      </c>
      <c r="NA22" s="142">
        <v>0</v>
      </c>
      <c r="NB22" s="119">
        <v>0</v>
      </c>
      <c r="NC22" s="120">
        <v>0</v>
      </c>
      <c r="ND22" s="145"/>
      <c r="NE22" s="119">
        <v>0</v>
      </c>
      <c r="NF22" s="119">
        <v>1226470</v>
      </c>
      <c r="NG22" s="119">
        <v>2351416</v>
      </c>
      <c r="NH22" s="119">
        <v>1940816</v>
      </c>
      <c r="NI22" s="119">
        <v>998960</v>
      </c>
      <c r="NJ22" s="120">
        <v>6517662</v>
      </c>
      <c r="NK22" s="321">
        <v>6517662</v>
      </c>
      <c r="NL22" s="142">
        <v>0</v>
      </c>
      <c r="NM22" s="119">
        <v>0</v>
      </c>
      <c r="NN22" s="120">
        <v>0</v>
      </c>
      <c r="NO22" s="145"/>
      <c r="NP22" s="119">
        <v>0</v>
      </c>
      <c r="NQ22" s="119">
        <v>0</v>
      </c>
      <c r="NR22" s="119">
        <v>0</v>
      </c>
      <c r="NS22" s="119">
        <v>0</v>
      </c>
      <c r="NT22" s="119">
        <v>0</v>
      </c>
      <c r="NU22" s="120">
        <v>0</v>
      </c>
      <c r="NV22" s="121">
        <v>0</v>
      </c>
      <c r="NW22" s="142">
        <v>0</v>
      </c>
      <c r="NX22" s="119">
        <v>0</v>
      </c>
      <c r="NY22" s="120">
        <v>0</v>
      </c>
      <c r="NZ22" s="145"/>
      <c r="OA22" s="119">
        <v>0</v>
      </c>
      <c r="OB22" s="119">
        <v>0</v>
      </c>
      <c r="OC22" s="119">
        <v>0</v>
      </c>
      <c r="OD22" s="119">
        <v>0</v>
      </c>
      <c r="OE22" s="119">
        <v>339822</v>
      </c>
      <c r="OF22" s="120">
        <v>339822</v>
      </c>
      <c r="OG22" s="121">
        <v>339822</v>
      </c>
      <c r="OH22" s="142">
        <v>333872</v>
      </c>
      <c r="OI22" s="119">
        <v>655629</v>
      </c>
      <c r="OJ22" s="141">
        <v>989501</v>
      </c>
      <c r="OK22" s="118">
        <v>0</v>
      </c>
      <c r="OL22" s="119">
        <v>4966868</v>
      </c>
      <c r="OM22" s="119">
        <v>10159504</v>
      </c>
      <c r="ON22" s="119">
        <v>12977279</v>
      </c>
      <c r="OO22" s="119">
        <v>11202737</v>
      </c>
      <c r="OP22" s="119">
        <v>8111954</v>
      </c>
      <c r="OQ22" s="120">
        <v>47418342</v>
      </c>
      <c r="OR22" s="143">
        <v>48407843</v>
      </c>
    </row>
    <row r="23" spans="1:408" ht="20.25" customHeight="1" x14ac:dyDescent="0.2">
      <c r="A23" s="126" t="s">
        <v>18</v>
      </c>
      <c r="B23" s="110">
        <v>275419</v>
      </c>
      <c r="C23" s="114">
        <v>943741</v>
      </c>
      <c r="D23" s="113">
        <v>1219160</v>
      </c>
      <c r="E23" s="109">
        <v>0</v>
      </c>
      <c r="F23" s="114">
        <v>7100614</v>
      </c>
      <c r="G23" s="114">
        <v>8960969</v>
      </c>
      <c r="H23" s="114">
        <v>8086343</v>
      </c>
      <c r="I23" s="114">
        <v>5746925</v>
      </c>
      <c r="J23" s="114">
        <v>2927810</v>
      </c>
      <c r="K23" s="109">
        <v>32822661</v>
      </c>
      <c r="L23" s="116">
        <v>34041821</v>
      </c>
      <c r="M23" s="110">
        <v>90287</v>
      </c>
      <c r="N23" s="114">
        <v>280516</v>
      </c>
      <c r="O23" s="113">
        <v>370803</v>
      </c>
      <c r="P23" s="110">
        <v>0</v>
      </c>
      <c r="Q23" s="114">
        <v>1734716</v>
      </c>
      <c r="R23" s="114">
        <v>3055302</v>
      </c>
      <c r="S23" s="114">
        <v>1867851</v>
      </c>
      <c r="T23" s="114">
        <v>2863924</v>
      </c>
      <c r="U23" s="114">
        <v>759797</v>
      </c>
      <c r="V23" s="113">
        <v>10281590</v>
      </c>
      <c r="W23" s="116">
        <v>10652393</v>
      </c>
      <c r="X23" s="110">
        <v>0</v>
      </c>
      <c r="Y23" s="114">
        <v>0</v>
      </c>
      <c r="Z23" s="113">
        <v>0</v>
      </c>
      <c r="AA23" s="110">
        <v>0</v>
      </c>
      <c r="AB23" s="114">
        <v>516405</v>
      </c>
      <c r="AC23" s="114">
        <v>1698778</v>
      </c>
      <c r="AD23" s="114">
        <v>959651</v>
      </c>
      <c r="AE23" s="114">
        <v>1884225</v>
      </c>
      <c r="AF23" s="114">
        <v>362084</v>
      </c>
      <c r="AG23" s="113">
        <v>5421143</v>
      </c>
      <c r="AH23" s="116">
        <v>5421143</v>
      </c>
      <c r="AI23" s="110">
        <v>0</v>
      </c>
      <c r="AJ23" s="114">
        <v>0</v>
      </c>
      <c r="AK23" s="113">
        <v>0</v>
      </c>
      <c r="AL23" s="110">
        <v>0</v>
      </c>
      <c r="AM23" s="114">
        <v>104157</v>
      </c>
      <c r="AN23" s="114">
        <v>0</v>
      </c>
      <c r="AO23" s="114">
        <v>57052</v>
      </c>
      <c r="AP23" s="114">
        <v>129001</v>
      </c>
      <c r="AQ23" s="114">
        <v>33092</v>
      </c>
      <c r="AR23" s="113">
        <v>323302</v>
      </c>
      <c r="AS23" s="116">
        <v>323302</v>
      </c>
      <c r="AT23" s="110">
        <v>67023</v>
      </c>
      <c r="AU23" s="114">
        <v>121361</v>
      </c>
      <c r="AV23" s="113">
        <v>188384</v>
      </c>
      <c r="AW23" s="110">
        <v>0</v>
      </c>
      <c r="AX23" s="114">
        <v>665178</v>
      </c>
      <c r="AY23" s="114">
        <v>664547</v>
      </c>
      <c r="AZ23" s="114">
        <v>342430</v>
      </c>
      <c r="BA23" s="114">
        <v>541376</v>
      </c>
      <c r="BB23" s="114">
        <v>162389</v>
      </c>
      <c r="BC23" s="113">
        <v>2375920</v>
      </c>
      <c r="BD23" s="116">
        <v>2564304</v>
      </c>
      <c r="BE23" s="110">
        <v>0</v>
      </c>
      <c r="BF23" s="114">
        <v>87003</v>
      </c>
      <c r="BG23" s="112">
        <v>87003</v>
      </c>
      <c r="BH23" s="111">
        <v>0</v>
      </c>
      <c r="BI23" s="114">
        <v>139536</v>
      </c>
      <c r="BJ23" s="114">
        <v>129097</v>
      </c>
      <c r="BK23" s="114">
        <v>36350</v>
      </c>
      <c r="BL23" s="114">
        <v>61922</v>
      </c>
      <c r="BM23" s="114">
        <v>0</v>
      </c>
      <c r="BN23" s="113">
        <v>366905</v>
      </c>
      <c r="BO23" s="116">
        <v>453908</v>
      </c>
      <c r="BP23" s="110">
        <v>23264</v>
      </c>
      <c r="BQ23" s="114">
        <v>72152</v>
      </c>
      <c r="BR23" s="113">
        <v>95416</v>
      </c>
      <c r="BS23" s="110">
        <v>0</v>
      </c>
      <c r="BT23" s="114">
        <v>309440</v>
      </c>
      <c r="BU23" s="114">
        <v>562880</v>
      </c>
      <c r="BV23" s="114">
        <v>472368</v>
      </c>
      <c r="BW23" s="114">
        <v>247400</v>
      </c>
      <c r="BX23" s="114">
        <v>202232</v>
      </c>
      <c r="BY23" s="113">
        <v>1794320</v>
      </c>
      <c r="BZ23" s="116">
        <v>1889736</v>
      </c>
      <c r="CA23" s="110">
        <v>62588</v>
      </c>
      <c r="CB23" s="114">
        <v>347869</v>
      </c>
      <c r="CC23" s="113">
        <v>410457</v>
      </c>
      <c r="CD23" s="110">
        <v>0</v>
      </c>
      <c r="CE23" s="114">
        <v>2824645</v>
      </c>
      <c r="CF23" s="114">
        <v>3315962</v>
      </c>
      <c r="CG23" s="114">
        <v>3103492</v>
      </c>
      <c r="CH23" s="114">
        <v>986903</v>
      </c>
      <c r="CI23" s="114">
        <v>432453</v>
      </c>
      <c r="CJ23" s="113">
        <v>10663455</v>
      </c>
      <c r="CK23" s="116">
        <v>11073912</v>
      </c>
      <c r="CL23" s="110">
        <v>0</v>
      </c>
      <c r="CM23" s="114">
        <v>0</v>
      </c>
      <c r="CN23" s="113">
        <v>0</v>
      </c>
      <c r="CO23" s="111">
        <v>0</v>
      </c>
      <c r="CP23" s="114">
        <v>2157809</v>
      </c>
      <c r="CQ23" s="114">
        <v>2161883</v>
      </c>
      <c r="CR23" s="114">
        <v>2254676</v>
      </c>
      <c r="CS23" s="114">
        <v>658532</v>
      </c>
      <c r="CT23" s="114">
        <v>396179</v>
      </c>
      <c r="CU23" s="113">
        <v>7629079</v>
      </c>
      <c r="CV23" s="116">
        <v>7629079</v>
      </c>
      <c r="CW23" s="110">
        <v>62588</v>
      </c>
      <c r="CX23" s="114">
        <v>347869</v>
      </c>
      <c r="CY23" s="113">
        <v>410457</v>
      </c>
      <c r="CZ23" s="110">
        <v>0</v>
      </c>
      <c r="DA23" s="114">
        <v>666836</v>
      </c>
      <c r="DB23" s="114">
        <v>1154079</v>
      </c>
      <c r="DC23" s="114">
        <v>848816</v>
      </c>
      <c r="DD23" s="114">
        <v>328371</v>
      </c>
      <c r="DE23" s="114">
        <v>36274</v>
      </c>
      <c r="DF23" s="113">
        <v>3034376</v>
      </c>
      <c r="DG23" s="116">
        <v>3444833</v>
      </c>
      <c r="DH23" s="110">
        <v>0</v>
      </c>
      <c r="DI23" s="114">
        <v>0</v>
      </c>
      <c r="DJ23" s="112">
        <v>0</v>
      </c>
      <c r="DK23" s="111">
        <v>0</v>
      </c>
      <c r="DL23" s="114">
        <v>292416</v>
      </c>
      <c r="DM23" s="114">
        <v>244716</v>
      </c>
      <c r="DN23" s="114">
        <v>816509</v>
      </c>
      <c r="DO23" s="114">
        <v>676268</v>
      </c>
      <c r="DP23" s="114">
        <v>338183</v>
      </c>
      <c r="DQ23" s="113">
        <v>2368092</v>
      </c>
      <c r="DR23" s="116">
        <v>2368092</v>
      </c>
      <c r="DS23" s="110">
        <v>0</v>
      </c>
      <c r="DT23" s="114">
        <v>0</v>
      </c>
      <c r="DU23" s="113">
        <v>0</v>
      </c>
      <c r="DV23" s="110">
        <v>0</v>
      </c>
      <c r="DW23" s="114">
        <v>263449</v>
      </c>
      <c r="DX23" s="114">
        <v>244716</v>
      </c>
      <c r="DY23" s="114">
        <v>816509</v>
      </c>
      <c r="DZ23" s="114">
        <v>676268</v>
      </c>
      <c r="EA23" s="114">
        <v>338183</v>
      </c>
      <c r="EB23" s="113">
        <v>2339125</v>
      </c>
      <c r="EC23" s="116">
        <v>2339125</v>
      </c>
      <c r="ED23" s="110">
        <v>0</v>
      </c>
      <c r="EE23" s="112">
        <v>0</v>
      </c>
      <c r="EF23" s="113">
        <v>0</v>
      </c>
      <c r="EG23" s="110">
        <v>0</v>
      </c>
      <c r="EH23" s="114">
        <v>28967</v>
      </c>
      <c r="EI23" s="114">
        <v>0</v>
      </c>
      <c r="EJ23" s="114">
        <v>0</v>
      </c>
      <c r="EK23" s="114">
        <v>0</v>
      </c>
      <c r="EL23" s="114">
        <v>0</v>
      </c>
      <c r="EM23" s="112">
        <v>28967</v>
      </c>
      <c r="EN23" s="116">
        <v>28967</v>
      </c>
      <c r="EO23" s="110">
        <v>0</v>
      </c>
      <c r="EP23" s="114">
        <v>0</v>
      </c>
      <c r="EQ23" s="112">
        <v>0</v>
      </c>
      <c r="ER23" s="111">
        <v>0</v>
      </c>
      <c r="ES23" s="114">
        <v>0</v>
      </c>
      <c r="ET23" s="114">
        <v>0</v>
      </c>
      <c r="EU23" s="114">
        <v>0</v>
      </c>
      <c r="EV23" s="114">
        <v>0</v>
      </c>
      <c r="EW23" s="114">
        <v>0</v>
      </c>
      <c r="EX23" s="113">
        <v>0</v>
      </c>
      <c r="EY23" s="116">
        <v>0</v>
      </c>
      <c r="EZ23" s="110">
        <v>0</v>
      </c>
      <c r="FA23" s="114">
        <v>0</v>
      </c>
      <c r="FB23" s="112">
        <v>0</v>
      </c>
      <c r="FC23" s="348"/>
      <c r="FD23" s="114">
        <v>0</v>
      </c>
      <c r="FE23" s="114">
        <v>0</v>
      </c>
      <c r="FF23" s="114">
        <v>0</v>
      </c>
      <c r="FG23" s="114">
        <v>0</v>
      </c>
      <c r="FH23" s="114">
        <v>0</v>
      </c>
      <c r="FI23" s="113">
        <v>0</v>
      </c>
      <c r="FJ23" s="116">
        <v>0</v>
      </c>
      <c r="FK23" s="110">
        <v>70320</v>
      </c>
      <c r="FL23" s="114">
        <v>133144</v>
      </c>
      <c r="FM23" s="113">
        <v>203464</v>
      </c>
      <c r="FN23" s="110">
        <v>0</v>
      </c>
      <c r="FO23" s="114">
        <v>287128</v>
      </c>
      <c r="FP23" s="114">
        <v>781028</v>
      </c>
      <c r="FQ23" s="114">
        <v>530504</v>
      </c>
      <c r="FR23" s="114">
        <v>494024</v>
      </c>
      <c r="FS23" s="114">
        <v>144352</v>
      </c>
      <c r="FT23" s="113">
        <v>2237036</v>
      </c>
      <c r="FU23" s="116">
        <v>2440500</v>
      </c>
      <c r="FV23" s="115">
        <v>41520</v>
      </c>
      <c r="FW23" s="114">
        <v>133144</v>
      </c>
      <c r="FX23" s="112">
        <v>174664</v>
      </c>
      <c r="FY23" s="111">
        <v>0</v>
      </c>
      <c r="FZ23" s="114">
        <v>287128</v>
      </c>
      <c r="GA23" s="114">
        <v>638628</v>
      </c>
      <c r="GB23" s="114">
        <v>511496</v>
      </c>
      <c r="GC23" s="114">
        <v>478536</v>
      </c>
      <c r="GD23" s="114">
        <v>144352</v>
      </c>
      <c r="GE23" s="113">
        <v>2060140</v>
      </c>
      <c r="GF23" s="319">
        <v>2234804</v>
      </c>
      <c r="GG23" s="115">
        <v>0</v>
      </c>
      <c r="GH23" s="114">
        <v>0</v>
      </c>
      <c r="GI23" s="112">
        <v>0</v>
      </c>
      <c r="GJ23" s="111">
        <v>0</v>
      </c>
      <c r="GK23" s="114">
        <v>0</v>
      </c>
      <c r="GL23" s="114">
        <v>0</v>
      </c>
      <c r="GM23" s="114">
        <v>19008</v>
      </c>
      <c r="GN23" s="114">
        <v>0</v>
      </c>
      <c r="GO23" s="114">
        <v>0</v>
      </c>
      <c r="GP23" s="113">
        <v>19008</v>
      </c>
      <c r="GQ23" s="116">
        <v>19008</v>
      </c>
      <c r="GR23" s="110">
        <v>28800</v>
      </c>
      <c r="GS23" s="114">
        <v>0</v>
      </c>
      <c r="GT23" s="113">
        <v>28800</v>
      </c>
      <c r="GU23" s="110">
        <v>0</v>
      </c>
      <c r="GV23" s="114">
        <v>0</v>
      </c>
      <c r="GW23" s="114">
        <v>142400</v>
      </c>
      <c r="GX23" s="114">
        <v>0</v>
      </c>
      <c r="GY23" s="114">
        <v>15488</v>
      </c>
      <c r="GZ23" s="114">
        <v>0</v>
      </c>
      <c r="HA23" s="112">
        <v>157888</v>
      </c>
      <c r="HB23" s="116">
        <v>186688</v>
      </c>
      <c r="HC23" s="110">
        <v>52224</v>
      </c>
      <c r="HD23" s="114">
        <v>182212</v>
      </c>
      <c r="HE23" s="112">
        <v>234436</v>
      </c>
      <c r="HF23" s="111">
        <v>0</v>
      </c>
      <c r="HG23" s="114">
        <v>1961709</v>
      </c>
      <c r="HH23" s="114">
        <v>1563961</v>
      </c>
      <c r="HI23" s="114">
        <v>1767987</v>
      </c>
      <c r="HJ23" s="114">
        <v>725806</v>
      </c>
      <c r="HK23" s="114">
        <v>1253025</v>
      </c>
      <c r="HL23" s="113">
        <v>7272488</v>
      </c>
      <c r="HM23" s="109">
        <v>7506924</v>
      </c>
      <c r="HN23" s="329"/>
      <c r="HO23" s="330"/>
      <c r="HP23" s="331"/>
      <c r="HQ23" s="332"/>
      <c r="HR23" s="330"/>
      <c r="HS23" s="330"/>
      <c r="HT23" s="330"/>
      <c r="HU23" s="330"/>
      <c r="HV23" s="330"/>
      <c r="HW23" s="333"/>
      <c r="HX23" s="334"/>
      <c r="HY23" s="131">
        <v>90020</v>
      </c>
      <c r="HZ23" s="132">
        <v>0</v>
      </c>
      <c r="IA23" s="133">
        <v>90020</v>
      </c>
      <c r="IB23" s="146">
        <v>0</v>
      </c>
      <c r="IC23" s="132">
        <v>1882353</v>
      </c>
      <c r="ID23" s="147">
        <v>2648759</v>
      </c>
      <c r="IE23" s="133">
        <v>2749128</v>
      </c>
      <c r="IF23" s="132">
        <v>1404639</v>
      </c>
      <c r="IG23" s="133">
        <v>512491</v>
      </c>
      <c r="IH23" s="148">
        <v>9197370</v>
      </c>
      <c r="II23" s="139">
        <v>9287390</v>
      </c>
      <c r="IJ23" s="232">
        <v>0</v>
      </c>
      <c r="IK23" s="236">
        <v>0</v>
      </c>
      <c r="IL23" s="237">
        <v>0</v>
      </c>
      <c r="IM23" s="140"/>
      <c r="IN23" s="119">
        <v>0</v>
      </c>
      <c r="IO23" s="119">
        <v>0</v>
      </c>
      <c r="IP23" s="119">
        <v>0</v>
      </c>
      <c r="IQ23" s="119">
        <v>0</v>
      </c>
      <c r="IR23" s="119">
        <v>0</v>
      </c>
      <c r="IS23" s="141">
        <v>0</v>
      </c>
      <c r="IT23" s="321">
        <v>0</v>
      </c>
      <c r="IU23" s="142">
        <v>0</v>
      </c>
      <c r="IV23" s="119">
        <v>0</v>
      </c>
      <c r="IW23" s="120">
        <v>0</v>
      </c>
      <c r="IX23" s="144"/>
      <c r="IY23" s="119">
        <v>0</v>
      </c>
      <c r="IZ23" s="119">
        <v>0</v>
      </c>
      <c r="JA23" s="119">
        <v>0</v>
      </c>
      <c r="JB23" s="119">
        <v>0</v>
      </c>
      <c r="JC23" s="119">
        <v>0</v>
      </c>
      <c r="JD23" s="120">
        <v>0</v>
      </c>
      <c r="JE23" s="121">
        <v>0</v>
      </c>
      <c r="JF23" s="142">
        <v>0</v>
      </c>
      <c r="JG23" s="119">
        <v>0</v>
      </c>
      <c r="JH23" s="141">
        <v>0</v>
      </c>
      <c r="JI23" s="118">
        <v>0</v>
      </c>
      <c r="JJ23" s="119">
        <v>687904</v>
      </c>
      <c r="JK23" s="119">
        <v>921694</v>
      </c>
      <c r="JL23" s="119">
        <v>324531</v>
      </c>
      <c r="JM23" s="119">
        <v>22805</v>
      </c>
      <c r="JN23" s="119">
        <v>0</v>
      </c>
      <c r="JO23" s="120">
        <v>1956934</v>
      </c>
      <c r="JP23" s="321">
        <v>1956934</v>
      </c>
      <c r="JQ23" s="142">
        <v>0</v>
      </c>
      <c r="JR23" s="119">
        <v>0</v>
      </c>
      <c r="JS23" s="141">
        <v>0</v>
      </c>
      <c r="JT23" s="118">
        <v>0</v>
      </c>
      <c r="JU23" s="119">
        <v>155923</v>
      </c>
      <c r="JV23" s="119">
        <v>0</v>
      </c>
      <c r="JW23" s="119">
        <v>184463</v>
      </c>
      <c r="JX23" s="119">
        <v>38334</v>
      </c>
      <c r="JY23" s="119">
        <v>0</v>
      </c>
      <c r="JZ23" s="120">
        <v>378720</v>
      </c>
      <c r="KA23" s="321">
        <v>378720</v>
      </c>
      <c r="KB23" s="234">
        <v>90020</v>
      </c>
      <c r="KC23" s="230">
        <v>0</v>
      </c>
      <c r="KD23" s="120">
        <v>90020</v>
      </c>
      <c r="KE23" s="118">
        <v>0</v>
      </c>
      <c r="KF23" s="119">
        <v>584137</v>
      </c>
      <c r="KG23" s="119">
        <v>716120</v>
      </c>
      <c r="KH23" s="119">
        <v>517176</v>
      </c>
      <c r="KI23" s="119">
        <v>0</v>
      </c>
      <c r="KJ23" s="119">
        <v>0</v>
      </c>
      <c r="KK23" s="120">
        <v>1817433</v>
      </c>
      <c r="KL23" s="143">
        <v>1907453</v>
      </c>
      <c r="KM23" s="232">
        <v>0</v>
      </c>
      <c r="KN23" s="236">
        <v>0</v>
      </c>
      <c r="KO23" s="237">
        <v>0</v>
      </c>
      <c r="KP23" s="140"/>
      <c r="KQ23" s="119">
        <v>454389</v>
      </c>
      <c r="KR23" s="119">
        <v>1010945</v>
      </c>
      <c r="KS23" s="119">
        <v>1229042</v>
      </c>
      <c r="KT23" s="119">
        <v>479026</v>
      </c>
      <c r="KU23" s="119">
        <v>512491</v>
      </c>
      <c r="KV23" s="120">
        <v>3685893</v>
      </c>
      <c r="KW23" s="321">
        <v>3685893</v>
      </c>
      <c r="KX23" s="142">
        <v>0</v>
      </c>
      <c r="KY23" s="119">
        <v>0</v>
      </c>
      <c r="KZ23" s="120">
        <v>0</v>
      </c>
      <c r="LA23" s="145"/>
      <c r="LB23" s="119">
        <v>0</v>
      </c>
      <c r="LC23" s="119">
        <v>0</v>
      </c>
      <c r="LD23" s="119">
        <v>0</v>
      </c>
      <c r="LE23" s="119">
        <v>0</v>
      </c>
      <c r="LF23" s="119">
        <v>0</v>
      </c>
      <c r="LG23" s="120">
        <v>0</v>
      </c>
      <c r="LH23" s="121">
        <v>0</v>
      </c>
      <c r="LI23" s="142">
        <v>0</v>
      </c>
      <c r="LJ23" s="119">
        <v>0</v>
      </c>
      <c r="LK23" s="120">
        <v>0</v>
      </c>
      <c r="LL23" s="145"/>
      <c r="LM23" s="119">
        <v>0</v>
      </c>
      <c r="LN23" s="119">
        <v>0</v>
      </c>
      <c r="LO23" s="119">
        <v>0</v>
      </c>
      <c r="LP23" s="119">
        <v>0</v>
      </c>
      <c r="LQ23" s="119">
        <v>0</v>
      </c>
      <c r="LR23" s="120">
        <v>0</v>
      </c>
      <c r="LS23" s="321">
        <v>0</v>
      </c>
      <c r="LT23" s="142">
        <v>0</v>
      </c>
      <c r="LU23" s="119">
        <v>0</v>
      </c>
      <c r="LV23" s="120">
        <v>0</v>
      </c>
      <c r="LW23" s="145"/>
      <c r="LX23" s="119">
        <v>0</v>
      </c>
      <c r="LY23" s="119">
        <v>0</v>
      </c>
      <c r="LZ23" s="119">
        <v>493916</v>
      </c>
      <c r="MA23" s="119">
        <v>864474</v>
      </c>
      <c r="MB23" s="119">
        <v>0</v>
      </c>
      <c r="MC23" s="120">
        <v>1358390</v>
      </c>
      <c r="MD23" s="121">
        <v>1358390</v>
      </c>
      <c r="ME23" s="142">
        <v>0</v>
      </c>
      <c r="MF23" s="119">
        <v>0</v>
      </c>
      <c r="MG23" s="120">
        <v>0</v>
      </c>
      <c r="MH23" s="145"/>
      <c r="MI23" s="119">
        <v>163091</v>
      </c>
      <c r="MJ23" s="119">
        <v>231559</v>
      </c>
      <c r="MK23" s="119">
        <v>3689528</v>
      </c>
      <c r="ML23" s="119">
        <v>6151027</v>
      </c>
      <c r="MM23" s="119">
        <v>3241493</v>
      </c>
      <c r="MN23" s="120">
        <v>13476698</v>
      </c>
      <c r="MO23" s="143">
        <v>13476698</v>
      </c>
      <c r="MP23" s="142">
        <v>0</v>
      </c>
      <c r="MQ23" s="119">
        <v>0</v>
      </c>
      <c r="MR23" s="120">
        <v>0</v>
      </c>
      <c r="MS23" s="145"/>
      <c r="MT23" s="119">
        <v>0</v>
      </c>
      <c r="MU23" s="119">
        <v>0</v>
      </c>
      <c r="MV23" s="119">
        <v>2184150</v>
      </c>
      <c r="MW23" s="119">
        <v>4659749</v>
      </c>
      <c r="MX23" s="119">
        <v>1687428</v>
      </c>
      <c r="MY23" s="120">
        <v>8531327</v>
      </c>
      <c r="MZ23" s="143">
        <v>8531327</v>
      </c>
      <c r="NA23" s="142">
        <v>0</v>
      </c>
      <c r="NB23" s="119">
        <v>0</v>
      </c>
      <c r="NC23" s="120">
        <v>0</v>
      </c>
      <c r="ND23" s="145"/>
      <c r="NE23" s="119">
        <v>163091</v>
      </c>
      <c r="NF23" s="119">
        <v>231559</v>
      </c>
      <c r="NG23" s="119">
        <v>1505378</v>
      </c>
      <c r="NH23" s="119">
        <v>1177905</v>
      </c>
      <c r="NI23" s="119">
        <v>1171081</v>
      </c>
      <c r="NJ23" s="120">
        <v>4249014</v>
      </c>
      <c r="NK23" s="321">
        <v>4249014</v>
      </c>
      <c r="NL23" s="142">
        <v>0</v>
      </c>
      <c r="NM23" s="119">
        <v>0</v>
      </c>
      <c r="NN23" s="120">
        <v>0</v>
      </c>
      <c r="NO23" s="145"/>
      <c r="NP23" s="119">
        <v>0</v>
      </c>
      <c r="NQ23" s="119">
        <v>0</v>
      </c>
      <c r="NR23" s="119">
        <v>0</v>
      </c>
      <c r="NS23" s="119">
        <v>313373</v>
      </c>
      <c r="NT23" s="119">
        <v>0</v>
      </c>
      <c r="NU23" s="120">
        <v>313373</v>
      </c>
      <c r="NV23" s="121">
        <v>313373</v>
      </c>
      <c r="NW23" s="142">
        <v>0</v>
      </c>
      <c r="NX23" s="119">
        <v>0</v>
      </c>
      <c r="NY23" s="120">
        <v>0</v>
      </c>
      <c r="NZ23" s="145"/>
      <c r="OA23" s="119">
        <v>0</v>
      </c>
      <c r="OB23" s="119">
        <v>0</v>
      </c>
      <c r="OC23" s="119">
        <v>0</v>
      </c>
      <c r="OD23" s="119">
        <v>0</v>
      </c>
      <c r="OE23" s="119">
        <v>382984</v>
      </c>
      <c r="OF23" s="120">
        <v>382984</v>
      </c>
      <c r="OG23" s="121">
        <v>382984</v>
      </c>
      <c r="OH23" s="142">
        <v>365439</v>
      </c>
      <c r="OI23" s="119">
        <v>943741</v>
      </c>
      <c r="OJ23" s="141">
        <v>1309180</v>
      </c>
      <c r="OK23" s="118">
        <v>0</v>
      </c>
      <c r="OL23" s="119">
        <v>9146058</v>
      </c>
      <c r="OM23" s="119">
        <v>11841287</v>
      </c>
      <c r="ON23" s="119">
        <v>14524999</v>
      </c>
      <c r="OO23" s="119">
        <v>13302591</v>
      </c>
      <c r="OP23" s="119">
        <v>6681794</v>
      </c>
      <c r="OQ23" s="120">
        <v>55496729</v>
      </c>
      <c r="OR23" s="143">
        <v>56805909</v>
      </c>
    </row>
    <row r="24" spans="1:408" ht="20.25" customHeight="1" x14ac:dyDescent="0.2">
      <c r="A24" s="126" t="s">
        <v>19</v>
      </c>
      <c r="B24" s="110">
        <v>75954</v>
      </c>
      <c r="C24" s="114">
        <v>452105</v>
      </c>
      <c r="D24" s="113">
        <v>528059</v>
      </c>
      <c r="E24" s="109">
        <v>0</v>
      </c>
      <c r="F24" s="114">
        <v>4399050</v>
      </c>
      <c r="G24" s="114">
        <v>4167898</v>
      </c>
      <c r="H24" s="114">
        <v>2316680</v>
      </c>
      <c r="I24" s="114">
        <v>3004186</v>
      </c>
      <c r="J24" s="114">
        <v>710655</v>
      </c>
      <c r="K24" s="109">
        <v>14598469</v>
      </c>
      <c r="L24" s="116">
        <v>15126528</v>
      </c>
      <c r="M24" s="110">
        <v>41596</v>
      </c>
      <c r="N24" s="114">
        <v>20616</v>
      </c>
      <c r="O24" s="113">
        <v>62212</v>
      </c>
      <c r="P24" s="110">
        <v>0</v>
      </c>
      <c r="Q24" s="114">
        <v>1696217</v>
      </c>
      <c r="R24" s="114">
        <v>1121470</v>
      </c>
      <c r="S24" s="114">
        <v>822744</v>
      </c>
      <c r="T24" s="114">
        <v>1754854</v>
      </c>
      <c r="U24" s="114">
        <v>549999</v>
      </c>
      <c r="V24" s="113">
        <v>5945284</v>
      </c>
      <c r="W24" s="116">
        <v>6007496</v>
      </c>
      <c r="X24" s="110">
        <v>0</v>
      </c>
      <c r="Y24" s="114">
        <v>0</v>
      </c>
      <c r="Z24" s="113">
        <v>0</v>
      </c>
      <c r="AA24" s="110">
        <v>0</v>
      </c>
      <c r="AB24" s="114">
        <v>845694</v>
      </c>
      <c r="AC24" s="114">
        <v>347548</v>
      </c>
      <c r="AD24" s="114">
        <v>232755</v>
      </c>
      <c r="AE24" s="114">
        <v>840694</v>
      </c>
      <c r="AF24" s="114">
        <v>27117</v>
      </c>
      <c r="AG24" s="113">
        <v>2293808</v>
      </c>
      <c r="AH24" s="116">
        <v>2293808</v>
      </c>
      <c r="AI24" s="110">
        <v>0</v>
      </c>
      <c r="AJ24" s="114">
        <v>0</v>
      </c>
      <c r="AK24" s="113">
        <v>0</v>
      </c>
      <c r="AL24" s="110">
        <v>0</v>
      </c>
      <c r="AM24" s="114">
        <v>0</v>
      </c>
      <c r="AN24" s="114">
        <v>0</v>
      </c>
      <c r="AO24" s="114">
        <v>105150</v>
      </c>
      <c r="AP24" s="114">
        <v>416474</v>
      </c>
      <c r="AQ24" s="114">
        <v>198616</v>
      </c>
      <c r="AR24" s="113">
        <v>720240</v>
      </c>
      <c r="AS24" s="116">
        <v>720240</v>
      </c>
      <c r="AT24" s="110">
        <v>15612</v>
      </c>
      <c r="AU24" s="114">
        <v>0</v>
      </c>
      <c r="AV24" s="113">
        <v>15612</v>
      </c>
      <c r="AW24" s="110">
        <v>0</v>
      </c>
      <c r="AX24" s="114">
        <v>520525</v>
      </c>
      <c r="AY24" s="114">
        <v>536412</v>
      </c>
      <c r="AZ24" s="114">
        <v>273513</v>
      </c>
      <c r="BA24" s="114">
        <v>282743</v>
      </c>
      <c r="BB24" s="114">
        <v>257498</v>
      </c>
      <c r="BC24" s="113">
        <v>1870691</v>
      </c>
      <c r="BD24" s="116">
        <v>1886303</v>
      </c>
      <c r="BE24" s="110">
        <v>0</v>
      </c>
      <c r="BF24" s="114">
        <v>0</v>
      </c>
      <c r="BG24" s="112">
        <v>0</v>
      </c>
      <c r="BH24" s="111">
        <v>0</v>
      </c>
      <c r="BI24" s="114">
        <v>25294</v>
      </c>
      <c r="BJ24" s="114">
        <v>25294</v>
      </c>
      <c r="BK24" s="114">
        <v>88342</v>
      </c>
      <c r="BL24" s="114">
        <v>26303</v>
      </c>
      <c r="BM24" s="114">
        <v>0</v>
      </c>
      <c r="BN24" s="113">
        <v>165233</v>
      </c>
      <c r="BO24" s="116">
        <v>165233</v>
      </c>
      <c r="BP24" s="110">
        <v>25984</v>
      </c>
      <c r="BQ24" s="114">
        <v>20616</v>
      </c>
      <c r="BR24" s="113">
        <v>46600</v>
      </c>
      <c r="BS24" s="110">
        <v>0</v>
      </c>
      <c r="BT24" s="114">
        <v>304704</v>
      </c>
      <c r="BU24" s="114">
        <v>212216</v>
      </c>
      <c r="BV24" s="114">
        <v>122984</v>
      </c>
      <c r="BW24" s="114">
        <v>188640</v>
      </c>
      <c r="BX24" s="114">
        <v>66768</v>
      </c>
      <c r="BY24" s="113">
        <v>895312</v>
      </c>
      <c r="BZ24" s="116">
        <v>941912</v>
      </c>
      <c r="CA24" s="110">
        <v>21158</v>
      </c>
      <c r="CB24" s="114">
        <v>108687</v>
      </c>
      <c r="CC24" s="113">
        <v>129845</v>
      </c>
      <c r="CD24" s="110">
        <v>0</v>
      </c>
      <c r="CE24" s="114">
        <v>1388585</v>
      </c>
      <c r="CF24" s="114">
        <v>1536559</v>
      </c>
      <c r="CG24" s="114">
        <v>843955</v>
      </c>
      <c r="CH24" s="114">
        <v>341309</v>
      </c>
      <c r="CI24" s="114">
        <v>0</v>
      </c>
      <c r="CJ24" s="113">
        <v>4110408</v>
      </c>
      <c r="CK24" s="116">
        <v>4240253</v>
      </c>
      <c r="CL24" s="110">
        <v>0</v>
      </c>
      <c r="CM24" s="114">
        <v>0</v>
      </c>
      <c r="CN24" s="113">
        <v>0</v>
      </c>
      <c r="CO24" s="111">
        <v>0</v>
      </c>
      <c r="CP24" s="114">
        <v>876400</v>
      </c>
      <c r="CQ24" s="114">
        <v>1178063</v>
      </c>
      <c r="CR24" s="114">
        <v>750293</v>
      </c>
      <c r="CS24" s="114">
        <v>168041</v>
      </c>
      <c r="CT24" s="114">
        <v>0</v>
      </c>
      <c r="CU24" s="113">
        <v>2972797</v>
      </c>
      <c r="CV24" s="116">
        <v>2972797</v>
      </c>
      <c r="CW24" s="110">
        <v>21158</v>
      </c>
      <c r="CX24" s="114">
        <v>108687</v>
      </c>
      <c r="CY24" s="113">
        <v>129845</v>
      </c>
      <c r="CZ24" s="110">
        <v>0</v>
      </c>
      <c r="DA24" s="114">
        <v>512185</v>
      </c>
      <c r="DB24" s="114">
        <v>358496</v>
      </c>
      <c r="DC24" s="114">
        <v>93662</v>
      </c>
      <c r="DD24" s="114">
        <v>173268</v>
      </c>
      <c r="DE24" s="114">
        <v>0</v>
      </c>
      <c r="DF24" s="113">
        <v>1137611</v>
      </c>
      <c r="DG24" s="116">
        <v>1267456</v>
      </c>
      <c r="DH24" s="110">
        <v>0</v>
      </c>
      <c r="DI24" s="114">
        <v>0</v>
      </c>
      <c r="DJ24" s="112">
        <v>0</v>
      </c>
      <c r="DK24" s="111">
        <v>0</v>
      </c>
      <c r="DL24" s="114">
        <v>70364</v>
      </c>
      <c r="DM24" s="114">
        <v>180063</v>
      </c>
      <c r="DN24" s="114">
        <v>71426</v>
      </c>
      <c r="DO24" s="114">
        <v>0</v>
      </c>
      <c r="DP24" s="114">
        <v>0</v>
      </c>
      <c r="DQ24" s="113">
        <v>321853</v>
      </c>
      <c r="DR24" s="116">
        <v>321853</v>
      </c>
      <c r="DS24" s="110">
        <v>0</v>
      </c>
      <c r="DT24" s="114">
        <v>0</v>
      </c>
      <c r="DU24" s="113">
        <v>0</v>
      </c>
      <c r="DV24" s="110">
        <v>0</v>
      </c>
      <c r="DW24" s="114">
        <v>37476</v>
      </c>
      <c r="DX24" s="114">
        <v>180063</v>
      </c>
      <c r="DY24" s="114">
        <v>71426</v>
      </c>
      <c r="DZ24" s="114">
        <v>0</v>
      </c>
      <c r="EA24" s="114">
        <v>0</v>
      </c>
      <c r="EB24" s="113">
        <v>288965</v>
      </c>
      <c r="EC24" s="116">
        <v>288965</v>
      </c>
      <c r="ED24" s="110">
        <v>0</v>
      </c>
      <c r="EE24" s="112">
        <v>0</v>
      </c>
      <c r="EF24" s="113">
        <v>0</v>
      </c>
      <c r="EG24" s="110">
        <v>0</v>
      </c>
      <c r="EH24" s="114">
        <v>32888</v>
      </c>
      <c r="EI24" s="114">
        <v>0</v>
      </c>
      <c r="EJ24" s="114">
        <v>0</v>
      </c>
      <c r="EK24" s="114">
        <v>0</v>
      </c>
      <c r="EL24" s="114">
        <v>0</v>
      </c>
      <c r="EM24" s="112">
        <v>32888</v>
      </c>
      <c r="EN24" s="116">
        <v>32888</v>
      </c>
      <c r="EO24" s="110">
        <v>0</v>
      </c>
      <c r="EP24" s="114">
        <v>0</v>
      </c>
      <c r="EQ24" s="112">
        <v>0</v>
      </c>
      <c r="ER24" s="111">
        <v>0</v>
      </c>
      <c r="ES24" s="114">
        <v>0</v>
      </c>
      <c r="ET24" s="114">
        <v>0</v>
      </c>
      <c r="EU24" s="114">
        <v>0</v>
      </c>
      <c r="EV24" s="114">
        <v>0</v>
      </c>
      <c r="EW24" s="114">
        <v>0</v>
      </c>
      <c r="EX24" s="113">
        <v>0</v>
      </c>
      <c r="EY24" s="116">
        <v>0</v>
      </c>
      <c r="EZ24" s="110">
        <v>0</v>
      </c>
      <c r="FA24" s="114">
        <v>0</v>
      </c>
      <c r="FB24" s="112">
        <v>0</v>
      </c>
      <c r="FC24" s="348"/>
      <c r="FD24" s="114">
        <v>0</v>
      </c>
      <c r="FE24" s="114">
        <v>0</v>
      </c>
      <c r="FF24" s="114">
        <v>0</v>
      </c>
      <c r="FG24" s="114">
        <v>0</v>
      </c>
      <c r="FH24" s="114">
        <v>0</v>
      </c>
      <c r="FI24" s="113">
        <v>0</v>
      </c>
      <c r="FJ24" s="116">
        <v>0</v>
      </c>
      <c r="FK24" s="110">
        <v>13200</v>
      </c>
      <c r="FL24" s="114">
        <v>101248</v>
      </c>
      <c r="FM24" s="113">
        <v>114448</v>
      </c>
      <c r="FN24" s="110">
        <v>0</v>
      </c>
      <c r="FO24" s="114">
        <v>175872</v>
      </c>
      <c r="FP24" s="114">
        <v>488309</v>
      </c>
      <c r="FQ24" s="114">
        <v>182912</v>
      </c>
      <c r="FR24" s="114">
        <v>287856</v>
      </c>
      <c r="FS24" s="114">
        <v>160656</v>
      </c>
      <c r="FT24" s="113">
        <v>1295605</v>
      </c>
      <c r="FU24" s="116">
        <v>1410053</v>
      </c>
      <c r="FV24" s="115">
        <v>13200</v>
      </c>
      <c r="FW24" s="114">
        <v>55440</v>
      </c>
      <c r="FX24" s="112">
        <v>68640</v>
      </c>
      <c r="FY24" s="111">
        <v>0</v>
      </c>
      <c r="FZ24" s="114">
        <v>175872</v>
      </c>
      <c r="GA24" s="114">
        <v>326208</v>
      </c>
      <c r="GB24" s="114">
        <v>161312</v>
      </c>
      <c r="GC24" s="114">
        <v>287856</v>
      </c>
      <c r="GD24" s="114">
        <v>160656</v>
      </c>
      <c r="GE24" s="113">
        <v>1111904</v>
      </c>
      <c r="GF24" s="319">
        <v>1180544</v>
      </c>
      <c r="GG24" s="115">
        <v>0</v>
      </c>
      <c r="GH24" s="114">
        <v>0</v>
      </c>
      <c r="GI24" s="112">
        <v>0</v>
      </c>
      <c r="GJ24" s="111">
        <v>0</v>
      </c>
      <c r="GK24" s="114">
        <v>0</v>
      </c>
      <c r="GL24" s="114">
        <v>0</v>
      </c>
      <c r="GM24" s="114">
        <v>0</v>
      </c>
      <c r="GN24" s="114">
        <v>0</v>
      </c>
      <c r="GO24" s="114">
        <v>0</v>
      </c>
      <c r="GP24" s="113">
        <v>0</v>
      </c>
      <c r="GQ24" s="116">
        <v>0</v>
      </c>
      <c r="GR24" s="110">
        <v>0</v>
      </c>
      <c r="GS24" s="114">
        <v>45808</v>
      </c>
      <c r="GT24" s="113">
        <v>45808</v>
      </c>
      <c r="GU24" s="110">
        <v>0</v>
      </c>
      <c r="GV24" s="114">
        <v>0</v>
      </c>
      <c r="GW24" s="114">
        <v>162101</v>
      </c>
      <c r="GX24" s="114">
        <v>21600</v>
      </c>
      <c r="GY24" s="114">
        <v>0</v>
      </c>
      <c r="GZ24" s="114">
        <v>0</v>
      </c>
      <c r="HA24" s="112">
        <v>183701</v>
      </c>
      <c r="HB24" s="116">
        <v>229509</v>
      </c>
      <c r="HC24" s="110">
        <v>0</v>
      </c>
      <c r="HD24" s="114">
        <v>221554</v>
      </c>
      <c r="HE24" s="112">
        <v>221554</v>
      </c>
      <c r="HF24" s="111">
        <v>0</v>
      </c>
      <c r="HG24" s="114">
        <v>1068012</v>
      </c>
      <c r="HH24" s="114">
        <v>841497</v>
      </c>
      <c r="HI24" s="114">
        <v>395643</v>
      </c>
      <c r="HJ24" s="114">
        <v>620167</v>
      </c>
      <c r="HK24" s="114">
        <v>0</v>
      </c>
      <c r="HL24" s="113">
        <v>2925319</v>
      </c>
      <c r="HM24" s="109">
        <v>3146873</v>
      </c>
      <c r="HN24" s="329"/>
      <c r="HO24" s="330"/>
      <c r="HP24" s="331"/>
      <c r="HQ24" s="332"/>
      <c r="HR24" s="330"/>
      <c r="HS24" s="330"/>
      <c r="HT24" s="330"/>
      <c r="HU24" s="330"/>
      <c r="HV24" s="330"/>
      <c r="HW24" s="333"/>
      <c r="HX24" s="334"/>
      <c r="HY24" s="150">
        <v>0</v>
      </c>
      <c r="HZ24" s="135">
        <v>0</v>
      </c>
      <c r="IA24" s="150">
        <v>0</v>
      </c>
      <c r="IB24" s="134">
        <v>0</v>
      </c>
      <c r="IC24" s="135">
        <v>938239</v>
      </c>
      <c r="ID24" s="136">
        <v>858808</v>
      </c>
      <c r="IE24" s="137">
        <v>698723</v>
      </c>
      <c r="IF24" s="135">
        <v>542566</v>
      </c>
      <c r="IG24" s="137">
        <v>956727</v>
      </c>
      <c r="IH24" s="138">
        <v>3995063</v>
      </c>
      <c r="II24" s="150">
        <v>3995063</v>
      </c>
      <c r="IJ24" s="232">
        <v>0</v>
      </c>
      <c r="IK24" s="236">
        <v>0</v>
      </c>
      <c r="IL24" s="237">
        <v>0</v>
      </c>
      <c r="IM24" s="140"/>
      <c r="IN24" s="119">
        <v>53114</v>
      </c>
      <c r="IO24" s="119">
        <v>0</v>
      </c>
      <c r="IP24" s="119">
        <v>0</v>
      </c>
      <c r="IQ24" s="119">
        <v>0</v>
      </c>
      <c r="IR24" s="119">
        <v>69686</v>
      </c>
      <c r="IS24" s="141">
        <v>122800</v>
      </c>
      <c r="IT24" s="321">
        <v>122800</v>
      </c>
      <c r="IU24" s="142">
        <v>0</v>
      </c>
      <c r="IV24" s="119">
        <v>0</v>
      </c>
      <c r="IW24" s="120">
        <v>0</v>
      </c>
      <c r="IX24" s="144"/>
      <c r="IY24" s="119">
        <v>0</v>
      </c>
      <c r="IZ24" s="119">
        <v>0</v>
      </c>
      <c r="JA24" s="119">
        <v>0</v>
      </c>
      <c r="JB24" s="119">
        <v>0</v>
      </c>
      <c r="JC24" s="119">
        <v>0</v>
      </c>
      <c r="JD24" s="120">
        <v>0</v>
      </c>
      <c r="JE24" s="121">
        <v>0</v>
      </c>
      <c r="JF24" s="142">
        <v>0</v>
      </c>
      <c r="JG24" s="119">
        <v>0</v>
      </c>
      <c r="JH24" s="141">
        <v>0</v>
      </c>
      <c r="JI24" s="118">
        <v>0</v>
      </c>
      <c r="JJ24" s="119">
        <v>169462</v>
      </c>
      <c r="JK24" s="119">
        <v>94113</v>
      </c>
      <c r="JL24" s="119">
        <v>20656</v>
      </c>
      <c r="JM24" s="119">
        <v>107173</v>
      </c>
      <c r="JN24" s="119">
        <v>0</v>
      </c>
      <c r="JO24" s="120">
        <v>391404</v>
      </c>
      <c r="JP24" s="321">
        <v>391404</v>
      </c>
      <c r="JQ24" s="142">
        <v>0</v>
      </c>
      <c r="JR24" s="119">
        <v>0</v>
      </c>
      <c r="JS24" s="141">
        <v>0</v>
      </c>
      <c r="JT24" s="118">
        <v>0</v>
      </c>
      <c r="JU24" s="119">
        <v>0</v>
      </c>
      <c r="JV24" s="119">
        <v>231177</v>
      </c>
      <c r="JW24" s="119">
        <v>0</v>
      </c>
      <c r="JX24" s="119">
        <v>0</v>
      </c>
      <c r="JY24" s="119">
        <v>0</v>
      </c>
      <c r="JZ24" s="120">
        <v>231177</v>
      </c>
      <c r="KA24" s="321">
        <v>231177</v>
      </c>
      <c r="KB24" s="234">
        <v>0</v>
      </c>
      <c r="KC24" s="230">
        <v>0</v>
      </c>
      <c r="KD24" s="120">
        <v>0</v>
      </c>
      <c r="KE24" s="118">
        <v>0</v>
      </c>
      <c r="KF24" s="119">
        <v>237720</v>
      </c>
      <c r="KG24" s="119">
        <v>298218</v>
      </c>
      <c r="KH24" s="119">
        <v>203741</v>
      </c>
      <c r="KI24" s="119">
        <v>0</v>
      </c>
      <c r="KJ24" s="119">
        <v>528376</v>
      </c>
      <c r="KK24" s="120">
        <v>1268055</v>
      </c>
      <c r="KL24" s="143">
        <v>1268055</v>
      </c>
      <c r="KM24" s="232">
        <v>0</v>
      </c>
      <c r="KN24" s="236">
        <v>0</v>
      </c>
      <c r="KO24" s="237">
        <v>0</v>
      </c>
      <c r="KP24" s="140"/>
      <c r="KQ24" s="119">
        <v>466879</v>
      </c>
      <c r="KR24" s="119">
        <v>235300</v>
      </c>
      <c r="KS24" s="119">
        <v>0</v>
      </c>
      <c r="KT24" s="119">
        <v>0</v>
      </c>
      <c r="KU24" s="119">
        <v>0</v>
      </c>
      <c r="KV24" s="120">
        <v>702179</v>
      </c>
      <c r="KW24" s="321">
        <v>702179</v>
      </c>
      <c r="KX24" s="142">
        <v>0</v>
      </c>
      <c r="KY24" s="119">
        <v>0</v>
      </c>
      <c r="KZ24" s="120">
        <v>0</v>
      </c>
      <c r="LA24" s="145"/>
      <c r="LB24" s="119">
        <v>0</v>
      </c>
      <c r="LC24" s="119">
        <v>0</v>
      </c>
      <c r="LD24" s="119">
        <v>0</v>
      </c>
      <c r="LE24" s="119">
        <v>0</v>
      </c>
      <c r="LF24" s="119">
        <v>0</v>
      </c>
      <c r="LG24" s="120">
        <v>0</v>
      </c>
      <c r="LH24" s="121">
        <v>0</v>
      </c>
      <c r="LI24" s="142">
        <v>0</v>
      </c>
      <c r="LJ24" s="119">
        <v>0</v>
      </c>
      <c r="LK24" s="120">
        <v>0</v>
      </c>
      <c r="LL24" s="145"/>
      <c r="LM24" s="119">
        <v>0</v>
      </c>
      <c r="LN24" s="119">
        <v>0</v>
      </c>
      <c r="LO24" s="119">
        <v>0</v>
      </c>
      <c r="LP24" s="119">
        <v>0</v>
      </c>
      <c r="LQ24" s="119">
        <v>0</v>
      </c>
      <c r="LR24" s="120">
        <v>0</v>
      </c>
      <c r="LS24" s="321">
        <v>0</v>
      </c>
      <c r="LT24" s="142">
        <v>0</v>
      </c>
      <c r="LU24" s="119">
        <v>0</v>
      </c>
      <c r="LV24" s="120">
        <v>0</v>
      </c>
      <c r="LW24" s="145"/>
      <c r="LX24" s="119">
        <v>11064</v>
      </c>
      <c r="LY24" s="119">
        <v>0</v>
      </c>
      <c r="LZ24" s="119">
        <v>474326</v>
      </c>
      <c r="MA24" s="119">
        <v>435393</v>
      </c>
      <c r="MB24" s="119">
        <v>358665</v>
      </c>
      <c r="MC24" s="120">
        <v>1279448</v>
      </c>
      <c r="MD24" s="121">
        <v>1279448</v>
      </c>
      <c r="ME24" s="142">
        <v>0</v>
      </c>
      <c r="MF24" s="119">
        <v>0</v>
      </c>
      <c r="MG24" s="120">
        <v>0</v>
      </c>
      <c r="MH24" s="145"/>
      <c r="MI24" s="119">
        <v>799547</v>
      </c>
      <c r="MJ24" s="119">
        <v>479879</v>
      </c>
      <c r="MK24" s="119">
        <v>1751212</v>
      </c>
      <c r="ML24" s="119">
        <v>1842563</v>
      </c>
      <c r="MM24" s="119">
        <v>811556</v>
      </c>
      <c r="MN24" s="120">
        <v>5684757</v>
      </c>
      <c r="MO24" s="143">
        <v>5684757</v>
      </c>
      <c r="MP24" s="142">
        <v>0</v>
      </c>
      <c r="MQ24" s="119">
        <v>0</v>
      </c>
      <c r="MR24" s="120">
        <v>0</v>
      </c>
      <c r="MS24" s="145"/>
      <c r="MT24" s="119">
        <v>0</v>
      </c>
      <c r="MU24" s="119">
        <v>0</v>
      </c>
      <c r="MV24" s="119">
        <v>933248</v>
      </c>
      <c r="MW24" s="119">
        <v>1000746</v>
      </c>
      <c r="MX24" s="119">
        <v>811556</v>
      </c>
      <c r="MY24" s="120">
        <v>2745550</v>
      </c>
      <c r="MZ24" s="143">
        <v>2745550</v>
      </c>
      <c r="NA24" s="142">
        <v>0</v>
      </c>
      <c r="NB24" s="119">
        <v>0</v>
      </c>
      <c r="NC24" s="120">
        <v>0</v>
      </c>
      <c r="ND24" s="145"/>
      <c r="NE24" s="119">
        <v>799547</v>
      </c>
      <c r="NF24" s="119">
        <v>479879</v>
      </c>
      <c r="NG24" s="119">
        <v>817964</v>
      </c>
      <c r="NH24" s="119">
        <v>841817</v>
      </c>
      <c r="NI24" s="119">
        <v>0</v>
      </c>
      <c r="NJ24" s="120">
        <v>2939207</v>
      </c>
      <c r="NK24" s="321">
        <v>2939207</v>
      </c>
      <c r="NL24" s="142">
        <v>0</v>
      </c>
      <c r="NM24" s="119">
        <v>0</v>
      </c>
      <c r="NN24" s="120">
        <v>0</v>
      </c>
      <c r="NO24" s="145"/>
      <c r="NP24" s="119">
        <v>0</v>
      </c>
      <c r="NQ24" s="119">
        <v>0</v>
      </c>
      <c r="NR24" s="119">
        <v>0</v>
      </c>
      <c r="NS24" s="119">
        <v>0</v>
      </c>
      <c r="NT24" s="119">
        <v>0</v>
      </c>
      <c r="NU24" s="120">
        <v>0</v>
      </c>
      <c r="NV24" s="121">
        <v>0</v>
      </c>
      <c r="NW24" s="142">
        <v>0</v>
      </c>
      <c r="NX24" s="119">
        <v>0</v>
      </c>
      <c r="NY24" s="120">
        <v>0</v>
      </c>
      <c r="NZ24" s="145"/>
      <c r="OA24" s="119">
        <v>0</v>
      </c>
      <c r="OB24" s="119">
        <v>0</v>
      </c>
      <c r="OC24" s="119">
        <v>0</v>
      </c>
      <c r="OD24" s="119">
        <v>0</v>
      </c>
      <c r="OE24" s="119">
        <v>0</v>
      </c>
      <c r="OF24" s="120">
        <v>0</v>
      </c>
      <c r="OG24" s="121">
        <v>0</v>
      </c>
      <c r="OH24" s="142">
        <v>75954</v>
      </c>
      <c r="OI24" s="119">
        <v>452105</v>
      </c>
      <c r="OJ24" s="141">
        <v>528059</v>
      </c>
      <c r="OK24" s="118">
        <v>0</v>
      </c>
      <c r="OL24" s="119">
        <v>6136836</v>
      </c>
      <c r="OM24" s="119">
        <v>5506585</v>
      </c>
      <c r="ON24" s="119">
        <v>4766615</v>
      </c>
      <c r="OO24" s="119">
        <v>5389315</v>
      </c>
      <c r="OP24" s="119">
        <v>2478938</v>
      </c>
      <c r="OQ24" s="120">
        <v>24278289</v>
      </c>
      <c r="OR24" s="143">
        <v>24806348</v>
      </c>
    </row>
    <row r="25" spans="1:408" ht="20.25" customHeight="1" x14ac:dyDescent="0.2">
      <c r="A25" s="126" t="s">
        <v>20</v>
      </c>
      <c r="B25" s="110">
        <v>387446</v>
      </c>
      <c r="C25" s="114">
        <v>919798</v>
      </c>
      <c r="D25" s="113">
        <v>1307244</v>
      </c>
      <c r="E25" s="110">
        <v>0</v>
      </c>
      <c r="F25" s="114">
        <v>4750326</v>
      </c>
      <c r="G25" s="114">
        <v>6245688</v>
      </c>
      <c r="H25" s="114">
        <v>5232338</v>
      </c>
      <c r="I25" s="114">
        <v>4868170</v>
      </c>
      <c r="J25" s="114">
        <v>1870084</v>
      </c>
      <c r="K25" s="173">
        <v>22966606</v>
      </c>
      <c r="L25" s="116">
        <v>24273850</v>
      </c>
      <c r="M25" s="110">
        <v>107084</v>
      </c>
      <c r="N25" s="114">
        <v>187446</v>
      </c>
      <c r="O25" s="113">
        <v>294530</v>
      </c>
      <c r="P25" s="110">
        <v>0</v>
      </c>
      <c r="Q25" s="114">
        <v>1697717</v>
      </c>
      <c r="R25" s="114">
        <v>2181442</v>
      </c>
      <c r="S25" s="114">
        <v>1346804</v>
      </c>
      <c r="T25" s="114">
        <v>799532</v>
      </c>
      <c r="U25" s="114">
        <v>1338623</v>
      </c>
      <c r="V25" s="113">
        <v>7364118</v>
      </c>
      <c r="W25" s="116">
        <v>7658648</v>
      </c>
      <c r="X25" s="110">
        <v>0</v>
      </c>
      <c r="Y25" s="114">
        <v>0</v>
      </c>
      <c r="Z25" s="113">
        <v>0</v>
      </c>
      <c r="AA25" s="110">
        <v>0</v>
      </c>
      <c r="AB25" s="114">
        <v>641119</v>
      </c>
      <c r="AC25" s="114">
        <v>928778</v>
      </c>
      <c r="AD25" s="114">
        <v>467259</v>
      </c>
      <c r="AE25" s="114">
        <v>331973</v>
      </c>
      <c r="AF25" s="114">
        <v>877013</v>
      </c>
      <c r="AG25" s="113">
        <v>3246142</v>
      </c>
      <c r="AH25" s="116">
        <v>3246142</v>
      </c>
      <c r="AI25" s="110">
        <v>0</v>
      </c>
      <c r="AJ25" s="114">
        <v>0</v>
      </c>
      <c r="AK25" s="113">
        <v>0</v>
      </c>
      <c r="AL25" s="110">
        <v>0</v>
      </c>
      <c r="AM25" s="114">
        <v>0</v>
      </c>
      <c r="AN25" s="114">
        <v>13588</v>
      </c>
      <c r="AO25" s="114">
        <v>0</v>
      </c>
      <c r="AP25" s="114">
        <v>0</v>
      </c>
      <c r="AQ25" s="114">
        <v>128968</v>
      </c>
      <c r="AR25" s="113">
        <v>142556</v>
      </c>
      <c r="AS25" s="116">
        <v>142556</v>
      </c>
      <c r="AT25" s="110">
        <v>35555</v>
      </c>
      <c r="AU25" s="114">
        <v>71188</v>
      </c>
      <c r="AV25" s="113">
        <v>106743</v>
      </c>
      <c r="AW25" s="110">
        <v>0</v>
      </c>
      <c r="AX25" s="114">
        <v>735479</v>
      </c>
      <c r="AY25" s="114">
        <v>720945</v>
      </c>
      <c r="AZ25" s="114">
        <v>428918</v>
      </c>
      <c r="BA25" s="114">
        <v>178920</v>
      </c>
      <c r="BB25" s="114">
        <v>262386</v>
      </c>
      <c r="BC25" s="113">
        <v>2326648</v>
      </c>
      <c r="BD25" s="116">
        <v>2433391</v>
      </c>
      <c r="BE25" s="110">
        <v>43729</v>
      </c>
      <c r="BF25" s="114">
        <v>39978</v>
      </c>
      <c r="BG25" s="112">
        <v>83707</v>
      </c>
      <c r="BH25" s="111">
        <v>0</v>
      </c>
      <c r="BI25" s="114">
        <v>107151</v>
      </c>
      <c r="BJ25" s="114">
        <v>155971</v>
      </c>
      <c r="BK25" s="114">
        <v>159587</v>
      </c>
      <c r="BL25" s="114">
        <v>48455</v>
      </c>
      <c r="BM25" s="114">
        <v>0</v>
      </c>
      <c r="BN25" s="113">
        <v>471164</v>
      </c>
      <c r="BO25" s="116">
        <v>554871</v>
      </c>
      <c r="BP25" s="110">
        <v>27800</v>
      </c>
      <c r="BQ25" s="114">
        <v>76280</v>
      </c>
      <c r="BR25" s="113">
        <v>104080</v>
      </c>
      <c r="BS25" s="110">
        <v>0</v>
      </c>
      <c r="BT25" s="114">
        <v>213968</v>
      </c>
      <c r="BU25" s="114">
        <v>362160</v>
      </c>
      <c r="BV25" s="114">
        <v>291040</v>
      </c>
      <c r="BW25" s="114">
        <v>240184</v>
      </c>
      <c r="BX25" s="114">
        <v>70256</v>
      </c>
      <c r="BY25" s="113">
        <v>1177608</v>
      </c>
      <c r="BZ25" s="116">
        <v>1281688</v>
      </c>
      <c r="CA25" s="110">
        <v>100805</v>
      </c>
      <c r="CB25" s="114">
        <v>71594</v>
      </c>
      <c r="CC25" s="113">
        <v>172399</v>
      </c>
      <c r="CD25" s="110">
        <v>0</v>
      </c>
      <c r="CE25" s="114">
        <v>1531183</v>
      </c>
      <c r="CF25" s="114">
        <v>1542872</v>
      </c>
      <c r="CG25" s="114">
        <v>1341776</v>
      </c>
      <c r="CH25" s="114">
        <v>1306663</v>
      </c>
      <c r="CI25" s="114">
        <v>48660</v>
      </c>
      <c r="CJ25" s="113">
        <v>5771154</v>
      </c>
      <c r="CK25" s="116">
        <v>5943553</v>
      </c>
      <c r="CL25" s="110">
        <v>0</v>
      </c>
      <c r="CM25" s="114">
        <v>0</v>
      </c>
      <c r="CN25" s="113">
        <v>0</v>
      </c>
      <c r="CO25" s="111">
        <v>0</v>
      </c>
      <c r="CP25" s="114">
        <v>1051172</v>
      </c>
      <c r="CQ25" s="114">
        <v>1049249</v>
      </c>
      <c r="CR25" s="114">
        <v>985611</v>
      </c>
      <c r="CS25" s="114">
        <v>594034</v>
      </c>
      <c r="CT25" s="114">
        <v>0</v>
      </c>
      <c r="CU25" s="113">
        <v>3680066</v>
      </c>
      <c r="CV25" s="116">
        <v>3680066</v>
      </c>
      <c r="CW25" s="110">
        <v>100805</v>
      </c>
      <c r="CX25" s="114">
        <v>71594</v>
      </c>
      <c r="CY25" s="113">
        <v>172399</v>
      </c>
      <c r="CZ25" s="110">
        <v>0</v>
      </c>
      <c r="DA25" s="114">
        <v>480011</v>
      </c>
      <c r="DB25" s="114">
        <v>493623</v>
      </c>
      <c r="DC25" s="114">
        <v>356165</v>
      </c>
      <c r="DD25" s="114">
        <v>712629</v>
      </c>
      <c r="DE25" s="114">
        <v>48660</v>
      </c>
      <c r="DF25" s="113">
        <v>2091088</v>
      </c>
      <c r="DG25" s="116">
        <v>2263487</v>
      </c>
      <c r="DH25" s="110">
        <v>10364</v>
      </c>
      <c r="DI25" s="114">
        <v>22539</v>
      </c>
      <c r="DJ25" s="112">
        <v>32903</v>
      </c>
      <c r="DK25" s="111">
        <v>0</v>
      </c>
      <c r="DL25" s="114">
        <v>209454</v>
      </c>
      <c r="DM25" s="114">
        <v>39509</v>
      </c>
      <c r="DN25" s="114">
        <v>867564</v>
      </c>
      <c r="DO25" s="114">
        <v>1086444</v>
      </c>
      <c r="DP25" s="114">
        <v>0</v>
      </c>
      <c r="DQ25" s="113">
        <v>2202971</v>
      </c>
      <c r="DR25" s="116">
        <v>2235874</v>
      </c>
      <c r="DS25" s="110">
        <v>10364</v>
      </c>
      <c r="DT25" s="114">
        <v>22539</v>
      </c>
      <c r="DU25" s="113">
        <v>32903</v>
      </c>
      <c r="DV25" s="110">
        <v>0</v>
      </c>
      <c r="DW25" s="114">
        <v>209454</v>
      </c>
      <c r="DX25" s="114">
        <v>39509</v>
      </c>
      <c r="DY25" s="114">
        <v>867564</v>
      </c>
      <c r="DZ25" s="114">
        <v>923372</v>
      </c>
      <c r="EA25" s="114">
        <v>0</v>
      </c>
      <c r="EB25" s="113">
        <v>2039899</v>
      </c>
      <c r="EC25" s="116">
        <v>2072802</v>
      </c>
      <c r="ED25" s="110">
        <v>0</v>
      </c>
      <c r="EE25" s="112">
        <v>0</v>
      </c>
      <c r="EF25" s="113">
        <v>0</v>
      </c>
      <c r="EG25" s="110">
        <v>0</v>
      </c>
      <c r="EH25" s="114">
        <v>0</v>
      </c>
      <c r="EI25" s="114">
        <v>0</v>
      </c>
      <c r="EJ25" s="114">
        <v>0</v>
      </c>
      <c r="EK25" s="114">
        <v>163072</v>
      </c>
      <c r="EL25" s="114">
        <v>0</v>
      </c>
      <c r="EM25" s="112">
        <v>163072</v>
      </c>
      <c r="EN25" s="116">
        <v>163072</v>
      </c>
      <c r="EO25" s="110">
        <v>0</v>
      </c>
      <c r="EP25" s="114">
        <v>0</v>
      </c>
      <c r="EQ25" s="112">
        <v>0</v>
      </c>
      <c r="ER25" s="111">
        <v>0</v>
      </c>
      <c r="ES25" s="114">
        <v>0</v>
      </c>
      <c r="ET25" s="114">
        <v>0</v>
      </c>
      <c r="EU25" s="114">
        <v>0</v>
      </c>
      <c r="EV25" s="114">
        <v>0</v>
      </c>
      <c r="EW25" s="114">
        <v>0</v>
      </c>
      <c r="EX25" s="113">
        <v>0</v>
      </c>
      <c r="EY25" s="116">
        <v>0</v>
      </c>
      <c r="EZ25" s="110">
        <v>0</v>
      </c>
      <c r="FA25" s="114">
        <v>0</v>
      </c>
      <c r="FB25" s="112">
        <v>0</v>
      </c>
      <c r="FC25" s="348"/>
      <c r="FD25" s="114">
        <v>0</v>
      </c>
      <c r="FE25" s="114">
        <v>0</v>
      </c>
      <c r="FF25" s="114">
        <v>0</v>
      </c>
      <c r="FG25" s="114">
        <v>0</v>
      </c>
      <c r="FH25" s="114">
        <v>0</v>
      </c>
      <c r="FI25" s="113">
        <v>0</v>
      </c>
      <c r="FJ25" s="116">
        <v>0</v>
      </c>
      <c r="FK25" s="110">
        <v>66952</v>
      </c>
      <c r="FL25" s="114">
        <v>286496</v>
      </c>
      <c r="FM25" s="113">
        <v>353448</v>
      </c>
      <c r="FN25" s="110">
        <v>0</v>
      </c>
      <c r="FO25" s="114">
        <v>549360</v>
      </c>
      <c r="FP25" s="114">
        <v>417272</v>
      </c>
      <c r="FQ25" s="114">
        <v>315384</v>
      </c>
      <c r="FR25" s="114">
        <v>372424</v>
      </c>
      <c r="FS25" s="114">
        <v>75360</v>
      </c>
      <c r="FT25" s="113">
        <v>1729800</v>
      </c>
      <c r="FU25" s="116">
        <v>2083248</v>
      </c>
      <c r="FV25" s="115">
        <v>66952</v>
      </c>
      <c r="FW25" s="114">
        <v>124096</v>
      </c>
      <c r="FX25" s="112">
        <v>191048</v>
      </c>
      <c r="FY25" s="111">
        <v>0</v>
      </c>
      <c r="FZ25" s="114">
        <v>359984</v>
      </c>
      <c r="GA25" s="114">
        <v>417272</v>
      </c>
      <c r="GB25" s="114">
        <v>296984</v>
      </c>
      <c r="GC25" s="114">
        <v>288168</v>
      </c>
      <c r="GD25" s="114">
        <v>75360</v>
      </c>
      <c r="GE25" s="113">
        <v>1437768</v>
      </c>
      <c r="GF25" s="319">
        <v>1628816</v>
      </c>
      <c r="GG25" s="115">
        <v>0</v>
      </c>
      <c r="GH25" s="114">
        <v>21600</v>
      </c>
      <c r="GI25" s="112">
        <v>21600</v>
      </c>
      <c r="GJ25" s="111">
        <v>0</v>
      </c>
      <c r="GK25" s="114">
        <v>48576</v>
      </c>
      <c r="GL25" s="114">
        <v>0</v>
      </c>
      <c r="GM25" s="114">
        <v>18400</v>
      </c>
      <c r="GN25" s="114">
        <v>18656</v>
      </c>
      <c r="GO25" s="114">
        <v>0</v>
      </c>
      <c r="GP25" s="113">
        <v>85632</v>
      </c>
      <c r="GQ25" s="116">
        <v>107232</v>
      </c>
      <c r="GR25" s="110">
        <v>0</v>
      </c>
      <c r="GS25" s="114">
        <v>140800</v>
      </c>
      <c r="GT25" s="113">
        <v>140800</v>
      </c>
      <c r="GU25" s="110">
        <v>0</v>
      </c>
      <c r="GV25" s="114">
        <v>140800</v>
      </c>
      <c r="GW25" s="114">
        <v>0</v>
      </c>
      <c r="GX25" s="114">
        <v>0</v>
      </c>
      <c r="GY25" s="114">
        <v>65600</v>
      </c>
      <c r="GZ25" s="114">
        <v>0</v>
      </c>
      <c r="HA25" s="112">
        <v>206400</v>
      </c>
      <c r="HB25" s="116">
        <v>347200</v>
      </c>
      <c r="HC25" s="110">
        <v>102241</v>
      </c>
      <c r="HD25" s="114">
        <v>351723</v>
      </c>
      <c r="HE25" s="112">
        <v>453964</v>
      </c>
      <c r="HF25" s="111">
        <v>0</v>
      </c>
      <c r="HG25" s="114">
        <v>762612</v>
      </c>
      <c r="HH25" s="114">
        <v>2064593</v>
      </c>
      <c r="HI25" s="114">
        <v>1360810</v>
      </c>
      <c r="HJ25" s="114">
        <v>1303107</v>
      </c>
      <c r="HK25" s="114">
        <v>407441</v>
      </c>
      <c r="HL25" s="113">
        <v>5898563</v>
      </c>
      <c r="HM25" s="109">
        <v>6352527</v>
      </c>
      <c r="HN25" s="329"/>
      <c r="HO25" s="330"/>
      <c r="HP25" s="331"/>
      <c r="HQ25" s="332"/>
      <c r="HR25" s="330"/>
      <c r="HS25" s="330"/>
      <c r="HT25" s="330"/>
      <c r="HU25" s="330"/>
      <c r="HV25" s="330"/>
      <c r="HW25" s="333"/>
      <c r="HX25" s="334"/>
      <c r="HY25" s="131">
        <v>0</v>
      </c>
      <c r="HZ25" s="132">
        <v>0</v>
      </c>
      <c r="IA25" s="133">
        <v>0</v>
      </c>
      <c r="IB25" s="146">
        <v>0</v>
      </c>
      <c r="IC25" s="132">
        <v>582300</v>
      </c>
      <c r="ID25" s="147">
        <v>684656</v>
      </c>
      <c r="IE25" s="133">
        <v>703865</v>
      </c>
      <c r="IF25" s="132">
        <v>1039394</v>
      </c>
      <c r="IG25" s="133">
        <v>0</v>
      </c>
      <c r="IH25" s="148">
        <v>3010215</v>
      </c>
      <c r="II25" s="139">
        <v>3010215</v>
      </c>
      <c r="IJ25" s="232">
        <v>0</v>
      </c>
      <c r="IK25" s="236">
        <v>0</v>
      </c>
      <c r="IL25" s="237">
        <v>0</v>
      </c>
      <c r="IM25" s="140"/>
      <c r="IN25" s="119">
        <v>0</v>
      </c>
      <c r="IO25" s="119">
        <v>0</v>
      </c>
      <c r="IP25" s="119">
        <v>0</v>
      </c>
      <c r="IQ25" s="119">
        <v>0</v>
      </c>
      <c r="IR25" s="119">
        <v>0</v>
      </c>
      <c r="IS25" s="141">
        <v>0</v>
      </c>
      <c r="IT25" s="321">
        <v>0</v>
      </c>
      <c r="IU25" s="142">
        <v>0</v>
      </c>
      <c r="IV25" s="119">
        <v>0</v>
      </c>
      <c r="IW25" s="120">
        <v>0</v>
      </c>
      <c r="IX25" s="144"/>
      <c r="IY25" s="119">
        <v>0</v>
      </c>
      <c r="IZ25" s="119">
        <v>0</v>
      </c>
      <c r="JA25" s="119">
        <v>0</v>
      </c>
      <c r="JB25" s="119">
        <v>0</v>
      </c>
      <c r="JC25" s="119">
        <v>0</v>
      </c>
      <c r="JD25" s="120">
        <v>0</v>
      </c>
      <c r="JE25" s="121">
        <v>0</v>
      </c>
      <c r="JF25" s="142">
        <v>0</v>
      </c>
      <c r="JG25" s="119">
        <v>0</v>
      </c>
      <c r="JH25" s="141">
        <v>0</v>
      </c>
      <c r="JI25" s="118">
        <v>0</v>
      </c>
      <c r="JJ25" s="119">
        <v>295808</v>
      </c>
      <c r="JK25" s="119">
        <v>440458</v>
      </c>
      <c r="JL25" s="119">
        <v>319729</v>
      </c>
      <c r="JM25" s="119">
        <v>0</v>
      </c>
      <c r="JN25" s="119">
        <v>0</v>
      </c>
      <c r="JO25" s="120">
        <v>1055995</v>
      </c>
      <c r="JP25" s="321">
        <v>1055995</v>
      </c>
      <c r="JQ25" s="142">
        <v>0</v>
      </c>
      <c r="JR25" s="119">
        <v>0</v>
      </c>
      <c r="JS25" s="141">
        <v>0</v>
      </c>
      <c r="JT25" s="118">
        <v>0</v>
      </c>
      <c r="JU25" s="119">
        <v>0</v>
      </c>
      <c r="JV25" s="119">
        <v>0</v>
      </c>
      <c r="JW25" s="119">
        <v>132720</v>
      </c>
      <c r="JX25" s="119">
        <v>36098</v>
      </c>
      <c r="JY25" s="119">
        <v>0</v>
      </c>
      <c r="JZ25" s="120">
        <v>168818</v>
      </c>
      <c r="KA25" s="321">
        <v>168818</v>
      </c>
      <c r="KB25" s="234">
        <v>0</v>
      </c>
      <c r="KC25" s="230">
        <v>0</v>
      </c>
      <c r="KD25" s="120">
        <v>0</v>
      </c>
      <c r="KE25" s="118">
        <v>0</v>
      </c>
      <c r="KF25" s="119">
        <v>52404</v>
      </c>
      <c r="KG25" s="119">
        <v>0</v>
      </c>
      <c r="KH25" s="119">
        <v>0</v>
      </c>
      <c r="KI25" s="119">
        <v>0</v>
      </c>
      <c r="KJ25" s="119">
        <v>0</v>
      </c>
      <c r="KK25" s="120">
        <v>52404</v>
      </c>
      <c r="KL25" s="143">
        <v>52404</v>
      </c>
      <c r="KM25" s="232">
        <v>0</v>
      </c>
      <c r="KN25" s="236">
        <v>0</v>
      </c>
      <c r="KO25" s="237">
        <v>0</v>
      </c>
      <c r="KP25" s="140"/>
      <c r="KQ25" s="119">
        <v>234088</v>
      </c>
      <c r="KR25" s="119">
        <v>244198</v>
      </c>
      <c r="KS25" s="119">
        <v>251416</v>
      </c>
      <c r="KT25" s="119">
        <v>1003296</v>
      </c>
      <c r="KU25" s="119">
        <v>0</v>
      </c>
      <c r="KV25" s="120">
        <v>1732998</v>
      </c>
      <c r="KW25" s="321">
        <v>1732998</v>
      </c>
      <c r="KX25" s="142">
        <v>0</v>
      </c>
      <c r="KY25" s="119">
        <v>0</v>
      </c>
      <c r="KZ25" s="120">
        <v>0</v>
      </c>
      <c r="LA25" s="145"/>
      <c r="LB25" s="119">
        <v>0</v>
      </c>
      <c r="LC25" s="119">
        <v>0</v>
      </c>
      <c r="LD25" s="119">
        <v>0</v>
      </c>
      <c r="LE25" s="119">
        <v>0</v>
      </c>
      <c r="LF25" s="119">
        <v>0</v>
      </c>
      <c r="LG25" s="120">
        <v>0</v>
      </c>
      <c r="LH25" s="121">
        <v>0</v>
      </c>
      <c r="LI25" s="142">
        <v>0</v>
      </c>
      <c r="LJ25" s="119">
        <v>0</v>
      </c>
      <c r="LK25" s="120">
        <v>0</v>
      </c>
      <c r="LL25" s="145"/>
      <c r="LM25" s="119">
        <v>0</v>
      </c>
      <c r="LN25" s="119">
        <v>0</v>
      </c>
      <c r="LO25" s="119">
        <v>0</v>
      </c>
      <c r="LP25" s="119">
        <v>0</v>
      </c>
      <c r="LQ25" s="119">
        <v>0</v>
      </c>
      <c r="LR25" s="120">
        <v>0</v>
      </c>
      <c r="LS25" s="321">
        <v>0</v>
      </c>
      <c r="LT25" s="142">
        <v>0</v>
      </c>
      <c r="LU25" s="119">
        <v>0</v>
      </c>
      <c r="LV25" s="120">
        <v>0</v>
      </c>
      <c r="LW25" s="145"/>
      <c r="LX25" s="119">
        <v>0</v>
      </c>
      <c r="LY25" s="119">
        <v>0</v>
      </c>
      <c r="LZ25" s="119">
        <v>0</v>
      </c>
      <c r="MA25" s="119">
        <v>0</v>
      </c>
      <c r="MB25" s="119">
        <v>0</v>
      </c>
      <c r="MC25" s="120">
        <v>0</v>
      </c>
      <c r="MD25" s="121">
        <v>0</v>
      </c>
      <c r="ME25" s="142">
        <v>0</v>
      </c>
      <c r="MF25" s="119">
        <v>0</v>
      </c>
      <c r="MG25" s="120">
        <v>0</v>
      </c>
      <c r="MH25" s="145"/>
      <c r="MI25" s="119">
        <v>250438</v>
      </c>
      <c r="MJ25" s="119">
        <v>547682</v>
      </c>
      <c r="MK25" s="119">
        <v>2756162</v>
      </c>
      <c r="ML25" s="119">
        <v>2629897</v>
      </c>
      <c r="MM25" s="119">
        <v>2536941</v>
      </c>
      <c r="MN25" s="120">
        <v>8721120</v>
      </c>
      <c r="MO25" s="143">
        <v>8721120</v>
      </c>
      <c r="MP25" s="142">
        <v>0</v>
      </c>
      <c r="MQ25" s="119">
        <v>0</v>
      </c>
      <c r="MR25" s="120">
        <v>0</v>
      </c>
      <c r="MS25" s="145"/>
      <c r="MT25" s="119">
        <v>0</v>
      </c>
      <c r="MU25" s="119">
        <v>0</v>
      </c>
      <c r="MV25" s="119">
        <v>943293</v>
      </c>
      <c r="MW25" s="119">
        <v>2337805</v>
      </c>
      <c r="MX25" s="119">
        <v>1543194</v>
      </c>
      <c r="MY25" s="120">
        <v>4824292</v>
      </c>
      <c r="MZ25" s="143">
        <v>4824292</v>
      </c>
      <c r="NA25" s="142">
        <v>0</v>
      </c>
      <c r="NB25" s="119">
        <v>0</v>
      </c>
      <c r="NC25" s="120">
        <v>0</v>
      </c>
      <c r="ND25" s="145"/>
      <c r="NE25" s="119">
        <v>250438</v>
      </c>
      <c r="NF25" s="119">
        <v>547682</v>
      </c>
      <c r="NG25" s="119">
        <v>1812869</v>
      </c>
      <c r="NH25" s="119">
        <v>292092</v>
      </c>
      <c r="NI25" s="119">
        <v>282885</v>
      </c>
      <c r="NJ25" s="120">
        <v>3185966</v>
      </c>
      <c r="NK25" s="321">
        <v>3185966</v>
      </c>
      <c r="NL25" s="142">
        <v>0</v>
      </c>
      <c r="NM25" s="119">
        <v>0</v>
      </c>
      <c r="NN25" s="120">
        <v>0</v>
      </c>
      <c r="NO25" s="145"/>
      <c r="NP25" s="119">
        <v>0</v>
      </c>
      <c r="NQ25" s="119">
        <v>0</v>
      </c>
      <c r="NR25" s="119">
        <v>0</v>
      </c>
      <c r="NS25" s="119">
        <v>0</v>
      </c>
      <c r="NT25" s="119">
        <v>0</v>
      </c>
      <c r="NU25" s="120">
        <v>0</v>
      </c>
      <c r="NV25" s="121">
        <v>0</v>
      </c>
      <c r="NW25" s="142">
        <v>0</v>
      </c>
      <c r="NX25" s="119">
        <v>0</v>
      </c>
      <c r="NY25" s="120">
        <v>0</v>
      </c>
      <c r="NZ25" s="145"/>
      <c r="OA25" s="119">
        <v>0</v>
      </c>
      <c r="OB25" s="119">
        <v>0</v>
      </c>
      <c r="OC25" s="119">
        <v>0</v>
      </c>
      <c r="OD25" s="119">
        <v>0</v>
      </c>
      <c r="OE25" s="119">
        <v>710862</v>
      </c>
      <c r="OF25" s="120">
        <v>710862</v>
      </c>
      <c r="OG25" s="121">
        <v>710862</v>
      </c>
      <c r="OH25" s="142">
        <v>387446</v>
      </c>
      <c r="OI25" s="119">
        <v>919798</v>
      </c>
      <c r="OJ25" s="141">
        <v>1307244</v>
      </c>
      <c r="OK25" s="118">
        <v>0</v>
      </c>
      <c r="OL25" s="119">
        <v>5583064</v>
      </c>
      <c r="OM25" s="119">
        <v>7478026</v>
      </c>
      <c r="ON25" s="119">
        <v>8692365</v>
      </c>
      <c r="OO25" s="119">
        <v>8537461</v>
      </c>
      <c r="OP25" s="119">
        <v>4407025</v>
      </c>
      <c r="OQ25" s="120">
        <v>34697941</v>
      </c>
      <c r="OR25" s="143">
        <v>36005185</v>
      </c>
    </row>
    <row r="26" spans="1:408" ht="20.25" customHeight="1" x14ac:dyDescent="0.2">
      <c r="A26" s="126" t="s">
        <v>21</v>
      </c>
      <c r="B26" s="110">
        <v>281328</v>
      </c>
      <c r="C26" s="114">
        <v>265589</v>
      </c>
      <c r="D26" s="113">
        <v>546917</v>
      </c>
      <c r="E26" s="109">
        <v>0</v>
      </c>
      <c r="F26" s="114">
        <v>4261575</v>
      </c>
      <c r="G26" s="114">
        <v>4267052</v>
      </c>
      <c r="H26" s="114">
        <v>4472210</v>
      </c>
      <c r="I26" s="114">
        <v>3081682</v>
      </c>
      <c r="J26" s="114">
        <v>3321799</v>
      </c>
      <c r="K26" s="173">
        <v>19404318</v>
      </c>
      <c r="L26" s="116">
        <v>19951235</v>
      </c>
      <c r="M26" s="110">
        <v>159438</v>
      </c>
      <c r="N26" s="114">
        <v>59484</v>
      </c>
      <c r="O26" s="113">
        <v>218922</v>
      </c>
      <c r="P26" s="110">
        <v>0</v>
      </c>
      <c r="Q26" s="114">
        <v>1463413</v>
      </c>
      <c r="R26" s="114">
        <v>1353828</v>
      </c>
      <c r="S26" s="114">
        <v>933769</v>
      </c>
      <c r="T26" s="114">
        <v>1890020</v>
      </c>
      <c r="U26" s="114">
        <v>1703787</v>
      </c>
      <c r="V26" s="113">
        <v>7344817</v>
      </c>
      <c r="W26" s="116">
        <v>7563739</v>
      </c>
      <c r="X26" s="110">
        <v>0</v>
      </c>
      <c r="Y26" s="114">
        <v>0</v>
      </c>
      <c r="Z26" s="113">
        <v>0</v>
      </c>
      <c r="AA26" s="110">
        <v>0</v>
      </c>
      <c r="AB26" s="114">
        <v>537329</v>
      </c>
      <c r="AC26" s="114">
        <v>330445</v>
      </c>
      <c r="AD26" s="114">
        <v>395436</v>
      </c>
      <c r="AE26" s="114">
        <v>1291123</v>
      </c>
      <c r="AF26" s="114">
        <v>1268172</v>
      </c>
      <c r="AG26" s="113">
        <v>3822505</v>
      </c>
      <c r="AH26" s="116">
        <v>3822505</v>
      </c>
      <c r="AI26" s="110">
        <v>0</v>
      </c>
      <c r="AJ26" s="114">
        <v>0</v>
      </c>
      <c r="AK26" s="113">
        <v>0</v>
      </c>
      <c r="AL26" s="110">
        <v>0</v>
      </c>
      <c r="AM26" s="114">
        <v>0</v>
      </c>
      <c r="AN26" s="114">
        <v>0</v>
      </c>
      <c r="AO26" s="114">
        <v>59705</v>
      </c>
      <c r="AP26" s="114">
        <v>11724</v>
      </c>
      <c r="AQ26" s="114">
        <v>165164</v>
      </c>
      <c r="AR26" s="113">
        <v>236593</v>
      </c>
      <c r="AS26" s="116">
        <v>236593</v>
      </c>
      <c r="AT26" s="110">
        <v>70002</v>
      </c>
      <c r="AU26" s="114">
        <v>32236</v>
      </c>
      <c r="AV26" s="113">
        <v>102238</v>
      </c>
      <c r="AW26" s="110">
        <v>0</v>
      </c>
      <c r="AX26" s="114">
        <v>630478</v>
      </c>
      <c r="AY26" s="114">
        <v>681458</v>
      </c>
      <c r="AZ26" s="114">
        <v>305836</v>
      </c>
      <c r="BA26" s="114">
        <v>390749</v>
      </c>
      <c r="BB26" s="114">
        <v>159115</v>
      </c>
      <c r="BC26" s="113">
        <v>2167636</v>
      </c>
      <c r="BD26" s="116">
        <v>2269874</v>
      </c>
      <c r="BE26" s="110">
        <v>31700</v>
      </c>
      <c r="BF26" s="114">
        <v>20728</v>
      </c>
      <c r="BG26" s="112">
        <v>52428</v>
      </c>
      <c r="BH26" s="111">
        <v>0</v>
      </c>
      <c r="BI26" s="114">
        <v>59430</v>
      </c>
      <c r="BJ26" s="114">
        <v>131029</v>
      </c>
      <c r="BK26" s="114">
        <v>0</v>
      </c>
      <c r="BL26" s="114">
        <v>0</v>
      </c>
      <c r="BM26" s="114">
        <v>0</v>
      </c>
      <c r="BN26" s="113">
        <v>190459</v>
      </c>
      <c r="BO26" s="116">
        <v>242887</v>
      </c>
      <c r="BP26" s="110">
        <v>57736</v>
      </c>
      <c r="BQ26" s="114">
        <v>6520</v>
      </c>
      <c r="BR26" s="113">
        <v>64256</v>
      </c>
      <c r="BS26" s="110">
        <v>0</v>
      </c>
      <c r="BT26" s="114">
        <v>236176</v>
      </c>
      <c r="BU26" s="114">
        <v>210896</v>
      </c>
      <c r="BV26" s="114">
        <v>172792</v>
      </c>
      <c r="BW26" s="114">
        <v>196424</v>
      </c>
      <c r="BX26" s="114">
        <v>111336</v>
      </c>
      <c r="BY26" s="113">
        <v>927624</v>
      </c>
      <c r="BZ26" s="116">
        <v>991880</v>
      </c>
      <c r="CA26" s="110">
        <v>0</v>
      </c>
      <c r="CB26" s="114">
        <v>75173</v>
      </c>
      <c r="CC26" s="113">
        <v>75173</v>
      </c>
      <c r="CD26" s="110">
        <v>0</v>
      </c>
      <c r="CE26" s="114">
        <v>1055442</v>
      </c>
      <c r="CF26" s="114">
        <v>1345133</v>
      </c>
      <c r="CG26" s="114">
        <v>1262013</v>
      </c>
      <c r="CH26" s="114">
        <v>125732</v>
      </c>
      <c r="CI26" s="114">
        <v>764075</v>
      </c>
      <c r="CJ26" s="113">
        <v>4552395</v>
      </c>
      <c r="CK26" s="116">
        <v>4627568</v>
      </c>
      <c r="CL26" s="110">
        <v>0</v>
      </c>
      <c r="CM26" s="114">
        <v>0</v>
      </c>
      <c r="CN26" s="113">
        <v>0</v>
      </c>
      <c r="CO26" s="111">
        <v>0</v>
      </c>
      <c r="CP26" s="114">
        <v>785501</v>
      </c>
      <c r="CQ26" s="114">
        <v>693885</v>
      </c>
      <c r="CR26" s="114">
        <v>905997</v>
      </c>
      <c r="CS26" s="114">
        <v>125732</v>
      </c>
      <c r="CT26" s="114">
        <v>764075</v>
      </c>
      <c r="CU26" s="113">
        <v>3275190</v>
      </c>
      <c r="CV26" s="116">
        <v>3275190</v>
      </c>
      <c r="CW26" s="110">
        <v>0</v>
      </c>
      <c r="CX26" s="114">
        <v>75173</v>
      </c>
      <c r="CY26" s="113">
        <v>75173</v>
      </c>
      <c r="CZ26" s="110">
        <v>0</v>
      </c>
      <c r="DA26" s="114">
        <v>269941</v>
      </c>
      <c r="DB26" s="114">
        <v>651248</v>
      </c>
      <c r="DC26" s="114">
        <v>356016</v>
      </c>
      <c r="DD26" s="114">
        <v>0</v>
      </c>
      <c r="DE26" s="114">
        <v>0</v>
      </c>
      <c r="DF26" s="113">
        <v>1277205</v>
      </c>
      <c r="DG26" s="116">
        <v>1352378</v>
      </c>
      <c r="DH26" s="110">
        <v>0</v>
      </c>
      <c r="DI26" s="114">
        <v>0</v>
      </c>
      <c r="DJ26" s="112">
        <v>0</v>
      </c>
      <c r="DK26" s="111">
        <v>0</v>
      </c>
      <c r="DL26" s="114">
        <v>291570</v>
      </c>
      <c r="DM26" s="114">
        <v>114816</v>
      </c>
      <c r="DN26" s="114">
        <v>1023689</v>
      </c>
      <c r="DO26" s="114">
        <v>278450</v>
      </c>
      <c r="DP26" s="114">
        <v>258446</v>
      </c>
      <c r="DQ26" s="113">
        <v>1966971</v>
      </c>
      <c r="DR26" s="116">
        <v>1966971</v>
      </c>
      <c r="DS26" s="110">
        <v>0</v>
      </c>
      <c r="DT26" s="114">
        <v>0</v>
      </c>
      <c r="DU26" s="113">
        <v>0</v>
      </c>
      <c r="DV26" s="110">
        <v>0</v>
      </c>
      <c r="DW26" s="114">
        <v>291570</v>
      </c>
      <c r="DX26" s="114">
        <v>114816</v>
      </c>
      <c r="DY26" s="114">
        <v>1023689</v>
      </c>
      <c r="DZ26" s="114">
        <v>278450</v>
      </c>
      <c r="EA26" s="114">
        <v>258446</v>
      </c>
      <c r="EB26" s="113">
        <v>1966971</v>
      </c>
      <c r="EC26" s="116">
        <v>1966971</v>
      </c>
      <c r="ED26" s="110">
        <v>0</v>
      </c>
      <c r="EE26" s="112">
        <v>0</v>
      </c>
      <c r="EF26" s="113">
        <v>0</v>
      </c>
      <c r="EG26" s="110">
        <v>0</v>
      </c>
      <c r="EH26" s="114">
        <v>0</v>
      </c>
      <c r="EI26" s="114">
        <v>0</v>
      </c>
      <c r="EJ26" s="114">
        <v>0</v>
      </c>
      <c r="EK26" s="114">
        <v>0</v>
      </c>
      <c r="EL26" s="114">
        <v>0</v>
      </c>
      <c r="EM26" s="112">
        <v>0</v>
      </c>
      <c r="EN26" s="116">
        <v>0</v>
      </c>
      <c r="EO26" s="110">
        <v>0</v>
      </c>
      <c r="EP26" s="114">
        <v>0</v>
      </c>
      <c r="EQ26" s="112">
        <v>0</v>
      </c>
      <c r="ER26" s="111">
        <v>0</v>
      </c>
      <c r="ES26" s="114">
        <v>0</v>
      </c>
      <c r="ET26" s="114">
        <v>0</v>
      </c>
      <c r="EU26" s="114">
        <v>0</v>
      </c>
      <c r="EV26" s="114">
        <v>0</v>
      </c>
      <c r="EW26" s="114">
        <v>0</v>
      </c>
      <c r="EX26" s="113">
        <v>0</v>
      </c>
      <c r="EY26" s="116">
        <v>0</v>
      </c>
      <c r="EZ26" s="110">
        <v>0</v>
      </c>
      <c r="FA26" s="114">
        <v>0</v>
      </c>
      <c r="FB26" s="112">
        <v>0</v>
      </c>
      <c r="FC26" s="348"/>
      <c r="FD26" s="114">
        <v>0</v>
      </c>
      <c r="FE26" s="114">
        <v>0</v>
      </c>
      <c r="FF26" s="114">
        <v>0</v>
      </c>
      <c r="FG26" s="114">
        <v>0</v>
      </c>
      <c r="FH26" s="114">
        <v>0</v>
      </c>
      <c r="FI26" s="113">
        <v>0</v>
      </c>
      <c r="FJ26" s="116">
        <v>0</v>
      </c>
      <c r="FK26" s="110">
        <v>18464</v>
      </c>
      <c r="FL26" s="114">
        <v>43312</v>
      </c>
      <c r="FM26" s="113">
        <v>61776</v>
      </c>
      <c r="FN26" s="110">
        <v>0</v>
      </c>
      <c r="FO26" s="114">
        <v>171048</v>
      </c>
      <c r="FP26" s="114">
        <v>486008</v>
      </c>
      <c r="FQ26" s="114">
        <v>276296</v>
      </c>
      <c r="FR26" s="114">
        <v>374096</v>
      </c>
      <c r="FS26" s="114">
        <v>137784</v>
      </c>
      <c r="FT26" s="113">
        <v>1445232</v>
      </c>
      <c r="FU26" s="116">
        <v>1507008</v>
      </c>
      <c r="FV26" s="115">
        <v>18464</v>
      </c>
      <c r="FW26" s="114">
        <v>43312</v>
      </c>
      <c r="FX26" s="112">
        <v>61776</v>
      </c>
      <c r="FY26" s="111">
        <v>0</v>
      </c>
      <c r="FZ26" s="114">
        <v>171048</v>
      </c>
      <c r="GA26" s="114">
        <v>486008</v>
      </c>
      <c r="GB26" s="114">
        <v>253096</v>
      </c>
      <c r="GC26" s="114">
        <v>321032</v>
      </c>
      <c r="GD26" s="114">
        <v>137784</v>
      </c>
      <c r="GE26" s="113">
        <v>1368968</v>
      </c>
      <c r="GF26" s="319">
        <v>1430744</v>
      </c>
      <c r="GG26" s="115">
        <v>0</v>
      </c>
      <c r="GH26" s="114">
        <v>0</v>
      </c>
      <c r="GI26" s="112">
        <v>0</v>
      </c>
      <c r="GJ26" s="111">
        <v>0</v>
      </c>
      <c r="GK26" s="114">
        <v>0</v>
      </c>
      <c r="GL26" s="114">
        <v>0</v>
      </c>
      <c r="GM26" s="114">
        <v>0</v>
      </c>
      <c r="GN26" s="114">
        <v>53064</v>
      </c>
      <c r="GO26" s="114">
        <v>0</v>
      </c>
      <c r="GP26" s="113">
        <v>53064</v>
      </c>
      <c r="GQ26" s="116">
        <v>53064</v>
      </c>
      <c r="GR26" s="110">
        <v>0</v>
      </c>
      <c r="GS26" s="114">
        <v>0</v>
      </c>
      <c r="GT26" s="113">
        <v>0</v>
      </c>
      <c r="GU26" s="110">
        <v>0</v>
      </c>
      <c r="GV26" s="114">
        <v>0</v>
      </c>
      <c r="GW26" s="114">
        <v>0</v>
      </c>
      <c r="GX26" s="114">
        <v>23200</v>
      </c>
      <c r="GY26" s="114">
        <v>0</v>
      </c>
      <c r="GZ26" s="114">
        <v>0</v>
      </c>
      <c r="HA26" s="112">
        <v>23200</v>
      </c>
      <c r="HB26" s="116">
        <v>23200</v>
      </c>
      <c r="HC26" s="110">
        <v>103426</v>
      </c>
      <c r="HD26" s="114">
        <v>87620</v>
      </c>
      <c r="HE26" s="112">
        <v>191046</v>
      </c>
      <c r="HF26" s="111">
        <v>0</v>
      </c>
      <c r="HG26" s="114">
        <v>1280102</v>
      </c>
      <c r="HH26" s="114">
        <v>967267</v>
      </c>
      <c r="HI26" s="114">
        <v>976443</v>
      </c>
      <c r="HJ26" s="114">
        <v>413384</v>
      </c>
      <c r="HK26" s="114">
        <v>457707</v>
      </c>
      <c r="HL26" s="113">
        <v>4094903</v>
      </c>
      <c r="HM26" s="109">
        <v>4285949</v>
      </c>
      <c r="HN26" s="329"/>
      <c r="HO26" s="330"/>
      <c r="HP26" s="331"/>
      <c r="HQ26" s="332"/>
      <c r="HR26" s="330"/>
      <c r="HS26" s="330"/>
      <c r="HT26" s="330"/>
      <c r="HU26" s="330"/>
      <c r="HV26" s="330"/>
      <c r="HW26" s="333"/>
      <c r="HX26" s="334"/>
      <c r="HY26" s="150">
        <v>0</v>
      </c>
      <c r="HZ26" s="135">
        <v>0</v>
      </c>
      <c r="IA26" s="150">
        <v>0</v>
      </c>
      <c r="IB26" s="134">
        <v>0</v>
      </c>
      <c r="IC26" s="135">
        <v>518129</v>
      </c>
      <c r="ID26" s="136">
        <v>742493</v>
      </c>
      <c r="IE26" s="137">
        <v>1014646</v>
      </c>
      <c r="IF26" s="135">
        <v>534259</v>
      </c>
      <c r="IG26" s="137">
        <v>86074</v>
      </c>
      <c r="IH26" s="138">
        <v>2895601</v>
      </c>
      <c r="II26" s="150">
        <v>2895601</v>
      </c>
      <c r="IJ26" s="232">
        <v>0</v>
      </c>
      <c r="IK26" s="236">
        <v>0</v>
      </c>
      <c r="IL26" s="237">
        <v>0</v>
      </c>
      <c r="IM26" s="140"/>
      <c r="IN26" s="119">
        <v>0</v>
      </c>
      <c r="IO26" s="119">
        <v>0</v>
      </c>
      <c r="IP26" s="119">
        <v>0</v>
      </c>
      <c r="IQ26" s="119">
        <v>0</v>
      </c>
      <c r="IR26" s="119">
        <v>0</v>
      </c>
      <c r="IS26" s="141">
        <v>0</v>
      </c>
      <c r="IT26" s="321">
        <v>0</v>
      </c>
      <c r="IU26" s="142">
        <v>0</v>
      </c>
      <c r="IV26" s="119">
        <v>0</v>
      </c>
      <c r="IW26" s="120">
        <v>0</v>
      </c>
      <c r="IX26" s="144"/>
      <c r="IY26" s="119">
        <v>0</v>
      </c>
      <c r="IZ26" s="119">
        <v>0</v>
      </c>
      <c r="JA26" s="119">
        <v>0</v>
      </c>
      <c r="JB26" s="119">
        <v>0</v>
      </c>
      <c r="JC26" s="119">
        <v>0</v>
      </c>
      <c r="JD26" s="120">
        <v>0</v>
      </c>
      <c r="JE26" s="121">
        <v>0</v>
      </c>
      <c r="JF26" s="142">
        <v>0</v>
      </c>
      <c r="JG26" s="119">
        <v>0</v>
      </c>
      <c r="JH26" s="141">
        <v>0</v>
      </c>
      <c r="JI26" s="118">
        <v>0</v>
      </c>
      <c r="JJ26" s="119">
        <v>290788</v>
      </c>
      <c r="JK26" s="119">
        <v>503021</v>
      </c>
      <c r="JL26" s="119">
        <v>299404</v>
      </c>
      <c r="JM26" s="119">
        <v>287013</v>
      </c>
      <c r="JN26" s="119">
        <v>86074</v>
      </c>
      <c r="JO26" s="120">
        <v>1466300</v>
      </c>
      <c r="JP26" s="321">
        <v>1466300</v>
      </c>
      <c r="JQ26" s="142">
        <v>0</v>
      </c>
      <c r="JR26" s="119">
        <v>0</v>
      </c>
      <c r="JS26" s="141">
        <v>0</v>
      </c>
      <c r="JT26" s="118">
        <v>0</v>
      </c>
      <c r="JU26" s="119">
        <v>0</v>
      </c>
      <c r="JV26" s="119">
        <v>0</v>
      </c>
      <c r="JW26" s="119">
        <v>0</v>
      </c>
      <c r="JX26" s="119">
        <v>0</v>
      </c>
      <c r="JY26" s="119">
        <v>0</v>
      </c>
      <c r="JZ26" s="120">
        <v>0</v>
      </c>
      <c r="KA26" s="321">
        <v>0</v>
      </c>
      <c r="KB26" s="234">
        <v>0</v>
      </c>
      <c r="KC26" s="230">
        <v>0</v>
      </c>
      <c r="KD26" s="120">
        <v>0</v>
      </c>
      <c r="KE26" s="118">
        <v>0</v>
      </c>
      <c r="KF26" s="119">
        <v>0</v>
      </c>
      <c r="KG26" s="119">
        <v>0</v>
      </c>
      <c r="KH26" s="119">
        <v>715242</v>
      </c>
      <c r="KI26" s="119">
        <v>0</v>
      </c>
      <c r="KJ26" s="119">
        <v>0</v>
      </c>
      <c r="KK26" s="120">
        <v>715242</v>
      </c>
      <c r="KL26" s="143">
        <v>715242</v>
      </c>
      <c r="KM26" s="232">
        <v>0</v>
      </c>
      <c r="KN26" s="236">
        <v>0</v>
      </c>
      <c r="KO26" s="237">
        <v>0</v>
      </c>
      <c r="KP26" s="140"/>
      <c r="KQ26" s="119">
        <v>227341</v>
      </c>
      <c r="KR26" s="119">
        <v>239472</v>
      </c>
      <c r="KS26" s="119">
        <v>0</v>
      </c>
      <c r="KT26" s="119">
        <v>247246</v>
      </c>
      <c r="KU26" s="119">
        <v>0</v>
      </c>
      <c r="KV26" s="120">
        <v>714059</v>
      </c>
      <c r="KW26" s="321">
        <v>714059</v>
      </c>
      <c r="KX26" s="142">
        <v>0</v>
      </c>
      <c r="KY26" s="119">
        <v>0</v>
      </c>
      <c r="KZ26" s="120">
        <v>0</v>
      </c>
      <c r="LA26" s="145"/>
      <c r="LB26" s="119">
        <v>0</v>
      </c>
      <c r="LC26" s="119">
        <v>0</v>
      </c>
      <c r="LD26" s="119">
        <v>0</v>
      </c>
      <c r="LE26" s="119">
        <v>0</v>
      </c>
      <c r="LF26" s="119">
        <v>0</v>
      </c>
      <c r="LG26" s="120">
        <v>0</v>
      </c>
      <c r="LH26" s="121">
        <v>0</v>
      </c>
      <c r="LI26" s="142">
        <v>0</v>
      </c>
      <c r="LJ26" s="119">
        <v>0</v>
      </c>
      <c r="LK26" s="120">
        <v>0</v>
      </c>
      <c r="LL26" s="145"/>
      <c r="LM26" s="119">
        <v>0</v>
      </c>
      <c r="LN26" s="119">
        <v>0</v>
      </c>
      <c r="LO26" s="119">
        <v>0</v>
      </c>
      <c r="LP26" s="119">
        <v>0</v>
      </c>
      <c r="LQ26" s="119">
        <v>0</v>
      </c>
      <c r="LR26" s="120">
        <v>0</v>
      </c>
      <c r="LS26" s="321">
        <v>0</v>
      </c>
      <c r="LT26" s="142">
        <v>0</v>
      </c>
      <c r="LU26" s="119">
        <v>0</v>
      </c>
      <c r="LV26" s="120">
        <v>0</v>
      </c>
      <c r="LW26" s="145"/>
      <c r="LX26" s="119">
        <v>0</v>
      </c>
      <c r="LY26" s="119">
        <v>0</v>
      </c>
      <c r="LZ26" s="119">
        <v>0</v>
      </c>
      <c r="MA26" s="119">
        <v>0</v>
      </c>
      <c r="MB26" s="119">
        <v>0</v>
      </c>
      <c r="MC26" s="120">
        <v>0</v>
      </c>
      <c r="MD26" s="121">
        <v>0</v>
      </c>
      <c r="ME26" s="142">
        <v>0</v>
      </c>
      <c r="MF26" s="119">
        <v>0</v>
      </c>
      <c r="MG26" s="120">
        <v>0</v>
      </c>
      <c r="MH26" s="145"/>
      <c r="MI26" s="119">
        <v>0</v>
      </c>
      <c r="MJ26" s="119">
        <v>231814</v>
      </c>
      <c r="MK26" s="119">
        <v>2082527</v>
      </c>
      <c r="ML26" s="119">
        <v>4424123</v>
      </c>
      <c r="MM26" s="119">
        <v>1966086</v>
      </c>
      <c r="MN26" s="120">
        <v>8704550</v>
      </c>
      <c r="MO26" s="143">
        <v>8704550</v>
      </c>
      <c r="MP26" s="142">
        <v>0</v>
      </c>
      <c r="MQ26" s="119">
        <v>0</v>
      </c>
      <c r="MR26" s="120">
        <v>0</v>
      </c>
      <c r="MS26" s="145"/>
      <c r="MT26" s="119">
        <v>0</v>
      </c>
      <c r="MU26" s="119">
        <v>0</v>
      </c>
      <c r="MV26" s="119">
        <v>1859475</v>
      </c>
      <c r="MW26" s="119">
        <v>2223139</v>
      </c>
      <c r="MX26" s="119">
        <v>1888951</v>
      </c>
      <c r="MY26" s="120">
        <v>5971565</v>
      </c>
      <c r="MZ26" s="143">
        <v>5971565</v>
      </c>
      <c r="NA26" s="142">
        <v>0</v>
      </c>
      <c r="NB26" s="119">
        <v>0</v>
      </c>
      <c r="NC26" s="120">
        <v>0</v>
      </c>
      <c r="ND26" s="145"/>
      <c r="NE26" s="119">
        <v>0</v>
      </c>
      <c r="NF26" s="119">
        <v>231814</v>
      </c>
      <c r="NG26" s="119">
        <v>223052</v>
      </c>
      <c r="NH26" s="119">
        <v>1138728</v>
      </c>
      <c r="NI26" s="119">
        <v>77135</v>
      </c>
      <c r="NJ26" s="120">
        <v>1670729</v>
      </c>
      <c r="NK26" s="321">
        <v>1670729</v>
      </c>
      <c r="NL26" s="142">
        <v>0</v>
      </c>
      <c r="NM26" s="119">
        <v>0</v>
      </c>
      <c r="NN26" s="120">
        <v>0</v>
      </c>
      <c r="NO26" s="145"/>
      <c r="NP26" s="119">
        <v>0</v>
      </c>
      <c r="NQ26" s="119">
        <v>0</v>
      </c>
      <c r="NR26" s="119">
        <v>0</v>
      </c>
      <c r="NS26" s="119">
        <v>0</v>
      </c>
      <c r="NT26" s="119">
        <v>0</v>
      </c>
      <c r="NU26" s="120">
        <v>0</v>
      </c>
      <c r="NV26" s="121">
        <v>0</v>
      </c>
      <c r="NW26" s="142">
        <v>0</v>
      </c>
      <c r="NX26" s="119">
        <v>0</v>
      </c>
      <c r="NY26" s="120">
        <v>0</v>
      </c>
      <c r="NZ26" s="145"/>
      <c r="OA26" s="119">
        <v>0</v>
      </c>
      <c r="OB26" s="119">
        <v>0</v>
      </c>
      <c r="OC26" s="119">
        <v>0</v>
      </c>
      <c r="OD26" s="119">
        <v>1062256</v>
      </c>
      <c r="OE26" s="119">
        <v>0</v>
      </c>
      <c r="OF26" s="120">
        <v>1062256</v>
      </c>
      <c r="OG26" s="121">
        <v>1062256</v>
      </c>
      <c r="OH26" s="142">
        <v>281328</v>
      </c>
      <c r="OI26" s="119">
        <v>265589</v>
      </c>
      <c r="OJ26" s="141">
        <v>546917</v>
      </c>
      <c r="OK26" s="118">
        <v>0</v>
      </c>
      <c r="OL26" s="119">
        <v>4779704</v>
      </c>
      <c r="OM26" s="119">
        <v>5241359</v>
      </c>
      <c r="ON26" s="119">
        <v>7569383</v>
      </c>
      <c r="OO26" s="119">
        <v>8040064</v>
      </c>
      <c r="OP26" s="119">
        <v>5373959</v>
      </c>
      <c r="OQ26" s="120">
        <v>31004469</v>
      </c>
      <c r="OR26" s="143">
        <v>31551386</v>
      </c>
    </row>
    <row r="27" spans="1:408" ht="20.25" customHeight="1" x14ac:dyDescent="0.2">
      <c r="A27" s="126" t="s">
        <v>22</v>
      </c>
      <c r="B27" s="110">
        <v>163200</v>
      </c>
      <c r="C27" s="114">
        <v>115568</v>
      </c>
      <c r="D27" s="113">
        <v>278768</v>
      </c>
      <c r="E27" s="109">
        <v>0</v>
      </c>
      <c r="F27" s="114">
        <v>1039548</v>
      </c>
      <c r="G27" s="114">
        <v>1693637</v>
      </c>
      <c r="H27" s="114">
        <v>1100627</v>
      </c>
      <c r="I27" s="114">
        <v>2066321</v>
      </c>
      <c r="J27" s="114">
        <v>1477001</v>
      </c>
      <c r="K27" s="173">
        <v>7377134</v>
      </c>
      <c r="L27" s="116">
        <v>7655902</v>
      </c>
      <c r="M27" s="110">
        <v>0</v>
      </c>
      <c r="N27" s="114">
        <v>0</v>
      </c>
      <c r="O27" s="113">
        <v>0</v>
      </c>
      <c r="P27" s="110">
        <v>0</v>
      </c>
      <c r="Q27" s="114">
        <v>221928</v>
      </c>
      <c r="R27" s="114">
        <v>376707</v>
      </c>
      <c r="S27" s="114">
        <v>354674</v>
      </c>
      <c r="T27" s="114">
        <v>555386</v>
      </c>
      <c r="U27" s="114">
        <v>841289</v>
      </c>
      <c r="V27" s="113">
        <v>2349984</v>
      </c>
      <c r="W27" s="116">
        <v>2349984</v>
      </c>
      <c r="X27" s="110">
        <v>0</v>
      </c>
      <c r="Y27" s="114">
        <v>0</v>
      </c>
      <c r="Z27" s="113">
        <v>0</v>
      </c>
      <c r="AA27" s="110">
        <v>0</v>
      </c>
      <c r="AB27" s="114">
        <v>93280</v>
      </c>
      <c r="AC27" s="114">
        <v>195614</v>
      </c>
      <c r="AD27" s="114">
        <v>65744</v>
      </c>
      <c r="AE27" s="114">
        <v>360389</v>
      </c>
      <c r="AF27" s="114">
        <v>464649</v>
      </c>
      <c r="AG27" s="113">
        <v>1179676</v>
      </c>
      <c r="AH27" s="116">
        <v>1179676</v>
      </c>
      <c r="AI27" s="110">
        <v>0</v>
      </c>
      <c r="AJ27" s="114">
        <v>0</v>
      </c>
      <c r="AK27" s="113">
        <v>0</v>
      </c>
      <c r="AL27" s="110">
        <v>0</v>
      </c>
      <c r="AM27" s="114">
        <v>0</v>
      </c>
      <c r="AN27" s="114">
        <v>0</v>
      </c>
      <c r="AO27" s="114">
        <v>54080</v>
      </c>
      <c r="AP27" s="114">
        <v>0</v>
      </c>
      <c r="AQ27" s="114">
        <v>118976</v>
      </c>
      <c r="AR27" s="113">
        <v>173056</v>
      </c>
      <c r="AS27" s="116">
        <v>173056</v>
      </c>
      <c r="AT27" s="110">
        <v>0</v>
      </c>
      <c r="AU27" s="114">
        <v>0</v>
      </c>
      <c r="AV27" s="113">
        <v>0</v>
      </c>
      <c r="AW27" s="110">
        <v>0</v>
      </c>
      <c r="AX27" s="114">
        <v>27440</v>
      </c>
      <c r="AY27" s="114">
        <v>102653</v>
      </c>
      <c r="AZ27" s="114">
        <v>161138</v>
      </c>
      <c r="BA27" s="114">
        <v>152181</v>
      </c>
      <c r="BB27" s="114">
        <v>122352</v>
      </c>
      <c r="BC27" s="113">
        <v>565764</v>
      </c>
      <c r="BD27" s="116">
        <v>565764</v>
      </c>
      <c r="BE27" s="110">
        <v>0</v>
      </c>
      <c r="BF27" s="114">
        <v>0</v>
      </c>
      <c r="BG27" s="112">
        <v>0</v>
      </c>
      <c r="BH27" s="111">
        <v>0</v>
      </c>
      <c r="BI27" s="114">
        <v>60640</v>
      </c>
      <c r="BJ27" s="114">
        <v>0</v>
      </c>
      <c r="BK27" s="114">
        <v>22944</v>
      </c>
      <c r="BL27" s="114">
        <v>20576</v>
      </c>
      <c r="BM27" s="114">
        <v>82688</v>
      </c>
      <c r="BN27" s="113">
        <v>186848</v>
      </c>
      <c r="BO27" s="116">
        <v>186848</v>
      </c>
      <c r="BP27" s="110">
        <v>0</v>
      </c>
      <c r="BQ27" s="114">
        <v>0</v>
      </c>
      <c r="BR27" s="113">
        <v>0</v>
      </c>
      <c r="BS27" s="110">
        <v>0</v>
      </c>
      <c r="BT27" s="114">
        <v>40568</v>
      </c>
      <c r="BU27" s="114">
        <v>78440</v>
      </c>
      <c r="BV27" s="114">
        <v>50768</v>
      </c>
      <c r="BW27" s="114">
        <v>22240</v>
      </c>
      <c r="BX27" s="114">
        <v>52624</v>
      </c>
      <c r="BY27" s="113">
        <v>244640</v>
      </c>
      <c r="BZ27" s="116">
        <v>244640</v>
      </c>
      <c r="CA27" s="110">
        <v>0</v>
      </c>
      <c r="CB27" s="114">
        <v>0</v>
      </c>
      <c r="CC27" s="113">
        <v>0</v>
      </c>
      <c r="CD27" s="110">
        <v>0</v>
      </c>
      <c r="CE27" s="114">
        <v>415131</v>
      </c>
      <c r="CF27" s="114">
        <v>838402</v>
      </c>
      <c r="CG27" s="114">
        <v>307627</v>
      </c>
      <c r="CH27" s="114">
        <v>429563</v>
      </c>
      <c r="CI27" s="114">
        <v>295400</v>
      </c>
      <c r="CJ27" s="113">
        <v>2286123</v>
      </c>
      <c r="CK27" s="116">
        <v>2286123</v>
      </c>
      <c r="CL27" s="110">
        <v>0</v>
      </c>
      <c r="CM27" s="114">
        <v>0</v>
      </c>
      <c r="CN27" s="113">
        <v>0</v>
      </c>
      <c r="CO27" s="111">
        <v>0</v>
      </c>
      <c r="CP27" s="114">
        <v>260603</v>
      </c>
      <c r="CQ27" s="114">
        <v>769922</v>
      </c>
      <c r="CR27" s="114">
        <v>307627</v>
      </c>
      <c r="CS27" s="114">
        <v>351987</v>
      </c>
      <c r="CT27" s="114">
        <v>137016</v>
      </c>
      <c r="CU27" s="113">
        <v>1827155</v>
      </c>
      <c r="CV27" s="116">
        <v>1827155</v>
      </c>
      <c r="CW27" s="110">
        <v>0</v>
      </c>
      <c r="CX27" s="114">
        <v>0</v>
      </c>
      <c r="CY27" s="113">
        <v>0</v>
      </c>
      <c r="CZ27" s="110">
        <v>0</v>
      </c>
      <c r="DA27" s="114">
        <v>154528</v>
      </c>
      <c r="DB27" s="114">
        <v>68480</v>
      </c>
      <c r="DC27" s="114">
        <v>0</v>
      </c>
      <c r="DD27" s="114">
        <v>77576</v>
      </c>
      <c r="DE27" s="114">
        <v>158384</v>
      </c>
      <c r="DF27" s="113">
        <v>458968</v>
      </c>
      <c r="DG27" s="116">
        <v>458968</v>
      </c>
      <c r="DH27" s="110">
        <v>0</v>
      </c>
      <c r="DI27" s="114">
        <v>0</v>
      </c>
      <c r="DJ27" s="112">
        <v>0</v>
      </c>
      <c r="DK27" s="111">
        <v>0</v>
      </c>
      <c r="DL27" s="114">
        <v>41395</v>
      </c>
      <c r="DM27" s="114">
        <v>0</v>
      </c>
      <c r="DN27" s="114">
        <v>106966</v>
      </c>
      <c r="DO27" s="114">
        <v>470292</v>
      </c>
      <c r="DP27" s="114">
        <v>0</v>
      </c>
      <c r="DQ27" s="113">
        <v>618653</v>
      </c>
      <c r="DR27" s="116">
        <v>618653</v>
      </c>
      <c r="DS27" s="110">
        <v>0</v>
      </c>
      <c r="DT27" s="114">
        <v>0</v>
      </c>
      <c r="DU27" s="113">
        <v>0</v>
      </c>
      <c r="DV27" s="110">
        <v>0</v>
      </c>
      <c r="DW27" s="114">
        <v>41395</v>
      </c>
      <c r="DX27" s="114">
        <v>0</v>
      </c>
      <c r="DY27" s="114">
        <v>106966</v>
      </c>
      <c r="DZ27" s="114">
        <v>393456</v>
      </c>
      <c r="EA27" s="114">
        <v>0</v>
      </c>
      <c r="EB27" s="113">
        <v>541817</v>
      </c>
      <c r="EC27" s="116">
        <v>541817</v>
      </c>
      <c r="ED27" s="110">
        <v>0</v>
      </c>
      <c r="EE27" s="112">
        <v>0</v>
      </c>
      <c r="EF27" s="113">
        <v>0</v>
      </c>
      <c r="EG27" s="110">
        <v>0</v>
      </c>
      <c r="EH27" s="114">
        <v>0</v>
      </c>
      <c r="EI27" s="114">
        <v>0</v>
      </c>
      <c r="EJ27" s="114">
        <v>0</v>
      </c>
      <c r="EK27" s="114">
        <v>76836</v>
      </c>
      <c r="EL27" s="114">
        <v>0</v>
      </c>
      <c r="EM27" s="112">
        <v>76836</v>
      </c>
      <c r="EN27" s="116">
        <v>76836</v>
      </c>
      <c r="EO27" s="110">
        <v>0</v>
      </c>
      <c r="EP27" s="114">
        <v>0</v>
      </c>
      <c r="EQ27" s="112">
        <v>0</v>
      </c>
      <c r="ER27" s="111">
        <v>0</v>
      </c>
      <c r="ES27" s="114">
        <v>0</v>
      </c>
      <c r="ET27" s="114">
        <v>0</v>
      </c>
      <c r="EU27" s="114">
        <v>0</v>
      </c>
      <c r="EV27" s="114">
        <v>0</v>
      </c>
      <c r="EW27" s="114">
        <v>0</v>
      </c>
      <c r="EX27" s="113">
        <v>0</v>
      </c>
      <c r="EY27" s="116">
        <v>0</v>
      </c>
      <c r="EZ27" s="110">
        <v>0</v>
      </c>
      <c r="FA27" s="114">
        <v>0</v>
      </c>
      <c r="FB27" s="112">
        <v>0</v>
      </c>
      <c r="FC27" s="348"/>
      <c r="FD27" s="114">
        <v>0</v>
      </c>
      <c r="FE27" s="114">
        <v>0</v>
      </c>
      <c r="FF27" s="114">
        <v>0</v>
      </c>
      <c r="FG27" s="114">
        <v>0</v>
      </c>
      <c r="FH27" s="114">
        <v>0</v>
      </c>
      <c r="FI27" s="113">
        <v>0</v>
      </c>
      <c r="FJ27" s="116">
        <v>0</v>
      </c>
      <c r="FK27" s="110">
        <v>163200</v>
      </c>
      <c r="FL27" s="114">
        <v>31280</v>
      </c>
      <c r="FM27" s="113">
        <v>194480</v>
      </c>
      <c r="FN27" s="110">
        <v>0</v>
      </c>
      <c r="FO27" s="114">
        <v>61320</v>
      </c>
      <c r="FP27" s="114">
        <v>150496</v>
      </c>
      <c r="FQ27" s="114">
        <v>149056</v>
      </c>
      <c r="FR27" s="114">
        <v>212944</v>
      </c>
      <c r="FS27" s="114">
        <v>123088</v>
      </c>
      <c r="FT27" s="113">
        <v>696904</v>
      </c>
      <c r="FU27" s="116">
        <v>891384</v>
      </c>
      <c r="FV27" s="115">
        <v>3200</v>
      </c>
      <c r="FW27" s="114">
        <v>31280</v>
      </c>
      <c r="FX27" s="112">
        <v>34480</v>
      </c>
      <c r="FY27" s="111">
        <v>0</v>
      </c>
      <c r="FZ27" s="114">
        <v>61320</v>
      </c>
      <c r="GA27" s="114">
        <v>150496</v>
      </c>
      <c r="GB27" s="114">
        <v>149056</v>
      </c>
      <c r="GC27" s="114">
        <v>212944</v>
      </c>
      <c r="GD27" s="114">
        <v>123088</v>
      </c>
      <c r="GE27" s="113">
        <v>696904</v>
      </c>
      <c r="GF27" s="319">
        <v>731384</v>
      </c>
      <c r="GG27" s="115">
        <v>0</v>
      </c>
      <c r="GH27" s="114">
        <v>0</v>
      </c>
      <c r="GI27" s="112">
        <v>0</v>
      </c>
      <c r="GJ27" s="111">
        <v>0</v>
      </c>
      <c r="GK27" s="114">
        <v>0</v>
      </c>
      <c r="GL27" s="114">
        <v>0</v>
      </c>
      <c r="GM27" s="114">
        <v>0</v>
      </c>
      <c r="GN27" s="114">
        <v>0</v>
      </c>
      <c r="GO27" s="114">
        <v>0</v>
      </c>
      <c r="GP27" s="113">
        <v>0</v>
      </c>
      <c r="GQ27" s="116">
        <v>0</v>
      </c>
      <c r="GR27" s="110">
        <v>160000</v>
      </c>
      <c r="GS27" s="114">
        <v>0</v>
      </c>
      <c r="GT27" s="113">
        <v>160000</v>
      </c>
      <c r="GU27" s="110">
        <v>0</v>
      </c>
      <c r="GV27" s="114">
        <v>0</v>
      </c>
      <c r="GW27" s="114">
        <v>0</v>
      </c>
      <c r="GX27" s="114">
        <v>0</v>
      </c>
      <c r="GY27" s="114">
        <v>0</v>
      </c>
      <c r="GZ27" s="114">
        <v>0</v>
      </c>
      <c r="HA27" s="112">
        <v>0</v>
      </c>
      <c r="HB27" s="116">
        <v>160000</v>
      </c>
      <c r="HC27" s="110">
        <v>0</v>
      </c>
      <c r="HD27" s="114">
        <v>84288</v>
      </c>
      <c r="HE27" s="112">
        <v>84288</v>
      </c>
      <c r="HF27" s="111">
        <v>0</v>
      </c>
      <c r="HG27" s="114">
        <v>299774</v>
      </c>
      <c r="HH27" s="114">
        <v>328032</v>
      </c>
      <c r="HI27" s="114">
        <v>182304</v>
      </c>
      <c r="HJ27" s="114">
        <v>398136</v>
      </c>
      <c r="HK27" s="114">
        <v>217224</v>
      </c>
      <c r="HL27" s="113">
        <v>1425470</v>
      </c>
      <c r="HM27" s="109">
        <v>1509758</v>
      </c>
      <c r="HN27" s="329"/>
      <c r="HO27" s="330"/>
      <c r="HP27" s="331"/>
      <c r="HQ27" s="332"/>
      <c r="HR27" s="330"/>
      <c r="HS27" s="330"/>
      <c r="HT27" s="330"/>
      <c r="HU27" s="330"/>
      <c r="HV27" s="330"/>
      <c r="HW27" s="333"/>
      <c r="HX27" s="334"/>
      <c r="HY27" s="131">
        <v>0</v>
      </c>
      <c r="HZ27" s="132">
        <v>0</v>
      </c>
      <c r="IA27" s="133">
        <v>0</v>
      </c>
      <c r="IB27" s="146">
        <v>0</v>
      </c>
      <c r="IC27" s="132">
        <v>1046874</v>
      </c>
      <c r="ID27" s="147">
        <v>1174000</v>
      </c>
      <c r="IE27" s="133">
        <v>333414</v>
      </c>
      <c r="IF27" s="132">
        <v>1318896</v>
      </c>
      <c r="IG27" s="133">
        <v>0</v>
      </c>
      <c r="IH27" s="148">
        <v>3873184</v>
      </c>
      <c r="II27" s="139">
        <v>3873184</v>
      </c>
      <c r="IJ27" s="232">
        <v>0</v>
      </c>
      <c r="IK27" s="236">
        <v>0</v>
      </c>
      <c r="IL27" s="237">
        <v>0</v>
      </c>
      <c r="IM27" s="140"/>
      <c r="IN27" s="119">
        <v>0</v>
      </c>
      <c r="IO27" s="119">
        <v>95104</v>
      </c>
      <c r="IP27" s="119">
        <v>157928</v>
      </c>
      <c r="IQ27" s="119">
        <v>0</v>
      </c>
      <c r="IR27" s="119">
        <v>0</v>
      </c>
      <c r="IS27" s="141">
        <v>253032</v>
      </c>
      <c r="IT27" s="321">
        <v>253032</v>
      </c>
      <c r="IU27" s="142">
        <v>0</v>
      </c>
      <c r="IV27" s="119">
        <v>0</v>
      </c>
      <c r="IW27" s="120">
        <v>0</v>
      </c>
      <c r="IX27" s="144"/>
      <c r="IY27" s="119">
        <v>0</v>
      </c>
      <c r="IZ27" s="119">
        <v>0</v>
      </c>
      <c r="JA27" s="119">
        <v>0</v>
      </c>
      <c r="JB27" s="119">
        <v>0</v>
      </c>
      <c r="JC27" s="119">
        <v>0</v>
      </c>
      <c r="JD27" s="120">
        <v>0</v>
      </c>
      <c r="JE27" s="121">
        <v>0</v>
      </c>
      <c r="JF27" s="142">
        <v>0</v>
      </c>
      <c r="JG27" s="119">
        <v>0</v>
      </c>
      <c r="JH27" s="141">
        <v>0</v>
      </c>
      <c r="JI27" s="118">
        <v>0</v>
      </c>
      <c r="JJ27" s="119">
        <v>121744</v>
      </c>
      <c r="JK27" s="119">
        <v>172176</v>
      </c>
      <c r="JL27" s="119">
        <v>92378</v>
      </c>
      <c r="JM27" s="119">
        <v>191856</v>
      </c>
      <c r="JN27" s="119">
        <v>0</v>
      </c>
      <c r="JO27" s="120">
        <v>578154</v>
      </c>
      <c r="JP27" s="321">
        <v>578154</v>
      </c>
      <c r="JQ27" s="142">
        <v>0</v>
      </c>
      <c r="JR27" s="119">
        <v>0</v>
      </c>
      <c r="JS27" s="141">
        <v>0</v>
      </c>
      <c r="JT27" s="118">
        <v>0</v>
      </c>
      <c r="JU27" s="119">
        <v>87152</v>
      </c>
      <c r="JV27" s="119">
        <v>0</v>
      </c>
      <c r="JW27" s="119">
        <v>83108</v>
      </c>
      <c r="JX27" s="119">
        <v>129408</v>
      </c>
      <c r="JY27" s="119">
        <v>0</v>
      </c>
      <c r="JZ27" s="120">
        <v>299668</v>
      </c>
      <c r="KA27" s="321">
        <v>299668</v>
      </c>
      <c r="KB27" s="234">
        <v>0</v>
      </c>
      <c r="KC27" s="230">
        <v>0</v>
      </c>
      <c r="KD27" s="120">
        <v>0</v>
      </c>
      <c r="KE27" s="118">
        <v>0</v>
      </c>
      <c r="KF27" s="119">
        <v>619320</v>
      </c>
      <c r="KG27" s="119">
        <v>452960</v>
      </c>
      <c r="KH27" s="119">
        <v>0</v>
      </c>
      <c r="KI27" s="119">
        <v>0</v>
      </c>
      <c r="KJ27" s="119">
        <v>0</v>
      </c>
      <c r="KK27" s="120">
        <v>1072280</v>
      </c>
      <c r="KL27" s="143">
        <v>1072280</v>
      </c>
      <c r="KM27" s="232">
        <v>0</v>
      </c>
      <c r="KN27" s="236">
        <v>0</v>
      </c>
      <c r="KO27" s="237">
        <v>0</v>
      </c>
      <c r="KP27" s="140"/>
      <c r="KQ27" s="119">
        <v>218658</v>
      </c>
      <c r="KR27" s="119">
        <v>453760</v>
      </c>
      <c r="KS27" s="119">
        <v>0</v>
      </c>
      <c r="KT27" s="119">
        <v>0</v>
      </c>
      <c r="KU27" s="119">
        <v>0</v>
      </c>
      <c r="KV27" s="120">
        <v>672418</v>
      </c>
      <c r="KW27" s="321">
        <v>672418</v>
      </c>
      <c r="KX27" s="142">
        <v>0</v>
      </c>
      <c r="KY27" s="119">
        <v>0</v>
      </c>
      <c r="KZ27" s="120">
        <v>0</v>
      </c>
      <c r="LA27" s="145"/>
      <c r="LB27" s="119">
        <v>0</v>
      </c>
      <c r="LC27" s="119">
        <v>0</v>
      </c>
      <c r="LD27" s="119">
        <v>0</v>
      </c>
      <c r="LE27" s="119">
        <v>0</v>
      </c>
      <c r="LF27" s="119">
        <v>0</v>
      </c>
      <c r="LG27" s="120">
        <v>0</v>
      </c>
      <c r="LH27" s="121">
        <v>0</v>
      </c>
      <c r="LI27" s="142">
        <v>0</v>
      </c>
      <c r="LJ27" s="119">
        <v>0</v>
      </c>
      <c r="LK27" s="120">
        <v>0</v>
      </c>
      <c r="LL27" s="145"/>
      <c r="LM27" s="119">
        <v>0</v>
      </c>
      <c r="LN27" s="119">
        <v>0</v>
      </c>
      <c r="LO27" s="119">
        <v>0</v>
      </c>
      <c r="LP27" s="119">
        <v>997632</v>
      </c>
      <c r="LQ27" s="119">
        <v>0</v>
      </c>
      <c r="LR27" s="120">
        <v>997632</v>
      </c>
      <c r="LS27" s="321">
        <v>997632</v>
      </c>
      <c r="LT27" s="142">
        <v>0</v>
      </c>
      <c r="LU27" s="119">
        <v>0</v>
      </c>
      <c r="LV27" s="120">
        <v>0</v>
      </c>
      <c r="LW27" s="145"/>
      <c r="LX27" s="119">
        <v>0</v>
      </c>
      <c r="LY27" s="119">
        <v>0</v>
      </c>
      <c r="LZ27" s="119">
        <v>0</v>
      </c>
      <c r="MA27" s="119">
        <v>0</v>
      </c>
      <c r="MB27" s="119">
        <v>0</v>
      </c>
      <c r="MC27" s="120">
        <v>0</v>
      </c>
      <c r="MD27" s="121">
        <v>0</v>
      </c>
      <c r="ME27" s="142">
        <v>0</v>
      </c>
      <c r="MF27" s="119">
        <v>0</v>
      </c>
      <c r="MG27" s="120">
        <v>0</v>
      </c>
      <c r="MH27" s="145"/>
      <c r="MI27" s="119">
        <v>0</v>
      </c>
      <c r="MJ27" s="119">
        <v>271080</v>
      </c>
      <c r="MK27" s="119">
        <v>992701</v>
      </c>
      <c r="ML27" s="119">
        <v>954673</v>
      </c>
      <c r="MM27" s="119">
        <v>0</v>
      </c>
      <c r="MN27" s="120">
        <v>2218454</v>
      </c>
      <c r="MO27" s="143">
        <v>2218454</v>
      </c>
      <c r="MP27" s="142">
        <v>0</v>
      </c>
      <c r="MQ27" s="119">
        <v>0</v>
      </c>
      <c r="MR27" s="120">
        <v>0</v>
      </c>
      <c r="MS27" s="145"/>
      <c r="MT27" s="119">
        <v>0</v>
      </c>
      <c r="MU27" s="119">
        <v>0</v>
      </c>
      <c r="MV27" s="119">
        <v>706788</v>
      </c>
      <c r="MW27" s="119">
        <v>437796</v>
      </c>
      <c r="MX27" s="119">
        <v>0</v>
      </c>
      <c r="MY27" s="120">
        <v>1144584</v>
      </c>
      <c r="MZ27" s="143">
        <v>1144584</v>
      </c>
      <c r="NA27" s="142">
        <v>0</v>
      </c>
      <c r="NB27" s="119">
        <v>0</v>
      </c>
      <c r="NC27" s="120">
        <v>0</v>
      </c>
      <c r="ND27" s="145"/>
      <c r="NE27" s="119">
        <v>0</v>
      </c>
      <c r="NF27" s="119">
        <v>271080</v>
      </c>
      <c r="NG27" s="119">
        <v>285913</v>
      </c>
      <c r="NH27" s="119">
        <v>516877</v>
      </c>
      <c r="NI27" s="119">
        <v>0</v>
      </c>
      <c r="NJ27" s="120">
        <v>1073870</v>
      </c>
      <c r="NK27" s="321">
        <v>1073870</v>
      </c>
      <c r="NL27" s="142">
        <v>0</v>
      </c>
      <c r="NM27" s="119">
        <v>0</v>
      </c>
      <c r="NN27" s="120">
        <v>0</v>
      </c>
      <c r="NO27" s="145"/>
      <c r="NP27" s="119">
        <v>0</v>
      </c>
      <c r="NQ27" s="119">
        <v>0</v>
      </c>
      <c r="NR27" s="119">
        <v>0</v>
      </c>
      <c r="NS27" s="119">
        <v>0</v>
      </c>
      <c r="NT27" s="119">
        <v>0</v>
      </c>
      <c r="NU27" s="120">
        <v>0</v>
      </c>
      <c r="NV27" s="121">
        <v>0</v>
      </c>
      <c r="NW27" s="142">
        <v>0</v>
      </c>
      <c r="NX27" s="119">
        <v>0</v>
      </c>
      <c r="NY27" s="120">
        <v>0</v>
      </c>
      <c r="NZ27" s="145"/>
      <c r="OA27" s="119">
        <v>0</v>
      </c>
      <c r="OB27" s="119">
        <v>0</v>
      </c>
      <c r="OC27" s="119">
        <v>0</v>
      </c>
      <c r="OD27" s="119">
        <v>0</v>
      </c>
      <c r="OE27" s="119">
        <v>0</v>
      </c>
      <c r="OF27" s="120">
        <v>0</v>
      </c>
      <c r="OG27" s="121">
        <v>0</v>
      </c>
      <c r="OH27" s="142">
        <v>163200</v>
      </c>
      <c r="OI27" s="119">
        <v>115568</v>
      </c>
      <c r="OJ27" s="141">
        <v>278768</v>
      </c>
      <c r="OK27" s="118">
        <v>0</v>
      </c>
      <c r="OL27" s="119">
        <v>2086422</v>
      </c>
      <c r="OM27" s="119">
        <v>3138717</v>
      </c>
      <c r="ON27" s="119">
        <v>2426742</v>
      </c>
      <c r="OO27" s="119">
        <v>4339890</v>
      </c>
      <c r="OP27" s="119">
        <v>1477001</v>
      </c>
      <c r="OQ27" s="120">
        <v>13468772</v>
      </c>
      <c r="OR27" s="143">
        <v>13747540</v>
      </c>
    </row>
    <row r="28" spans="1:408" ht="20.25" customHeight="1" x14ac:dyDescent="0.2">
      <c r="A28" s="126" t="s">
        <v>23</v>
      </c>
      <c r="B28" s="110">
        <v>139091</v>
      </c>
      <c r="C28" s="114">
        <v>345489</v>
      </c>
      <c r="D28" s="113">
        <v>484580</v>
      </c>
      <c r="E28" s="109">
        <v>0</v>
      </c>
      <c r="F28" s="114">
        <v>2314270</v>
      </c>
      <c r="G28" s="114">
        <v>2053025</v>
      </c>
      <c r="H28" s="114">
        <v>2370348</v>
      </c>
      <c r="I28" s="114">
        <v>2364449</v>
      </c>
      <c r="J28" s="114">
        <v>699855</v>
      </c>
      <c r="K28" s="173">
        <v>9801947</v>
      </c>
      <c r="L28" s="116">
        <v>10286527</v>
      </c>
      <c r="M28" s="110">
        <v>77259</v>
      </c>
      <c r="N28" s="114">
        <v>45537</v>
      </c>
      <c r="O28" s="113">
        <v>122796</v>
      </c>
      <c r="P28" s="110">
        <v>0</v>
      </c>
      <c r="Q28" s="114">
        <v>592921</v>
      </c>
      <c r="R28" s="114">
        <v>743499</v>
      </c>
      <c r="S28" s="114">
        <v>746332</v>
      </c>
      <c r="T28" s="114">
        <v>731661</v>
      </c>
      <c r="U28" s="114">
        <v>102228</v>
      </c>
      <c r="V28" s="113">
        <v>2916641</v>
      </c>
      <c r="W28" s="116">
        <v>3039437</v>
      </c>
      <c r="X28" s="110">
        <v>0</v>
      </c>
      <c r="Y28" s="114">
        <v>0</v>
      </c>
      <c r="Z28" s="113">
        <v>0</v>
      </c>
      <c r="AA28" s="110">
        <v>0</v>
      </c>
      <c r="AB28" s="114">
        <v>142998</v>
      </c>
      <c r="AC28" s="114">
        <v>263926</v>
      </c>
      <c r="AD28" s="114">
        <v>515384</v>
      </c>
      <c r="AE28" s="114">
        <v>441840</v>
      </c>
      <c r="AF28" s="114">
        <v>0</v>
      </c>
      <c r="AG28" s="113">
        <v>1364148</v>
      </c>
      <c r="AH28" s="116">
        <v>1364148</v>
      </c>
      <c r="AI28" s="110">
        <v>0</v>
      </c>
      <c r="AJ28" s="114">
        <v>0</v>
      </c>
      <c r="AK28" s="113">
        <v>0</v>
      </c>
      <c r="AL28" s="110">
        <v>0</v>
      </c>
      <c r="AM28" s="114">
        <v>0</v>
      </c>
      <c r="AN28" s="114">
        <v>0</v>
      </c>
      <c r="AO28" s="114">
        <v>0</v>
      </c>
      <c r="AP28" s="114">
        <v>46292</v>
      </c>
      <c r="AQ28" s="114">
        <v>0</v>
      </c>
      <c r="AR28" s="113">
        <v>46292</v>
      </c>
      <c r="AS28" s="116">
        <v>46292</v>
      </c>
      <c r="AT28" s="110">
        <v>40859</v>
      </c>
      <c r="AU28" s="114">
        <v>31793</v>
      </c>
      <c r="AV28" s="113">
        <v>72652</v>
      </c>
      <c r="AW28" s="110">
        <v>0</v>
      </c>
      <c r="AX28" s="114">
        <v>314395</v>
      </c>
      <c r="AY28" s="114">
        <v>323960</v>
      </c>
      <c r="AZ28" s="114">
        <v>129708</v>
      </c>
      <c r="BA28" s="114">
        <v>161705</v>
      </c>
      <c r="BB28" s="114">
        <v>39804</v>
      </c>
      <c r="BC28" s="113">
        <v>969572</v>
      </c>
      <c r="BD28" s="116">
        <v>1042224</v>
      </c>
      <c r="BE28" s="110">
        <v>0</v>
      </c>
      <c r="BF28" s="114">
        <v>0</v>
      </c>
      <c r="BG28" s="112">
        <v>0</v>
      </c>
      <c r="BH28" s="111">
        <v>0</v>
      </c>
      <c r="BI28" s="114">
        <v>0</v>
      </c>
      <c r="BJ28" s="114">
        <v>57837</v>
      </c>
      <c r="BK28" s="114">
        <v>0</v>
      </c>
      <c r="BL28" s="114">
        <v>0</v>
      </c>
      <c r="BM28" s="114">
        <v>0</v>
      </c>
      <c r="BN28" s="113">
        <v>57837</v>
      </c>
      <c r="BO28" s="116">
        <v>57837</v>
      </c>
      <c r="BP28" s="110">
        <v>36400</v>
      </c>
      <c r="BQ28" s="114">
        <v>13744</v>
      </c>
      <c r="BR28" s="113">
        <v>50144</v>
      </c>
      <c r="BS28" s="110">
        <v>0</v>
      </c>
      <c r="BT28" s="114">
        <v>135528</v>
      </c>
      <c r="BU28" s="114">
        <v>97776</v>
      </c>
      <c r="BV28" s="114">
        <v>101240</v>
      </c>
      <c r="BW28" s="114">
        <v>81824</v>
      </c>
      <c r="BX28" s="114">
        <v>62424</v>
      </c>
      <c r="BY28" s="113">
        <v>478792</v>
      </c>
      <c r="BZ28" s="116">
        <v>528936</v>
      </c>
      <c r="CA28" s="110">
        <v>0</v>
      </c>
      <c r="CB28" s="114">
        <v>0</v>
      </c>
      <c r="CC28" s="113">
        <v>0</v>
      </c>
      <c r="CD28" s="110">
        <v>0</v>
      </c>
      <c r="CE28" s="114">
        <v>839300</v>
      </c>
      <c r="CF28" s="114">
        <v>763329</v>
      </c>
      <c r="CG28" s="114">
        <v>1032690</v>
      </c>
      <c r="CH28" s="114">
        <v>795932</v>
      </c>
      <c r="CI28" s="114">
        <v>90196</v>
      </c>
      <c r="CJ28" s="113">
        <v>3521447</v>
      </c>
      <c r="CK28" s="116">
        <v>3521447</v>
      </c>
      <c r="CL28" s="110">
        <v>0</v>
      </c>
      <c r="CM28" s="114">
        <v>0</v>
      </c>
      <c r="CN28" s="113">
        <v>0</v>
      </c>
      <c r="CO28" s="111">
        <v>0</v>
      </c>
      <c r="CP28" s="114">
        <v>743878</v>
      </c>
      <c r="CQ28" s="114">
        <v>576935</v>
      </c>
      <c r="CR28" s="114">
        <v>865721</v>
      </c>
      <c r="CS28" s="114">
        <v>334607</v>
      </c>
      <c r="CT28" s="114">
        <v>90196</v>
      </c>
      <c r="CU28" s="113">
        <v>2611337</v>
      </c>
      <c r="CV28" s="116">
        <v>2611337</v>
      </c>
      <c r="CW28" s="110">
        <v>0</v>
      </c>
      <c r="CX28" s="114">
        <v>0</v>
      </c>
      <c r="CY28" s="113">
        <v>0</v>
      </c>
      <c r="CZ28" s="110">
        <v>0</v>
      </c>
      <c r="DA28" s="114">
        <v>95422</v>
      </c>
      <c r="DB28" s="114">
        <v>186394</v>
      </c>
      <c r="DC28" s="114">
        <v>166969</v>
      </c>
      <c r="DD28" s="114">
        <v>461325</v>
      </c>
      <c r="DE28" s="114">
        <v>0</v>
      </c>
      <c r="DF28" s="113">
        <v>910110</v>
      </c>
      <c r="DG28" s="116">
        <v>910110</v>
      </c>
      <c r="DH28" s="110">
        <v>0</v>
      </c>
      <c r="DI28" s="114">
        <v>0</v>
      </c>
      <c r="DJ28" s="112">
        <v>0</v>
      </c>
      <c r="DK28" s="111">
        <v>0</v>
      </c>
      <c r="DL28" s="114">
        <v>19696</v>
      </c>
      <c r="DM28" s="114">
        <v>67932</v>
      </c>
      <c r="DN28" s="114">
        <v>39768</v>
      </c>
      <c r="DO28" s="114">
        <v>464866</v>
      </c>
      <c r="DP28" s="114">
        <v>0</v>
      </c>
      <c r="DQ28" s="113">
        <v>592262</v>
      </c>
      <c r="DR28" s="116">
        <v>592262</v>
      </c>
      <c r="DS28" s="110">
        <v>0</v>
      </c>
      <c r="DT28" s="114">
        <v>0</v>
      </c>
      <c r="DU28" s="113">
        <v>0</v>
      </c>
      <c r="DV28" s="110">
        <v>0</v>
      </c>
      <c r="DW28" s="114">
        <v>0</v>
      </c>
      <c r="DX28" s="114">
        <v>67932</v>
      </c>
      <c r="DY28" s="114">
        <v>39768</v>
      </c>
      <c r="DZ28" s="114">
        <v>464866</v>
      </c>
      <c r="EA28" s="114">
        <v>0</v>
      </c>
      <c r="EB28" s="113">
        <v>572566</v>
      </c>
      <c r="EC28" s="116">
        <v>572566</v>
      </c>
      <c r="ED28" s="110">
        <v>0</v>
      </c>
      <c r="EE28" s="112">
        <v>0</v>
      </c>
      <c r="EF28" s="113">
        <v>0</v>
      </c>
      <c r="EG28" s="110">
        <v>0</v>
      </c>
      <c r="EH28" s="114">
        <v>19696</v>
      </c>
      <c r="EI28" s="114">
        <v>0</v>
      </c>
      <c r="EJ28" s="114">
        <v>0</v>
      </c>
      <c r="EK28" s="114">
        <v>0</v>
      </c>
      <c r="EL28" s="114">
        <v>0</v>
      </c>
      <c r="EM28" s="112">
        <v>19696</v>
      </c>
      <c r="EN28" s="116">
        <v>19696</v>
      </c>
      <c r="EO28" s="110">
        <v>0</v>
      </c>
      <c r="EP28" s="114">
        <v>0</v>
      </c>
      <c r="EQ28" s="112">
        <v>0</v>
      </c>
      <c r="ER28" s="111">
        <v>0</v>
      </c>
      <c r="ES28" s="114">
        <v>0</v>
      </c>
      <c r="ET28" s="114">
        <v>0</v>
      </c>
      <c r="EU28" s="114">
        <v>0</v>
      </c>
      <c r="EV28" s="114">
        <v>0</v>
      </c>
      <c r="EW28" s="114">
        <v>0</v>
      </c>
      <c r="EX28" s="113">
        <v>0</v>
      </c>
      <c r="EY28" s="116">
        <v>0</v>
      </c>
      <c r="EZ28" s="110">
        <v>0</v>
      </c>
      <c r="FA28" s="114">
        <v>0</v>
      </c>
      <c r="FB28" s="112">
        <v>0</v>
      </c>
      <c r="FC28" s="348"/>
      <c r="FD28" s="114">
        <v>0</v>
      </c>
      <c r="FE28" s="114">
        <v>0</v>
      </c>
      <c r="FF28" s="114">
        <v>0</v>
      </c>
      <c r="FG28" s="114">
        <v>0</v>
      </c>
      <c r="FH28" s="114">
        <v>0</v>
      </c>
      <c r="FI28" s="113">
        <v>0</v>
      </c>
      <c r="FJ28" s="116">
        <v>0</v>
      </c>
      <c r="FK28" s="110">
        <v>8880</v>
      </c>
      <c r="FL28" s="114">
        <v>122624</v>
      </c>
      <c r="FM28" s="113">
        <v>131504</v>
      </c>
      <c r="FN28" s="110">
        <v>0</v>
      </c>
      <c r="FO28" s="114">
        <v>81856</v>
      </c>
      <c r="FP28" s="114">
        <v>303032</v>
      </c>
      <c r="FQ28" s="114">
        <v>133376</v>
      </c>
      <c r="FR28" s="114">
        <v>162456</v>
      </c>
      <c r="FS28" s="114">
        <v>55232</v>
      </c>
      <c r="FT28" s="113">
        <v>735952</v>
      </c>
      <c r="FU28" s="116">
        <v>867456</v>
      </c>
      <c r="FV28" s="115">
        <v>8880</v>
      </c>
      <c r="FW28" s="114">
        <v>8224</v>
      </c>
      <c r="FX28" s="112">
        <v>17104</v>
      </c>
      <c r="FY28" s="111">
        <v>0</v>
      </c>
      <c r="FZ28" s="114">
        <v>62144</v>
      </c>
      <c r="GA28" s="114">
        <v>303032</v>
      </c>
      <c r="GB28" s="114">
        <v>133376</v>
      </c>
      <c r="GC28" s="114">
        <v>162456</v>
      </c>
      <c r="GD28" s="114">
        <v>55232</v>
      </c>
      <c r="GE28" s="113">
        <v>716240</v>
      </c>
      <c r="GF28" s="319">
        <v>733344</v>
      </c>
      <c r="GG28" s="115">
        <v>0</v>
      </c>
      <c r="GH28" s="114">
        <v>0</v>
      </c>
      <c r="GI28" s="112">
        <v>0</v>
      </c>
      <c r="GJ28" s="111">
        <v>0</v>
      </c>
      <c r="GK28" s="114">
        <v>19712</v>
      </c>
      <c r="GL28" s="114">
        <v>0</v>
      </c>
      <c r="GM28" s="114">
        <v>0</v>
      </c>
      <c r="GN28" s="114">
        <v>0</v>
      </c>
      <c r="GO28" s="114">
        <v>0</v>
      </c>
      <c r="GP28" s="113">
        <v>19712</v>
      </c>
      <c r="GQ28" s="116">
        <v>19712</v>
      </c>
      <c r="GR28" s="110">
        <v>0</v>
      </c>
      <c r="GS28" s="114">
        <v>114400</v>
      </c>
      <c r="GT28" s="113">
        <v>114400</v>
      </c>
      <c r="GU28" s="110">
        <v>0</v>
      </c>
      <c r="GV28" s="114">
        <v>0</v>
      </c>
      <c r="GW28" s="114">
        <v>0</v>
      </c>
      <c r="GX28" s="114">
        <v>0</v>
      </c>
      <c r="GY28" s="114">
        <v>0</v>
      </c>
      <c r="GZ28" s="114">
        <v>0</v>
      </c>
      <c r="HA28" s="112">
        <v>0</v>
      </c>
      <c r="HB28" s="116">
        <v>114400</v>
      </c>
      <c r="HC28" s="110">
        <v>52952</v>
      </c>
      <c r="HD28" s="114">
        <v>177328</v>
      </c>
      <c r="HE28" s="112">
        <v>230280</v>
      </c>
      <c r="HF28" s="111">
        <v>0</v>
      </c>
      <c r="HG28" s="114">
        <v>780497</v>
      </c>
      <c r="HH28" s="114">
        <v>175233</v>
      </c>
      <c r="HI28" s="114">
        <v>418182</v>
      </c>
      <c r="HJ28" s="114">
        <v>209534</v>
      </c>
      <c r="HK28" s="114">
        <v>452199</v>
      </c>
      <c r="HL28" s="113">
        <v>2035645</v>
      </c>
      <c r="HM28" s="109">
        <v>2265925</v>
      </c>
      <c r="HN28" s="329"/>
      <c r="HO28" s="330"/>
      <c r="HP28" s="331"/>
      <c r="HQ28" s="332"/>
      <c r="HR28" s="330"/>
      <c r="HS28" s="330"/>
      <c r="HT28" s="330"/>
      <c r="HU28" s="330"/>
      <c r="HV28" s="330"/>
      <c r="HW28" s="333"/>
      <c r="HX28" s="334"/>
      <c r="HY28" s="150">
        <v>0</v>
      </c>
      <c r="HZ28" s="135">
        <v>0</v>
      </c>
      <c r="IA28" s="150">
        <v>0</v>
      </c>
      <c r="IB28" s="134">
        <v>0</v>
      </c>
      <c r="IC28" s="135">
        <v>950862</v>
      </c>
      <c r="ID28" s="136">
        <v>500887</v>
      </c>
      <c r="IE28" s="137">
        <v>241754</v>
      </c>
      <c r="IF28" s="135">
        <v>474405</v>
      </c>
      <c r="IG28" s="137">
        <v>0</v>
      </c>
      <c r="IH28" s="138">
        <v>2167908</v>
      </c>
      <c r="II28" s="150">
        <v>2167908</v>
      </c>
      <c r="IJ28" s="232">
        <v>0</v>
      </c>
      <c r="IK28" s="236">
        <v>0</v>
      </c>
      <c r="IL28" s="237">
        <v>0</v>
      </c>
      <c r="IM28" s="140"/>
      <c r="IN28" s="119">
        <v>0</v>
      </c>
      <c r="IO28" s="119">
        <v>0</v>
      </c>
      <c r="IP28" s="119">
        <v>0</v>
      </c>
      <c r="IQ28" s="119">
        <v>0</v>
      </c>
      <c r="IR28" s="119">
        <v>0</v>
      </c>
      <c r="IS28" s="141">
        <v>0</v>
      </c>
      <c r="IT28" s="321">
        <v>0</v>
      </c>
      <c r="IU28" s="142">
        <v>0</v>
      </c>
      <c r="IV28" s="119">
        <v>0</v>
      </c>
      <c r="IW28" s="120">
        <v>0</v>
      </c>
      <c r="IX28" s="144"/>
      <c r="IY28" s="119">
        <v>0</v>
      </c>
      <c r="IZ28" s="119">
        <v>0</v>
      </c>
      <c r="JA28" s="119">
        <v>0</v>
      </c>
      <c r="JB28" s="119">
        <v>0</v>
      </c>
      <c r="JC28" s="119">
        <v>0</v>
      </c>
      <c r="JD28" s="120">
        <v>0</v>
      </c>
      <c r="JE28" s="121">
        <v>0</v>
      </c>
      <c r="JF28" s="142">
        <v>0</v>
      </c>
      <c r="JG28" s="119">
        <v>0</v>
      </c>
      <c r="JH28" s="141">
        <v>0</v>
      </c>
      <c r="JI28" s="118">
        <v>0</v>
      </c>
      <c r="JJ28" s="119">
        <v>265060</v>
      </c>
      <c r="JK28" s="119">
        <v>30187</v>
      </c>
      <c r="JL28" s="119">
        <v>0</v>
      </c>
      <c r="JM28" s="119">
        <v>224133</v>
      </c>
      <c r="JN28" s="119">
        <v>0</v>
      </c>
      <c r="JO28" s="120">
        <v>519380</v>
      </c>
      <c r="JP28" s="321">
        <v>519380</v>
      </c>
      <c r="JQ28" s="142">
        <v>0</v>
      </c>
      <c r="JR28" s="119">
        <v>0</v>
      </c>
      <c r="JS28" s="141">
        <v>0</v>
      </c>
      <c r="JT28" s="118">
        <v>0</v>
      </c>
      <c r="JU28" s="119">
        <v>0</v>
      </c>
      <c r="JV28" s="119">
        <v>0</v>
      </c>
      <c r="JW28" s="119">
        <v>0</v>
      </c>
      <c r="JX28" s="119">
        <v>0</v>
      </c>
      <c r="JY28" s="119">
        <v>0</v>
      </c>
      <c r="JZ28" s="120">
        <v>0</v>
      </c>
      <c r="KA28" s="321">
        <v>0</v>
      </c>
      <c r="KB28" s="234">
        <v>0</v>
      </c>
      <c r="KC28" s="230">
        <v>0</v>
      </c>
      <c r="KD28" s="120">
        <v>0</v>
      </c>
      <c r="KE28" s="118">
        <v>0</v>
      </c>
      <c r="KF28" s="119">
        <v>0</v>
      </c>
      <c r="KG28" s="119">
        <v>0</v>
      </c>
      <c r="KH28" s="119">
        <v>0</v>
      </c>
      <c r="KI28" s="119">
        <v>0</v>
      </c>
      <c r="KJ28" s="119">
        <v>0</v>
      </c>
      <c r="KK28" s="120">
        <v>0</v>
      </c>
      <c r="KL28" s="143">
        <v>0</v>
      </c>
      <c r="KM28" s="232">
        <v>0</v>
      </c>
      <c r="KN28" s="236">
        <v>0</v>
      </c>
      <c r="KO28" s="237">
        <v>0</v>
      </c>
      <c r="KP28" s="140"/>
      <c r="KQ28" s="119">
        <v>685802</v>
      </c>
      <c r="KR28" s="119">
        <v>470700</v>
      </c>
      <c r="KS28" s="119">
        <v>241754</v>
      </c>
      <c r="KT28" s="119">
        <v>250272</v>
      </c>
      <c r="KU28" s="119">
        <v>0</v>
      </c>
      <c r="KV28" s="120">
        <v>1648528</v>
      </c>
      <c r="KW28" s="321">
        <v>1648528</v>
      </c>
      <c r="KX28" s="142">
        <v>0</v>
      </c>
      <c r="KY28" s="119">
        <v>0</v>
      </c>
      <c r="KZ28" s="120">
        <v>0</v>
      </c>
      <c r="LA28" s="145"/>
      <c r="LB28" s="119">
        <v>0</v>
      </c>
      <c r="LC28" s="119">
        <v>0</v>
      </c>
      <c r="LD28" s="119">
        <v>0</v>
      </c>
      <c r="LE28" s="119">
        <v>0</v>
      </c>
      <c r="LF28" s="119">
        <v>0</v>
      </c>
      <c r="LG28" s="120">
        <v>0</v>
      </c>
      <c r="LH28" s="121">
        <v>0</v>
      </c>
      <c r="LI28" s="142">
        <v>0</v>
      </c>
      <c r="LJ28" s="119">
        <v>0</v>
      </c>
      <c r="LK28" s="120">
        <v>0</v>
      </c>
      <c r="LL28" s="145"/>
      <c r="LM28" s="119">
        <v>0</v>
      </c>
      <c r="LN28" s="119">
        <v>0</v>
      </c>
      <c r="LO28" s="119">
        <v>0</v>
      </c>
      <c r="LP28" s="119">
        <v>0</v>
      </c>
      <c r="LQ28" s="119">
        <v>0</v>
      </c>
      <c r="LR28" s="120">
        <v>0</v>
      </c>
      <c r="LS28" s="321">
        <v>0</v>
      </c>
      <c r="LT28" s="142">
        <v>0</v>
      </c>
      <c r="LU28" s="119">
        <v>0</v>
      </c>
      <c r="LV28" s="120">
        <v>0</v>
      </c>
      <c r="LW28" s="145"/>
      <c r="LX28" s="119">
        <v>0</v>
      </c>
      <c r="LY28" s="119">
        <v>0</v>
      </c>
      <c r="LZ28" s="119">
        <v>0</v>
      </c>
      <c r="MA28" s="119">
        <v>0</v>
      </c>
      <c r="MB28" s="119">
        <v>0</v>
      </c>
      <c r="MC28" s="120">
        <v>0</v>
      </c>
      <c r="MD28" s="121">
        <v>0</v>
      </c>
      <c r="ME28" s="142">
        <v>0</v>
      </c>
      <c r="MF28" s="119">
        <v>0</v>
      </c>
      <c r="MG28" s="120">
        <v>0</v>
      </c>
      <c r="MH28" s="145"/>
      <c r="MI28" s="119">
        <v>215587</v>
      </c>
      <c r="MJ28" s="119">
        <v>249840</v>
      </c>
      <c r="MK28" s="119">
        <v>1059051</v>
      </c>
      <c r="ML28" s="119">
        <v>1859389</v>
      </c>
      <c r="MM28" s="119">
        <v>159929</v>
      </c>
      <c r="MN28" s="120">
        <v>3543796</v>
      </c>
      <c r="MO28" s="143">
        <v>3543796</v>
      </c>
      <c r="MP28" s="142">
        <v>0</v>
      </c>
      <c r="MQ28" s="119">
        <v>0</v>
      </c>
      <c r="MR28" s="120">
        <v>0</v>
      </c>
      <c r="MS28" s="145"/>
      <c r="MT28" s="119">
        <v>215587</v>
      </c>
      <c r="MU28" s="119">
        <v>0</v>
      </c>
      <c r="MV28" s="119">
        <v>743437</v>
      </c>
      <c r="MW28" s="119">
        <v>716107</v>
      </c>
      <c r="MX28" s="119">
        <v>159929</v>
      </c>
      <c r="MY28" s="120">
        <v>1835060</v>
      </c>
      <c r="MZ28" s="143">
        <v>1835060</v>
      </c>
      <c r="NA28" s="142">
        <v>0</v>
      </c>
      <c r="NB28" s="119">
        <v>0</v>
      </c>
      <c r="NC28" s="120">
        <v>0</v>
      </c>
      <c r="ND28" s="145"/>
      <c r="NE28" s="119">
        <v>0</v>
      </c>
      <c r="NF28" s="119">
        <v>249840</v>
      </c>
      <c r="NG28" s="119">
        <v>315614</v>
      </c>
      <c r="NH28" s="119">
        <v>1143282</v>
      </c>
      <c r="NI28" s="119">
        <v>0</v>
      </c>
      <c r="NJ28" s="120">
        <v>1708736</v>
      </c>
      <c r="NK28" s="321">
        <v>1708736</v>
      </c>
      <c r="NL28" s="142">
        <v>0</v>
      </c>
      <c r="NM28" s="119">
        <v>0</v>
      </c>
      <c r="NN28" s="120">
        <v>0</v>
      </c>
      <c r="NO28" s="145"/>
      <c r="NP28" s="119">
        <v>0</v>
      </c>
      <c r="NQ28" s="119">
        <v>0</v>
      </c>
      <c r="NR28" s="119">
        <v>0</v>
      </c>
      <c r="NS28" s="119">
        <v>0</v>
      </c>
      <c r="NT28" s="119">
        <v>0</v>
      </c>
      <c r="NU28" s="120">
        <v>0</v>
      </c>
      <c r="NV28" s="121">
        <v>0</v>
      </c>
      <c r="NW28" s="142">
        <v>0</v>
      </c>
      <c r="NX28" s="119">
        <v>0</v>
      </c>
      <c r="NY28" s="120">
        <v>0</v>
      </c>
      <c r="NZ28" s="145"/>
      <c r="OA28" s="119">
        <v>0</v>
      </c>
      <c r="OB28" s="119">
        <v>0</v>
      </c>
      <c r="OC28" s="119">
        <v>0</v>
      </c>
      <c r="OD28" s="119">
        <v>0</v>
      </c>
      <c r="OE28" s="119">
        <v>0</v>
      </c>
      <c r="OF28" s="120">
        <v>0</v>
      </c>
      <c r="OG28" s="121">
        <v>0</v>
      </c>
      <c r="OH28" s="142">
        <v>139091</v>
      </c>
      <c r="OI28" s="119">
        <v>345489</v>
      </c>
      <c r="OJ28" s="141">
        <v>484580</v>
      </c>
      <c r="OK28" s="118">
        <v>0</v>
      </c>
      <c r="OL28" s="119">
        <v>3480719</v>
      </c>
      <c r="OM28" s="119">
        <v>2803752</v>
      </c>
      <c r="ON28" s="119">
        <v>3671153</v>
      </c>
      <c r="OO28" s="119">
        <v>4698243</v>
      </c>
      <c r="OP28" s="119">
        <v>859784</v>
      </c>
      <c r="OQ28" s="120">
        <v>15513651</v>
      </c>
      <c r="OR28" s="143">
        <v>15998231</v>
      </c>
    </row>
    <row r="29" spans="1:408" ht="20.25" customHeight="1" x14ac:dyDescent="0.2">
      <c r="A29" s="126" t="s">
        <v>24</v>
      </c>
      <c r="B29" s="110">
        <v>291992</v>
      </c>
      <c r="C29" s="114">
        <v>357465</v>
      </c>
      <c r="D29" s="113">
        <v>649457</v>
      </c>
      <c r="E29" s="109">
        <v>0</v>
      </c>
      <c r="F29" s="114">
        <v>2752844</v>
      </c>
      <c r="G29" s="114">
        <v>1714221</v>
      </c>
      <c r="H29" s="114">
        <v>1718927</v>
      </c>
      <c r="I29" s="114">
        <v>2133402</v>
      </c>
      <c r="J29" s="114">
        <v>942133</v>
      </c>
      <c r="K29" s="173">
        <v>9261527</v>
      </c>
      <c r="L29" s="116">
        <v>9910984</v>
      </c>
      <c r="M29" s="110">
        <v>109830</v>
      </c>
      <c r="N29" s="114">
        <v>138279</v>
      </c>
      <c r="O29" s="113">
        <v>248109</v>
      </c>
      <c r="P29" s="110">
        <v>0</v>
      </c>
      <c r="Q29" s="114">
        <v>987694</v>
      </c>
      <c r="R29" s="114">
        <v>642431</v>
      </c>
      <c r="S29" s="114">
        <v>419042</v>
      </c>
      <c r="T29" s="114">
        <v>1046855</v>
      </c>
      <c r="U29" s="114">
        <v>514699</v>
      </c>
      <c r="V29" s="113">
        <v>3610721</v>
      </c>
      <c r="W29" s="116">
        <v>3858830</v>
      </c>
      <c r="X29" s="110">
        <v>0</v>
      </c>
      <c r="Y29" s="114">
        <v>0</v>
      </c>
      <c r="Z29" s="113">
        <v>0</v>
      </c>
      <c r="AA29" s="110">
        <v>0</v>
      </c>
      <c r="AB29" s="114">
        <v>264579</v>
      </c>
      <c r="AC29" s="114">
        <v>297428</v>
      </c>
      <c r="AD29" s="114">
        <v>16300</v>
      </c>
      <c r="AE29" s="114">
        <v>748700</v>
      </c>
      <c r="AF29" s="114">
        <v>155039</v>
      </c>
      <c r="AG29" s="113">
        <v>1482046</v>
      </c>
      <c r="AH29" s="116">
        <v>1482046</v>
      </c>
      <c r="AI29" s="110">
        <v>0</v>
      </c>
      <c r="AJ29" s="114">
        <v>0</v>
      </c>
      <c r="AK29" s="113">
        <v>0</v>
      </c>
      <c r="AL29" s="110">
        <v>0</v>
      </c>
      <c r="AM29" s="114">
        <v>0</v>
      </c>
      <c r="AN29" s="114">
        <v>0</v>
      </c>
      <c r="AO29" s="114">
        <v>0</v>
      </c>
      <c r="AP29" s="114">
        <v>47806</v>
      </c>
      <c r="AQ29" s="114">
        <v>176710</v>
      </c>
      <c r="AR29" s="113">
        <v>224516</v>
      </c>
      <c r="AS29" s="116">
        <v>224516</v>
      </c>
      <c r="AT29" s="110">
        <v>56526</v>
      </c>
      <c r="AU29" s="114">
        <v>34560</v>
      </c>
      <c r="AV29" s="113">
        <v>91086</v>
      </c>
      <c r="AW29" s="110">
        <v>0</v>
      </c>
      <c r="AX29" s="114">
        <v>484015</v>
      </c>
      <c r="AY29" s="114">
        <v>252843</v>
      </c>
      <c r="AZ29" s="114">
        <v>272342</v>
      </c>
      <c r="BA29" s="114">
        <v>160680</v>
      </c>
      <c r="BB29" s="114">
        <v>133638</v>
      </c>
      <c r="BC29" s="113">
        <v>1303518</v>
      </c>
      <c r="BD29" s="116">
        <v>1394604</v>
      </c>
      <c r="BE29" s="110">
        <v>30904</v>
      </c>
      <c r="BF29" s="114">
        <v>46791</v>
      </c>
      <c r="BG29" s="112">
        <v>77695</v>
      </c>
      <c r="BH29" s="111">
        <v>0</v>
      </c>
      <c r="BI29" s="114">
        <v>67284</v>
      </c>
      <c r="BJ29" s="114">
        <v>0</v>
      </c>
      <c r="BK29" s="114">
        <v>0</v>
      </c>
      <c r="BL29" s="114">
        <v>10853</v>
      </c>
      <c r="BM29" s="114">
        <v>0</v>
      </c>
      <c r="BN29" s="113">
        <v>78137</v>
      </c>
      <c r="BO29" s="116">
        <v>155832</v>
      </c>
      <c r="BP29" s="110">
        <v>22400</v>
      </c>
      <c r="BQ29" s="114">
        <v>56928</v>
      </c>
      <c r="BR29" s="113">
        <v>79328</v>
      </c>
      <c r="BS29" s="110">
        <v>0</v>
      </c>
      <c r="BT29" s="114">
        <v>171816</v>
      </c>
      <c r="BU29" s="114">
        <v>92160</v>
      </c>
      <c r="BV29" s="114">
        <v>130400</v>
      </c>
      <c r="BW29" s="114">
        <v>78816</v>
      </c>
      <c r="BX29" s="114">
        <v>49312</v>
      </c>
      <c r="BY29" s="113">
        <v>522504</v>
      </c>
      <c r="BZ29" s="116">
        <v>601832</v>
      </c>
      <c r="CA29" s="110">
        <v>40926</v>
      </c>
      <c r="CB29" s="114">
        <v>111480</v>
      </c>
      <c r="CC29" s="113">
        <v>152406</v>
      </c>
      <c r="CD29" s="110">
        <v>0</v>
      </c>
      <c r="CE29" s="114">
        <v>737769</v>
      </c>
      <c r="CF29" s="114">
        <v>593400</v>
      </c>
      <c r="CG29" s="114">
        <v>574899</v>
      </c>
      <c r="CH29" s="114">
        <v>209015</v>
      </c>
      <c r="CI29" s="114">
        <v>0</v>
      </c>
      <c r="CJ29" s="113">
        <v>2115083</v>
      </c>
      <c r="CK29" s="116">
        <v>2267489</v>
      </c>
      <c r="CL29" s="110">
        <v>0</v>
      </c>
      <c r="CM29" s="114">
        <v>0</v>
      </c>
      <c r="CN29" s="113">
        <v>0</v>
      </c>
      <c r="CO29" s="111">
        <v>0</v>
      </c>
      <c r="CP29" s="114">
        <v>557587</v>
      </c>
      <c r="CQ29" s="114">
        <v>385702</v>
      </c>
      <c r="CR29" s="114">
        <v>445545</v>
      </c>
      <c r="CS29" s="114">
        <v>209015</v>
      </c>
      <c r="CT29" s="114">
        <v>0</v>
      </c>
      <c r="CU29" s="113">
        <v>1597849</v>
      </c>
      <c r="CV29" s="116">
        <v>1597849</v>
      </c>
      <c r="CW29" s="110">
        <v>40926</v>
      </c>
      <c r="CX29" s="114">
        <v>111480</v>
      </c>
      <c r="CY29" s="113">
        <v>152406</v>
      </c>
      <c r="CZ29" s="110">
        <v>0</v>
      </c>
      <c r="DA29" s="114">
        <v>180182</v>
      </c>
      <c r="DB29" s="114">
        <v>207698</v>
      </c>
      <c r="DC29" s="114">
        <v>129354</v>
      </c>
      <c r="DD29" s="114">
        <v>0</v>
      </c>
      <c r="DE29" s="114">
        <v>0</v>
      </c>
      <c r="DF29" s="113">
        <v>517234</v>
      </c>
      <c r="DG29" s="116">
        <v>669640</v>
      </c>
      <c r="DH29" s="110">
        <v>0</v>
      </c>
      <c r="DI29" s="114">
        <v>0</v>
      </c>
      <c r="DJ29" s="112">
        <v>0</v>
      </c>
      <c r="DK29" s="111">
        <v>0</v>
      </c>
      <c r="DL29" s="114">
        <v>51112</v>
      </c>
      <c r="DM29" s="114">
        <v>0</v>
      </c>
      <c r="DN29" s="114">
        <v>96738</v>
      </c>
      <c r="DO29" s="114">
        <v>398272</v>
      </c>
      <c r="DP29" s="114">
        <v>161692</v>
      </c>
      <c r="DQ29" s="113">
        <v>707814</v>
      </c>
      <c r="DR29" s="116">
        <v>707814</v>
      </c>
      <c r="DS29" s="110">
        <v>0</v>
      </c>
      <c r="DT29" s="114">
        <v>0</v>
      </c>
      <c r="DU29" s="113">
        <v>0</v>
      </c>
      <c r="DV29" s="110">
        <v>0</v>
      </c>
      <c r="DW29" s="114">
        <v>51112</v>
      </c>
      <c r="DX29" s="114">
        <v>0</v>
      </c>
      <c r="DY29" s="114">
        <v>96738</v>
      </c>
      <c r="DZ29" s="114">
        <v>398272</v>
      </c>
      <c r="EA29" s="114">
        <v>161692</v>
      </c>
      <c r="EB29" s="113">
        <v>707814</v>
      </c>
      <c r="EC29" s="116">
        <v>707814</v>
      </c>
      <c r="ED29" s="110">
        <v>0</v>
      </c>
      <c r="EE29" s="112">
        <v>0</v>
      </c>
      <c r="EF29" s="113">
        <v>0</v>
      </c>
      <c r="EG29" s="110">
        <v>0</v>
      </c>
      <c r="EH29" s="114">
        <v>0</v>
      </c>
      <c r="EI29" s="114">
        <v>0</v>
      </c>
      <c r="EJ29" s="114">
        <v>0</v>
      </c>
      <c r="EK29" s="114">
        <v>0</v>
      </c>
      <c r="EL29" s="114">
        <v>0</v>
      </c>
      <c r="EM29" s="112">
        <v>0</v>
      </c>
      <c r="EN29" s="116">
        <v>0</v>
      </c>
      <c r="EO29" s="110">
        <v>0</v>
      </c>
      <c r="EP29" s="114">
        <v>0</v>
      </c>
      <c r="EQ29" s="112">
        <v>0</v>
      </c>
      <c r="ER29" s="111">
        <v>0</v>
      </c>
      <c r="ES29" s="114">
        <v>0</v>
      </c>
      <c r="ET29" s="114">
        <v>0</v>
      </c>
      <c r="EU29" s="114">
        <v>0</v>
      </c>
      <c r="EV29" s="114">
        <v>0</v>
      </c>
      <c r="EW29" s="114">
        <v>0</v>
      </c>
      <c r="EX29" s="113">
        <v>0</v>
      </c>
      <c r="EY29" s="116">
        <v>0</v>
      </c>
      <c r="EZ29" s="110">
        <v>0</v>
      </c>
      <c r="FA29" s="114">
        <v>0</v>
      </c>
      <c r="FB29" s="112">
        <v>0</v>
      </c>
      <c r="FC29" s="348"/>
      <c r="FD29" s="114">
        <v>0</v>
      </c>
      <c r="FE29" s="114">
        <v>0</v>
      </c>
      <c r="FF29" s="114">
        <v>0</v>
      </c>
      <c r="FG29" s="114">
        <v>0</v>
      </c>
      <c r="FH29" s="114">
        <v>0</v>
      </c>
      <c r="FI29" s="113">
        <v>0</v>
      </c>
      <c r="FJ29" s="116">
        <v>0</v>
      </c>
      <c r="FK29" s="110">
        <v>39680</v>
      </c>
      <c r="FL29" s="114">
        <v>20880</v>
      </c>
      <c r="FM29" s="113">
        <v>60560</v>
      </c>
      <c r="FN29" s="110">
        <v>0</v>
      </c>
      <c r="FO29" s="114">
        <v>120896</v>
      </c>
      <c r="FP29" s="114">
        <v>136760</v>
      </c>
      <c r="FQ29" s="114">
        <v>79184</v>
      </c>
      <c r="FR29" s="114">
        <v>272024</v>
      </c>
      <c r="FS29" s="114">
        <v>45176</v>
      </c>
      <c r="FT29" s="113">
        <v>654040</v>
      </c>
      <c r="FU29" s="116">
        <v>714600</v>
      </c>
      <c r="FV29" s="115">
        <v>39680</v>
      </c>
      <c r="FW29" s="114">
        <v>20880</v>
      </c>
      <c r="FX29" s="112">
        <v>60560</v>
      </c>
      <c r="FY29" s="111">
        <v>0</v>
      </c>
      <c r="FZ29" s="114">
        <v>120896</v>
      </c>
      <c r="GA29" s="114">
        <v>136760</v>
      </c>
      <c r="GB29" s="114">
        <v>79184</v>
      </c>
      <c r="GC29" s="114">
        <v>272024</v>
      </c>
      <c r="GD29" s="114">
        <v>45176</v>
      </c>
      <c r="GE29" s="113">
        <v>654040</v>
      </c>
      <c r="GF29" s="319">
        <v>714600</v>
      </c>
      <c r="GG29" s="115">
        <v>0</v>
      </c>
      <c r="GH29" s="114">
        <v>0</v>
      </c>
      <c r="GI29" s="112">
        <v>0</v>
      </c>
      <c r="GJ29" s="111">
        <v>0</v>
      </c>
      <c r="GK29" s="114">
        <v>0</v>
      </c>
      <c r="GL29" s="114">
        <v>0</v>
      </c>
      <c r="GM29" s="114">
        <v>0</v>
      </c>
      <c r="GN29" s="114">
        <v>0</v>
      </c>
      <c r="GO29" s="114">
        <v>0</v>
      </c>
      <c r="GP29" s="113">
        <v>0</v>
      </c>
      <c r="GQ29" s="116">
        <v>0</v>
      </c>
      <c r="GR29" s="110">
        <v>0</v>
      </c>
      <c r="GS29" s="114">
        <v>0</v>
      </c>
      <c r="GT29" s="113">
        <v>0</v>
      </c>
      <c r="GU29" s="110">
        <v>0</v>
      </c>
      <c r="GV29" s="114">
        <v>0</v>
      </c>
      <c r="GW29" s="114">
        <v>0</v>
      </c>
      <c r="GX29" s="114">
        <v>0</v>
      </c>
      <c r="GY29" s="114">
        <v>0</v>
      </c>
      <c r="GZ29" s="114">
        <v>0</v>
      </c>
      <c r="HA29" s="112">
        <v>0</v>
      </c>
      <c r="HB29" s="116">
        <v>0</v>
      </c>
      <c r="HC29" s="110">
        <v>101556</v>
      </c>
      <c r="HD29" s="114">
        <v>86826</v>
      </c>
      <c r="HE29" s="112">
        <v>188382</v>
      </c>
      <c r="HF29" s="111">
        <v>0</v>
      </c>
      <c r="HG29" s="114">
        <v>855373</v>
      </c>
      <c r="HH29" s="114">
        <v>341630</v>
      </c>
      <c r="HI29" s="114">
        <v>549064</v>
      </c>
      <c r="HJ29" s="114">
        <v>207236</v>
      </c>
      <c r="HK29" s="114">
        <v>220566</v>
      </c>
      <c r="HL29" s="113">
        <v>2173869</v>
      </c>
      <c r="HM29" s="109">
        <v>2362251</v>
      </c>
      <c r="HN29" s="329"/>
      <c r="HO29" s="330"/>
      <c r="HP29" s="331"/>
      <c r="HQ29" s="332"/>
      <c r="HR29" s="330"/>
      <c r="HS29" s="330"/>
      <c r="HT29" s="330"/>
      <c r="HU29" s="330"/>
      <c r="HV29" s="330"/>
      <c r="HW29" s="333"/>
      <c r="HX29" s="334"/>
      <c r="HY29" s="131">
        <v>0</v>
      </c>
      <c r="HZ29" s="132">
        <v>0</v>
      </c>
      <c r="IA29" s="133">
        <v>0</v>
      </c>
      <c r="IB29" s="146">
        <v>0</v>
      </c>
      <c r="IC29" s="132">
        <v>215802</v>
      </c>
      <c r="ID29" s="147">
        <v>148512</v>
      </c>
      <c r="IE29" s="133">
        <v>971173</v>
      </c>
      <c r="IF29" s="132">
        <v>276746</v>
      </c>
      <c r="IG29" s="133">
        <v>0</v>
      </c>
      <c r="IH29" s="148">
        <v>1612233</v>
      </c>
      <c r="II29" s="139">
        <v>1612233</v>
      </c>
      <c r="IJ29" s="232">
        <v>0</v>
      </c>
      <c r="IK29" s="236">
        <v>0</v>
      </c>
      <c r="IL29" s="237">
        <v>0</v>
      </c>
      <c r="IM29" s="140"/>
      <c r="IN29" s="119">
        <v>0</v>
      </c>
      <c r="IO29" s="119">
        <v>0</v>
      </c>
      <c r="IP29" s="119">
        <v>0</v>
      </c>
      <c r="IQ29" s="119">
        <v>0</v>
      </c>
      <c r="IR29" s="119">
        <v>0</v>
      </c>
      <c r="IS29" s="141">
        <v>0</v>
      </c>
      <c r="IT29" s="321">
        <v>0</v>
      </c>
      <c r="IU29" s="142">
        <v>0</v>
      </c>
      <c r="IV29" s="119">
        <v>0</v>
      </c>
      <c r="IW29" s="120">
        <v>0</v>
      </c>
      <c r="IX29" s="144"/>
      <c r="IY29" s="119">
        <v>0</v>
      </c>
      <c r="IZ29" s="119">
        <v>0</v>
      </c>
      <c r="JA29" s="119">
        <v>0</v>
      </c>
      <c r="JB29" s="119">
        <v>0</v>
      </c>
      <c r="JC29" s="119">
        <v>0</v>
      </c>
      <c r="JD29" s="120">
        <v>0</v>
      </c>
      <c r="JE29" s="121">
        <v>0</v>
      </c>
      <c r="JF29" s="142">
        <v>0</v>
      </c>
      <c r="JG29" s="119">
        <v>0</v>
      </c>
      <c r="JH29" s="141">
        <v>0</v>
      </c>
      <c r="JI29" s="118">
        <v>0</v>
      </c>
      <c r="JJ29" s="119">
        <v>107421</v>
      </c>
      <c r="JK29" s="119">
        <v>0</v>
      </c>
      <c r="JL29" s="119">
        <v>377056</v>
      </c>
      <c r="JM29" s="119">
        <v>42796</v>
      </c>
      <c r="JN29" s="119">
        <v>0</v>
      </c>
      <c r="JO29" s="120">
        <v>527273</v>
      </c>
      <c r="JP29" s="321">
        <v>527273</v>
      </c>
      <c r="JQ29" s="142">
        <v>0</v>
      </c>
      <c r="JR29" s="119">
        <v>0</v>
      </c>
      <c r="JS29" s="141">
        <v>0</v>
      </c>
      <c r="JT29" s="118">
        <v>0</v>
      </c>
      <c r="JU29" s="119">
        <v>0</v>
      </c>
      <c r="JV29" s="119">
        <v>0</v>
      </c>
      <c r="JW29" s="119">
        <v>135173</v>
      </c>
      <c r="JX29" s="119">
        <v>0</v>
      </c>
      <c r="JY29" s="119">
        <v>0</v>
      </c>
      <c r="JZ29" s="120">
        <v>135173</v>
      </c>
      <c r="KA29" s="321">
        <v>135173</v>
      </c>
      <c r="KB29" s="234">
        <v>0</v>
      </c>
      <c r="KC29" s="230">
        <v>0</v>
      </c>
      <c r="KD29" s="120">
        <v>0</v>
      </c>
      <c r="KE29" s="118">
        <v>0</v>
      </c>
      <c r="KF29" s="119">
        <v>108381</v>
      </c>
      <c r="KG29" s="119">
        <v>148512</v>
      </c>
      <c r="KH29" s="119">
        <v>0</v>
      </c>
      <c r="KI29" s="119">
        <v>0</v>
      </c>
      <c r="KJ29" s="119">
        <v>0</v>
      </c>
      <c r="KK29" s="120">
        <v>256893</v>
      </c>
      <c r="KL29" s="143">
        <v>256893</v>
      </c>
      <c r="KM29" s="232">
        <v>0</v>
      </c>
      <c r="KN29" s="236">
        <v>0</v>
      </c>
      <c r="KO29" s="237">
        <v>0</v>
      </c>
      <c r="KP29" s="140"/>
      <c r="KQ29" s="119">
        <v>0</v>
      </c>
      <c r="KR29" s="119">
        <v>0</v>
      </c>
      <c r="KS29" s="119">
        <v>458944</v>
      </c>
      <c r="KT29" s="119">
        <v>233950</v>
      </c>
      <c r="KU29" s="119">
        <v>0</v>
      </c>
      <c r="KV29" s="120">
        <v>692894</v>
      </c>
      <c r="KW29" s="321">
        <v>692894</v>
      </c>
      <c r="KX29" s="142">
        <v>0</v>
      </c>
      <c r="KY29" s="119">
        <v>0</v>
      </c>
      <c r="KZ29" s="120">
        <v>0</v>
      </c>
      <c r="LA29" s="145"/>
      <c r="LB29" s="119">
        <v>0</v>
      </c>
      <c r="LC29" s="119">
        <v>0</v>
      </c>
      <c r="LD29" s="119">
        <v>0</v>
      </c>
      <c r="LE29" s="119">
        <v>0</v>
      </c>
      <c r="LF29" s="119">
        <v>0</v>
      </c>
      <c r="LG29" s="120">
        <v>0</v>
      </c>
      <c r="LH29" s="121">
        <v>0</v>
      </c>
      <c r="LI29" s="142">
        <v>0</v>
      </c>
      <c r="LJ29" s="119">
        <v>0</v>
      </c>
      <c r="LK29" s="120">
        <v>0</v>
      </c>
      <c r="LL29" s="145"/>
      <c r="LM29" s="119">
        <v>0</v>
      </c>
      <c r="LN29" s="119">
        <v>0</v>
      </c>
      <c r="LO29" s="119">
        <v>0</v>
      </c>
      <c r="LP29" s="119">
        <v>0</v>
      </c>
      <c r="LQ29" s="119">
        <v>0</v>
      </c>
      <c r="LR29" s="120">
        <v>0</v>
      </c>
      <c r="LS29" s="321">
        <v>0</v>
      </c>
      <c r="LT29" s="142">
        <v>0</v>
      </c>
      <c r="LU29" s="119">
        <v>0</v>
      </c>
      <c r="LV29" s="120">
        <v>0</v>
      </c>
      <c r="LW29" s="145"/>
      <c r="LX29" s="119">
        <v>0</v>
      </c>
      <c r="LY29" s="119">
        <v>0</v>
      </c>
      <c r="LZ29" s="119">
        <v>0</v>
      </c>
      <c r="MA29" s="119">
        <v>0</v>
      </c>
      <c r="MB29" s="119">
        <v>0</v>
      </c>
      <c r="MC29" s="120">
        <v>0</v>
      </c>
      <c r="MD29" s="121">
        <v>0</v>
      </c>
      <c r="ME29" s="142">
        <v>0</v>
      </c>
      <c r="MF29" s="119">
        <v>0</v>
      </c>
      <c r="MG29" s="120">
        <v>0</v>
      </c>
      <c r="MH29" s="145"/>
      <c r="MI29" s="119">
        <v>89464</v>
      </c>
      <c r="MJ29" s="119">
        <v>69989</v>
      </c>
      <c r="MK29" s="119">
        <v>846993</v>
      </c>
      <c r="ML29" s="119">
        <v>1671933</v>
      </c>
      <c r="MM29" s="119">
        <v>1022570</v>
      </c>
      <c r="MN29" s="120">
        <v>3700949</v>
      </c>
      <c r="MO29" s="143">
        <v>3700949</v>
      </c>
      <c r="MP29" s="142">
        <v>0</v>
      </c>
      <c r="MQ29" s="119">
        <v>0</v>
      </c>
      <c r="MR29" s="120">
        <v>0</v>
      </c>
      <c r="MS29" s="145"/>
      <c r="MT29" s="119">
        <v>0</v>
      </c>
      <c r="MU29" s="119">
        <v>0</v>
      </c>
      <c r="MV29" s="119">
        <v>0</v>
      </c>
      <c r="MW29" s="119">
        <v>845351</v>
      </c>
      <c r="MX29" s="119">
        <v>1022570</v>
      </c>
      <c r="MY29" s="120">
        <v>1867921</v>
      </c>
      <c r="MZ29" s="143">
        <v>1867921</v>
      </c>
      <c r="NA29" s="142">
        <v>0</v>
      </c>
      <c r="NB29" s="119">
        <v>0</v>
      </c>
      <c r="NC29" s="120">
        <v>0</v>
      </c>
      <c r="ND29" s="145"/>
      <c r="NE29" s="119">
        <v>89464</v>
      </c>
      <c r="NF29" s="119">
        <v>69989</v>
      </c>
      <c r="NG29" s="119">
        <v>846993</v>
      </c>
      <c r="NH29" s="119">
        <v>826582</v>
      </c>
      <c r="NI29" s="119">
        <v>0</v>
      </c>
      <c r="NJ29" s="120">
        <v>1833028</v>
      </c>
      <c r="NK29" s="321">
        <v>1833028</v>
      </c>
      <c r="NL29" s="142">
        <v>0</v>
      </c>
      <c r="NM29" s="119">
        <v>0</v>
      </c>
      <c r="NN29" s="120">
        <v>0</v>
      </c>
      <c r="NO29" s="145"/>
      <c r="NP29" s="119">
        <v>0</v>
      </c>
      <c r="NQ29" s="119">
        <v>0</v>
      </c>
      <c r="NR29" s="119">
        <v>0</v>
      </c>
      <c r="NS29" s="119">
        <v>0</v>
      </c>
      <c r="NT29" s="119">
        <v>0</v>
      </c>
      <c r="NU29" s="120">
        <v>0</v>
      </c>
      <c r="NV29" s="121">
        <v>0</v>
      </c>
      <c r="NW29" s="142">
        <v>0</v>
      </c>
      <c r="NX29" s="119">
        <v>0</v>
      </c>
      <c r="NY29" s="120">
        <v>0</v>
      </c>
      <c r="NZ29" s="145"/>
      <c r="OA29" s="119">
        <v>0</v>
      </c>
      <c r="OB29" s="119">
        <v>0</v>
      </c>
      <c r="OC29" s="119">
        <v>0</v>
      </c>
      <c r="OD29" s="119">
        <v>0</v>
      </c>
      <c r="OE29" s="119">
        <v>0</v>
      </c>
      <c r="OF29" s="120">
        <v>0</v>
      </c>
      <c r="OG29" s="121">
        <v>0</v>
      </c>
      <c r="OH29" s="142">
        <v>291992</v>
      </c>
      <c r="OI29" s="119">
        <v>357465</v>
      </c>
      <c r="OJ29" s="141">
        <v>649457</v>
      </c>
      <c r="OK29" s="118">
        <v>0</v>
      </c>
      <c r="OL29" s="119">
        <v>3058110</v>
      </c>
      <c r="OM29" s="119">
        <v>1932722</v>
      </c>
      <c r="ON29" s="119">
        <v>3537093</v>
      </c>
      <c r="OO29" s="119">
        <v>4082081</v>
      </c>
      <c r="OP29" s="119">
        <v>1964703</v>
      </c>
      <c r="OQ29" s="120">
        <v>14574709</v>
      </c>
      <c r="OR29" s="143">
        <v>15224166</v>
      </c>
    </row>
    <row r="30" spans="1:408" ht="20.25" customHeight="1" x14ac:dyDescent="0.2">
      <c r="A30" s="126" t="s">
        <v>25</v>
      </c>
      <c r="B30" s="110">
        <v>15000</v>
      </c>
      <c r="C30" s="114">
        <v>390295</v>
      </c>
      <c r="D30" s="113">
        <v>405295</v>
      </c>
      <c r="E30" s="109">
        <v>0</v>
      </c>
      <c r="F30" s="114">
        <v>2042415</v>
      </c>
      <c r="G30" s="114">
        <v>765394</v>
      </c>
      <c r="H30" s="114">
        <v>932351</v>
      </c>
      <c r="I30" s="114">
        <v>1810544</v>
      </c>
      <c r="J30" s="114">
        <v>575023</v>
      </c>
      <c r="K30" s="173">
        <v>6125727</v>
      </c>
      <c r="L30" s="116">
        <v>6531022</v>
      </c>
      <c r="M30" s="110">
        <v>0</v>
      </c>
      <c r="N30" s="114">
        <v>115231</v>
      </c>
      <c r="O30" s="113">
        <v>115231</v>
      </c>
      <c r="P30" s="110">
        <v>0</v>
      </c>
      <c r="Q30" s="114">
        <v>380271</v>
      </c>
      <c r="R30" s="114">
        <v>167502</v>
      </c>
      <c r="S30" s="114">
        <v>349302</v>
      </c>
      <c r="T30" s="114">
        <v>627396</v>
      </c>
      <c r="U30" s="114">
        <v>228789</v>
      </c>
      <c r="V30" s="113">
        <v>1753260</v>
      </c>
      <c r="W30" s="116">
        <v>1868491</v>
      </c>
      <c r="X30" s="110">
        <v>0</v>
      </c>
      <c r="Y30" s="114">
        <v>0</v>
      </c>
      <c r="Z30" s="113">
        <v>0</v>
      </c>
      <c r="AA30" s="110">
        <v>0</v>
      </c>
      <c r="AB30" s="114">
        <v>111477</v>
      </c>
      <c r="AC30" s="114">
        <v>60295</v>
      </c>
      <c r="AD30" s="114">
        <v>210172</v>
      </c>
      <c r="AE30" s="114">
        <v>231626</v>
      </c>
      <c r="AF30" s="114">
        <v>28248</v>
      </c>
      <c r="AG30" s="113">
        <v>641818</v>
      </c>
      <c r="AH30" s="116">
        <v>641818</v>
      </c>
      <c r="AI30" s="110">
        <v>0</v>
      </c>
      <c r="AJ30" s="114">
        <v>0</v>
      </c>
      <c r="AK30" s="113">
        <v>0</v>
      </c>
      <c r="AL30" s="110">
        <v>0</v>
      </c>
      <c r="AM30" s="114">
        <v>0</v>
      </c>
      <c r="AN30" s="114">
        <v>0</v>
      </c>
      <c r="AO30" s="114">
        <v>45641</v>
      </c>
      <c r="AP30" s="114">
        <v>291912</v>
      </c>
      <c r="AQ30" s="114">
        <v>102702</v>
      </c>
      <c r="AR30" s="113">
        <v>440255</v>
      </c>
      <c r="AS30" s="116">
        <v>440255</v>
      </c>
      <c r="AT30" s="110">
        <v>0</v>
      </c>
      <c r="AU30" s="114">
        <v>71127</v>
      </c>
      <c r="AV30" s="113">
        <v>71127</v>
      </c>
      <c r="AW30" s="110">
        <v>0</v>
      </c>
      <c r="AX30" s="114">
        <v>162058</v>
      </c>
      <c r="AY30" s="114">
        <v>103319</v>
      </c>
      <c r="AZ30" s="114">
        <v>46651</v>
      </c>
      <c r="BA30" s="114">
        <v>80162</v>
      </c>
      <c r="BB30" s="114">
        <v>49656</v>
      </c>
      <c r="BC30" s="113">
        <v>441846</v>
      </c>
      <c r="BD30" s="116">
        <v>512973</v>
      </c>
      <c r="BE30" s="110">
        <v>0</v>
      </c>
      <c r="BF30" s="114">
        <v>36984</v>
      </c>
      <c r="BG30" s="112">
        <v>36984</v>
      </c>
      <c r="BH30" s="111">
        <v>0</v>
      </c>
      <c r="BI30" s="114">
        <v>0</v>
      </c>
      <c r="BJ30" s="114">
        <v>0</v>
      </c>
      <c r="BK30" s="114">
        <v>27134</v>
      </c>
      <c r="BL30" s="114">
        <v>0</v>
      </c>
      <c r="BM30" s="114">
        <v>43415</v>
      </c>
      <c r="BN30" s="113">
        <v>70549</v>
      </c>
      <c r="BO30" s="116">
        <v>107533</v>
      </c>
      <c r="BP30" s="110">
        <v>0</v>
      </c>
      <c r="BQ30" s="114">
        <v>7120</v>
      </c>
      <c r="BR30" s="113">
        <v>7120</v>
      </c>
      <c r="BS30" s="110">
        <v>0</v>
      </c>
      <c r="BT30" s="114">
        <v>106736</v>
      </c>
      <c r="BU30" s="114">
        <v>3888</v>
      </c>
      <c r="BV30" s="114">
        <v>19704</v>
      </c>
      <c r="BW30" s="114">
        <v>23696</v>
      </c>
      <c r="BX30" s="114">
        <v>4768</v>
      </c>
      <c r="BY30" s="113">
        <v>158792</v>
      </c>
      <c r="BZ30" s="116">
        <v>165912</v>
      </c>
      <c r="CA30" s="110">
        <v>0</v>
      </c>
      <c r="CB30" s="114">
        <v>0</v>
      </c>
      <c r="CC30" s="113">
        <v>0</v>
      </c>
      <c r="CD30" s="110">
        <v>0</v>
      </c>
      <c r="CE30" s="114">
        <v>812983</v>
      </c>
      <c r="CF30" s="114">
        <v>401747</v>
      </c>
      <c r="CG30" s="114">
        <v>215492</v>
      </c>
      <c r="CH30" s="114">
        <v>488331</v>
      </c>
      <c r="CI30" s="114">
        <v>99172</v>
      </c>
      <c r="CJ30" s="113">
        <v>2017725</v>
      </c>
      <c r="CK30" s="116">
        <v>2017725</v>
      </c>
      <c r="CL30" s="110">
        <v>0</v>
      </c>
      <c r="CM30" s="114">
        <v>0</v>
      </c>
      <c r="CN30" s="113">
        <v>0</v>
      </c>
      <c r="CO30" s="111">
        <v>0</v>
      </c>
      <c r="CP30" s="114">
        <v>688138</v>
      </c>
      <c r="CQ30" s="114">
        <v>216999</v>
      </c>
      <c r="CR30" s="114">
        <v>132747</v>
      </c>
      <c r="CS30" s="114">
        <v>372527</v>
      </c>
      <c r="CT30" s="114">
        <v>76174</v>
      </c>
      <c r="CU30" s="113">
        <v>1486585</v>
      </c>
      <c r="CV30" s="116">
        <v>1486585</v>
      </c>
      <c r="CW30" s="110">
        <v>0</v>
      </c>
      <c r="CX30" s="114">
        <v>0</v>
      </c>
      <c r="CY30" s="113">
        <v>0</v>
      </c>
      <c r="CZ30" s="110">
        <v>0</v>
      </c>
      <c r="DA30" s="114">
        <v>124845</v>
      </c>
      <c r="DB30" s="114">
        <v>184748</v>
      </c>
      <c r="DC30" s="114">
        <v>82745</v>
      </c>
      <c r="DD30" s="114">
        <v>115804</v>
      </c>
      <c r="DE30" s="114">
        <v>22998</v>
      </c>
      <c r="DF30" s="113">
        <v>531140</v>
      </c>
      <c r="DG30" s="116">
        <v>531140</v>
      </c>
      <c r="DH30" s="110">
        <v>0</v>
      </c>
      <c r="DI30" s="114">
        <v>0</v>
      </c>
      <c r="DJ30" s="112">
        <v>0</v>
      </c>
      <c r="DK30" s="111">
        <v>0</v>
      </c>
      <c r="DL30" s="114">
        <v>62970</v>
      </c>
      <c r="DM30" s="114">
        <v>12769</v>
      </c>
      <c r="DN30" s="114">
        <v>103655</v>
      </c>
      <c r="DO30" s="114">
        <v>38190</v>
      </c>
      <c r="DP30" s="114">
        <v>194670</v>
      </c>
      <c r="DQ30" s="113">
        <v>412254</v>
      </c>
      <c r="DR30" s="116">
        <v>412254</v>
      </c>
      <c r="DS30" s="110">
        <v>0</v>
      </c>
      <c r="DT30" s="114">
        <v>0</v>
      </c>
      <c r="DU30" s="113">
        <v>0</v>
      </c>
      <c r="DV30" s="110">
        <v>0</v>
      </c>
      <c r="DW30" s="114">
        <v>62970</v>
      </c>
      <c r="DX30" s="114">
        <v>12769</v>
      </c>
      <c r="DY30" s="114">
        <v>49508</v>
      </c>
      <c r="DZ30" s="114">
        <v>38190</v>
      </c>
      <c r="EA30" s="114">
        <v>0</v>
      </c>
      <c r="EB30" s="113">
        <v>163437</v>
      </c>
      <c r="EC30" s="116">
        <v>163437</v>
      </c>
      <c r="ED30" s="110">
        <v>0</v>
      </c>
      <c r="EE30" s="112">
        <v>0</v>
      </c>
      <c r="EF30" s="113">
        <v>0</v>
      </c>
      <c r="EG30" s="110">
        <v>0</v>
      </c>
      <c r="EH30" s="114">
        <v>0</v>
      </c>
      <c r="EI30" s="114">
        <v>0</v>
      </c>
      <c r="EJ30" s="114">
        <v>54147</v>
      </c>
      <c r="EK30" s="114">
        <v>0</v>
      </c>
      <c r="EL30" s="114">
        <v>194670</v>
      </c>
      <c r="EM30" s="112">
        <v>248817</v>
      </c>
      <c r="EN30" s="116">
        <v>248817</v>
      </c>
      <c r="EO30" s="110">
        <v>0</v>
      </c>
      <c r="EP30" s="114">
        <v>0</v>
      </c>
      <c r="EQ30" s="112">
        <v>0</v>
      </c>
      <c r="ER30" s="111">
        <v>0</v>
      </c>
      <c r="ES30" s="114">
        <v>0</v>
      </c>
      <c r="ET30" s="114">
        <v>0</v>
      </c>
      <c r="EU30" s="114">
        <v>0</v>
      </c>
      <c r="EV30" s="114">
        <v>0</v>
      </c>
      <c r="EW30" s="114">
        <v>0</v>
      </c>
      <c r="EX30" s="113">
        <v>0</v>
      </c>
      <c r="EY30" s="116">
        <v>0</v>
      </c>
      <c r="EZ30" s="110">
        <v>0</v>
      </c>
      <c r="FA30" s="114">
        <v>0</v>
      </c>
      <c r="FB30" s="112">
        <v>0</v>
      </c>
      <c r="FC30" s="348"/>
      <c r="FD30" s="114">
        <v>0</v>
      </c>
      <c r="FE30" s="114">
        <v>0</v>
      </c>
      <c r="FF30" s="114">
        <v>0</v>
      </c>
      <c r="FG30" s="114">
        <v>0</v>
      </c>
      <c r="FH30" s="114">
        <v>0</v>
      </c>
      <c r="FI30" s="113">
        <v>0</v>
      </c>
      <c r="FJ30" s="116">
        <v>0</v>
      </c>
      <c r="FK30" s="110">
        <v>15000</v>
      </c>
      <c r="FL30" s="114">
        <v>187360</v>
      </c>
      <c r="FM30" s="113">
        <v>202360</v>
      </c>
      <c r="FN30" s="110">
        <v>0</v>
      </c>
      <c r="FO30" s="114">
        <v>85544</v>
      </c>
      <c r="FP30" s="114">
        <v>183376</v>
      </c>
      <c r="FQ30" s="114">
        <v>67384</v>
      </c>
      <c r="FR30" s="114">
        <v>165872</v>
      </c>
      <c r="FS30" s="114">
        <v>52392</v>
      </c>
      <c r="FT30" s="113">
        <v>554568</v>
      </c>
      <c r="FU30" s="116">
        <v>756928</v>
      </c>
      <c r="FV30" s="115">
        <v>15000</v>
      </c>
      <c r="FW30" s="114">
        <v>14880</v>
      </c>
      <c r="FX30" s="112">
        <v>29880</v>
      </c>
      <c r="FY30" s="111">
        <v>0</v>
      </c>
      <c r="FZ30" s="114">
        <v>65040</v>
      </c>
      <c r="GA30" s="114">
        <v>66832</v>
      </c>
      <c r="GB30" s="114">
        <v>67384</v>
      </c>
      <c r="GC30" s="114">
        <v>165872</v>
      </c>
      <c r="GD30" s="114">
        <v>52392</v>
      </c>
      <c r="GE30" s="113">
        <v>417520</v>
      </c>
      <c r="GF30" s="319">
        <v>447400</v>
      </c>
      <c r="GG30" s="115">
        <v>0</v>
      </c>
      <c r="GH30" s="114">
        <v>66880</v>
      </c>
      <c r="GI30" s="112">
        <v>66880</v>
      </c>
      <c r="GJ30" s="111">
        <v>0</v>
      </c>
      <c r="GK30" s="114">
        <v>0</v>
      </c>
      <c r="GL30" s="114">
        <v>35744</v>
      </c>
      <c r="GM30" s="114">
        <v>0</v>
      </c>
      <c r="GN30" s="114">
        <v>0</v>
      </c>
      <c r="GO30" s="114">
        <v>0</v>
      </c>
      <c r="GP30" s="113">
        <v>35744</v>
      </c>
      <c r="GQ30" s="116">
        <v>102624</v>
      </c>
      <c r="GR30" s="110">
        <v>0</v>
      </c>
      <c r="GS30" s="114">
        <v>105600</v>
      </c>
      <c r="GT30" s="113">
        <v>105600</v>
      </c>
      <c r="GU30" s="110">
        <v>0</v>
      </c>
      <c r="GV30" s="114">
        <v>20504</v>
      </c>
      <c r="GW30" s="114">
        <v>80800</v>
      </c>
      <c r="GX30" s="114">
        <v>0</v>
      </c>
      <c r="GY30" s="114">
        <v>0</v>
      </c>
      <c r="GZ30" s="114">
        <v>0</v>
      </c>
      <c r="HA30" s="112">
        <v>101304</v>
      </c>
      <c r="HB30" s="116">
        <v>206904</v>
      </c>
      <c r="HC30" s="110">
        <v>0</v>
      </c>
      <c r="HD30" s="114">
        <v>87704</v>
      </c>
      <c r="HE30" s="112">
        <v>87704</v>
      </c>
      <c r="HF30" s="111">
        <v>0</v>
      </c>
      <c r="HG30" s="114">
        <v>700647</v>
      </c>
      <c r="HH30" s="114">
        <v>0</v>
      </c>
      <c r="HI30" s="114">
        <v>196518</v>
      </c>
      <c r="HJ30" s="114">
        <v>490755</v>
      </c>
      <c r="HK30" s="114">
        <v>0</v>
      </c>
      <c r="HL30" s="113">
        <v>1387920</v>
      </c>
      <c r="HM30" s="109">
        <v>1475624</v>
      </c>
      <c r="HN30" s="329"/>
      <c r="HO30" s="330"/>
      <c r="HP30" s="331"/>
      <c r="HQ30" s="332"/>
      <c r="HR30" s="330"/>
      <c r="HS30" s="330"/>
      <c r="HT30" s="330"/>
      <c r="HU30" s="330"/>
      <c r="HV30" s="330"/>
      <c r="HW30" s="333"/>
      <c r="HX30" s="334"/>
      <c r="HY30" s="150">
        <v>0</v>
      </c>
      <c r="HZ30" s="135">
        <v>0</v>
      </c>
      <c r="IA30" s="150">
        <v>0</v>
      </c>
      <c r="IB30" s="134">
        <v>0</v>
      </c>
      <c r="IC30" s="135">
        <v>247721</v>
      </c>
      <c r="ID30" s="136">
        <v>0</v>
      </c>
      <c r="IE30" s="137">
        <v>0</v>
      </c>
      <c r="IF30" s="135">
        <v>0</v>
      </c>
      <c r="IG30" s="137">
        <v>0</v>
      </c>
      <c r="IH30" s="138">
        <v>247721</v>
      </c>
      <c r="II30" s="150">
        <v>247721</v>
      </c>
      <c r="IJ30" s="232">
        <v>0</v>
      </c>
      <c r="IK30" s="236">
        <v>0</v>
      </c>
      <c r="IL30" s="237">
        <v>0</v>
      </c>
      <c r="IM30" s="140"/>
      <c r="IN30" s="119">
        <v>0</v>
      </c>
      <c r="IO30" s="119">
        <v>0</v>
      </c>
      <c r="IP30" s="119">
        <v>0</v>
      </c>
      <c r="IQ30" s="119">
        <v>0</v>
      </c>
      <c r="IR30" s="119">
        <v>0</v>
      </c>
      <c r="IS30" s="141">
        <v>0</v>
      </c>
      <c r="IT30" s="321">
        <v>0</v>
      </c>
      <c r="IU30" s="142">
        <v>0</v>
      </c>
      <c r="IV30" s="119">
        <v>0</v>
      </c>
      <c r="IW30" s="120">
        <v>0</v>
      </c>
      <c r="IX30" s="144"/>
      <c r="IY30" s="119">
        <v>0</v>
      </c>
      <c r="IZ30" s="119">
        <v>0</v>
      </c>
      <c r="JA30" s="119">
        <v>0</v>
      </c>
      <c r="JB30" s="119">
        <v>0</v>
      </c>
      <c r="JC30" s="119">
        <v>0</v>
      </c>
      <c r="JD30" s="120">
        <v>0</v>
      </c>
      <c r="JE30" s="121">
        <v>0</v>
      </c>
      <c r="JF30" s="142">
        <v>0</v>
      </c>
      <c r="JG30" s="119">
        <v>0</v>
      </c>
      <c r="JH30" s="141">
        <v>0</v>
      </c>
      <c r="JI30" s="118">
        <v>0</v>
      </c>
      <c r="JJ30" s="119">
        <v>247721</v>
      </c>
      <c r="JK30" s="119">
        <v>0</v>
      </c>
      <c r="JL30" s="119">
        <v>0</v>
      </c>
      <c r="JM30" s="119">
        <v>0</v>
      </c>
      <c r="JN30" s="119">
        <v>0</v>
      </c>
      <c r="JO30" s="120">
        <v>247721</v>
      </c>
      <c r="JP30" s="321">
        <v>247721</v>
      </c>
      <c r="JQ30" s="142">
        <v>0</v>
      </c>
      <c r="JR30" s="119">
        <v>0</v>
      </c>
      <c r="JS30" s="141">
        <v>0</v>
      </c>
      <c r="JT30" s="118">
        <v>0</v>
      </c>
      <c r="JU30" s="119">
        <v>0</v>
      </c>
      <c r="JV30" s="119">
        <v>0</v>
      </c>
      <c r="JW30" s="119">
        <v>0</v>
      </c>
      <c r="JX30" s="119">
        <v>0</v>
      </c>
      <c r="JY30" s="119">
        <v>0</v>
      </c>
      <c r="JZ30" s="120">
        <v>0</v>
      </c>
      <c r="KA30" s="321">
        <v>0</v>
      </c>
      <c r="KB30" s="234">
        <v>0</v>
      </c>
      <c r="KC30" s="230">
        <v>0</v>
      </c>
      <c r="KD30" s="120">
        <v>0</v>
      </c>
      <c r="KE30" s="118">
        <v>0</v>
      </c>
      <c r="KF30" s="119">
        <v>0</v>
      </c>
      <c r="KG30" s="119">
        <v>0</v>
      </c>
      <c r="KH30" s="119">
        <v>0</v>
      </c>
      <c r="KI30" s="119">
        <v>0</v>
      </c>
      <c r="KJ30" s="119">
        <v>0</v>
      </c>
      <c r="KK30" s="120">
        <v>0</v>
      </c>
      <c r="KL30" s="143">
        <v>0</v>
      </c>
      <c r="KM30" s="232">
        <v>0</v>
      </c>
      <c r="KN30" s="236">
        <v>0</v>
      </c>
      <c r="KO30" s="237">
        <v>0</v>
      </c>
      <c r="KP30" s="140"/>
      <c r="KQ30" s="119">
        <v>0</v>
      </c>
      <c r="KR30" s="119">
        <v>0</v>
      </c>
      <c r="KS30" s="119">
        <v>0</v>
      </c>
      <c r="KT30" s="119">
        <v>0</v>
      </c>
      <c r="KU30" s="119">
        <v>0</v>
      </c>
      <c r="KV30" s="120">
        <v>0</v>
      </c>
      <c r="KW30" s="321">
        <v>0</v>
      </c>
      <c r="KX30" s="142">
        <v>0</v>
      </c>
      <c r="KY30" s="119">
        <v>0</v>
      </c>
      <c r="KZ30" s="120">
        <v>0</v>
      </c>
      <c r="LA30" s="145"/>
      <c r="LB30" s="119">
        <v>0</v>
      </c>
      <c r="LC30" s="119">
        <v>0</v>
      </c>
      <c r="LD30" s="119">
        <v>0</v>
      </c>
      <c r="LE30" s="119">
        <v>0</v>
      </c>
      <c r="LF30" s="119">
        <v>0</v>
      </c>
      <c r="LG30" s="120">
        <v>0</v>
      </c>
      <c r="LH30" s="121">
        <v>0</v>
      </c>
      <c r="LI30" s="142">
        <v>0</v>
      </c>
      <c r="LJ30" s="119">
        <v>0</v>
      </c>
      <c r="LK30" s="120">
        <v>0</v>
      </c>
      <c r="LL30" s="145"/>
      <c r="LM30" s="119">
        <v>0</v>
      </c>
      <c r="LN30" s="119">
        <v>0</v>
      </c>
      <c r="LO30" s="119">
        <v>0</v>
      </c>
      <c r="LP30" s="119">
        <v>0</v>
      </c>
      <c r="LQ30" s="119">
        <v>0</v>
      </c>
      <c r="LR30" s="120">
        <v>0</v>
      </c>
      <c r="LS30" s="321">
        <v>0</v>
      </c>
      <c r="LT30" s="142">
        <v>0</v>
      </c>
      <c r="LU30" s="119">
        <v>0</v>
      </c>
      <c r="LV30" s="120">
        <v>0</v>
      </c>
      <c r="LW30" s="145"/>
      <c r="LX30" s="119">
        <v>0</v>
      </c>
      <c r="LY30" s="119">
        <v>0</v>
      </c>
      <c r="LZ30" s="119">
        <v>0</v>
      </c>
      <c r="MA30" s="119">
        <v>0</v>
      </c>
      <c r="MB30" s="119">
        <v>0</v>
      </c>
      <c r="MC30" s="120">
        <v>0</v>
      </c>
      <c r="MD30" s="121">
        <v>0</v>
      </c>
      <c r="ME30" s="142">
        <v>0</v>
      </c>
      <c r="MF30" s="119">
        <v>0</v>
      </c>
      <c r="MG30" s="120">
        <v>0</v>
      </c>
      <c r="MH30" s="145"/>
      <c r="MI30" s="119">
        <v>0</v>
      </c>
      <c r="MJ30" s="119">
        <v>201174</v>
      </c>
      <c r="MK30" s="119">
        <v>1645179</v>
      </c>
      <c r="ML30" s="119">
        <v>1193700</v>
      </c>
      <c r="MM30" s="119">
        <v>229573</v>
      </c>
      <c r="MN30" s="120">
        <v>3269626</v>
      </c>
      <c r="MO30" s="143">
        <v>3269626</v>
      </c>
      <c r="MP30" s="142">
        <v>0</v>
      </c>
      <c r="MQ30" s="119">
        <v>0</v>
      </c>
      <c r="MR30" s="120">
        <v>0</v>
      </c>
      <c r="MS30" s="145"/>
      <c r="MT30" s="119">
        <v>0</v>
      </c>
      <c r="MU30" s="119">
        <v>201174</v>
      </c>
      <c r="MV30" s="119">
        <v>1388299</v>
      </c>
      <c r="MW30" s="119">
        <v>740171</v>
      </c>
      <c r="MX30" s="119">
        <v>229573</v>
      </c>
      <c r="MY30" s="120">
        <v>2559217</v>
      </c>
      <c r="MZ30" s="143">
        <v>2559217</v>
      </c>
      <c r="NA30" s="142">
        <v>0</v>
      </c>
      <c r="NB30" s="119">
        <v>0</v>
      </c>
      <c r="NC30" s="120">
        <v>0</v>
      </c>
      <c r="ND30" s="145"/>
      <c r="NE30" s="119">
        <v>0</v>
      </c>
      <c r="NF30" s="119">
        <v>0</v>
      </c>
      <c r="NG30" s="119">
        <v>256880</v>
      </c>
      <c r="NH30" s="119">
        <v>453529</v>
      </c>
      <c r="NI30" s="119">
        <v>0</v>
      </c>
      <c r="NJ30" s="120">
        <v>710409</v>
      </c>
      <c r="NK30" s="321">
        <v>710409</v>
      </c>
      <c r="NL30" s="142">
        <v>0</v>
      </c>
      <c r="NM30" s="119">
        <v>0</v>
      </c>
      <c r="NN30" s="120">
        <v>0</v>
      </c>
      <c r="NO30" s="145"/>
      <c r="NP30" s="119">
        <v>0</v>
      </c>
      <c r="NQ30" s="119">
        <v>0</v>
      </c>
      <c r="NR30" s="119">
        <v>0</v>
      </c>
      <c r="NS30" s="119">
        <v>0</v>
      </c>
      <c r="NT30" s="119">
        <v>0</v>
      </c>
      <c r="NU30" s="120">
        <v>0</v>
      </c>
      <c r="NV30" s="121">
        <v>0</v>
      </c>
      <c r="NW30" s="142">
        <v>0</v>
      </c>
      <c r="NX30" s="119">
        <v>0</v>
      </c>
      <c r="NY30" s="120">
        <v>0</v>
      </c>
      <c r="NZ30" s="145"/>
      <c r="OA30" s="119">
        <v>0</v>
      </c>
      <c r="OB30" s="119">
        <v>0</v>
      </c>
      <c r="OC30" s="119">
        <v>0</v>
      </c>
      <c r="OD30" s="119">
        <v>0</v>
      </c>
      <c r="OE30" s="119">
        <v>0</v>
      </c>
      <c r="OF30" s="120">
        <v>0</v>
      </c>
      <c r="OG30" s="121">
        <v>0</v>
      </c>
      <c r="OH30" s="142">
        <v>15000</v>
      </c>
      <c r="OI30" s="119">
        <v>390295</v>
      </c>
      <c r="OJ30" s="141">
        <v>405295</v>
      </c>
      <c r="OK30" s="118">
        <v>0</v>
      </c>
      <c r="OL30" s="119">
        <v>2290136</v>
      </c>
      <c r="OM30" s="119">
        <v>966568</v>
      </c>
      <c r="ON30" s="119">
        <v>2577530</v>
      </c>
      <c r="OO30" s="119">
        <v>3004244</v>
      </c>
      <c r="OP30" s="119">
        <v>804596</v>
      </c>
      <c r="OQ30" s="120">
        <v>9643074</v>
      </c>
      <c r="OR30" s="143">
        <v>10048369</v>
      </c>
    </row>
    <row r="31" spans="1:408" ht="20.25" customHeight="1" x14ac:dyDescent="0.2">
      <c r="A31" s="126" t="s">
        <v>26</v>
      </c>
      <c r="B31" s="110">
        <v>43048</v>
      </c>
      <c r="C31" s="114">
        <v>17808</v>
      </c>
      <c r="D31" s="113">
        <v>60856</v>
      </c>
      <c r="E31" s="109">
        <v>0</v>
      </c>
      <c r="F31" s="114">
        <v>917862</v>
      </c>
      <c r="G31" s="114">
        <v>2312942</v>
      </c>
      <c r="H31" s="114">
        <v>1477054</v>
      </c>
      <c r="I31" s="114">
        <v>1320465</v>
      </c>
      <c r="J31" s="114">
        <v>948744</v>
      </c>
      <c r="K31" s="173">
        <v>6977067</v>
      </c>
      <c r="L31" s="116">
        <v>7037923</v>
      </c>
      <c r="M31" s="110">
        <v>12416</v>
      </c>
      <c r="N31" s="114">
        <v>2384</v>
      </c>
      <c r="O31" s="113">
        <v>14800</v>
      </c>
      <c r="P31" s="110">
        <v>0</v>
      </c>
      <c r="Q31" s="114">
        <v>305609</v>
      </c>
      <c r="R31" s="114">
        <v>728751</v>
      </c>
      <c r="S31" s="114">
        <v>850292</v>
      </c>
      <c r="T31" s="114">
        <v>684371</v>
      </c>
      <c r="U31" s="114">
        <v>542292</v>
      </c>
      <c r="V31" s="113">
        <v>3111315</v>
      </c>
      <c r="W31" s="116">
        <v>3126115</v>
      </c>
      <c r="X31" s="110">
        <v>0</v>
      </c>
      <c r="Y31" s="114">
        <v>0</v>
      </c>
      <c r="Z31" s="113">
        <v>0</v>
      </c>
      <c r="AA31" s="110">
        <v>0</v>
      </c>
      <c r="AB31" s="114">
        <v>50101</v>
      </c>
      <c r="AC31" s="114">
        <v>460163</v>
      </c>
      <c r="AD31" s="114">
        <v>548067</v>
      </c>
      <c r="AE31" s="114">
        <v>313805</v>
      </c>
      <c r="AF31" s="114">
        <v>315943</v>
      </c>
      <c r="AG31" s="113">
        <v>1688079</v>
      </c>
      <c r="AH31" s="116">
        <v>1688079</v>
      </c>
      <c r="AI31" s="110">
        <v>0</v>
      </c>
      <c r="AJ31" s="114">
        <v>0</v>
      </c>
      <c r="AK31" s="113">
        <v>0</v>
      </c>
      <c r="AL31" s="110">
        <v>0</v>
      </c>
      <c r="AM31" s="114">
        <v>0</v>
      </c>
      <c r="AN31" s="114">
        <v>0</v>
      </c>
      <c r="AO31" s="114">
        <v>34719</v>
      </c>
      <c r="AP31" s="114">
        <v>104702</v>
      </c>
      <c r="AQ31" s="114">
        <v>92584</v>
      </c>
      <c r="AR31" s="113">
        <v>232005</v>
      </c>
      <c r="AS31" s="116">
        <v>232005</v>
      </c>
      <c r="AT31" s="110">
        <v>0</v>
      </c>
      <c r="AU31" s="114">
        <v>0</v>
      </c>
      <c r="AV31" s="113">
        <v>0</v>
      </c>
      <c r="AW31" s="110">
        <v>0</v>
      </c>
      <c r="AX31" s="114">
        <v>140643</v>
      </c>
      <c r="AY31" s="114">
        <v>134276</v>
      </c>
      <c r="AZ31" s="114">
        <v>178490</v>
      </c>
      <c r="BA31" s="114">
        <v>234240</v>
      </c>
      <c r="BB31" s="114">
        <v>117645</v>
      </c>
      <c r="BC31" s="113">
        <v>805294</v>
      </c>
      <c r="BD31" s="116">
        <v>805294</v>
      </c>
      <c r="BE31" s="110">
        <v>0</v>
      </c>
      <c r="BF31" s="114">
        <v>0</v>
      </c>
      <c r="BG31" s="112">
        <v>0</v>
      </c>
      <c r="BH31" s="111">
        <v>0</v>
      </c>
      <c r="BI31" s="114">
        <v>66641</v>
      </c>
      <c r="BJ31" s="114">
        <v>31600</v>
      </c>
      <c r="BK31" s="114">
        <v>0</v>
      </c>
      <c r="BL31" s="114">
        <v>0</v>
      </c>
      <c r="BM31" s="114">
        <v>0</v>
      </c>
      <c r="BN31" s="113">
        <v>98241</v>
      </c>
      <c r="BO31" s="116">
        <v>98241</v>
      </c>
      <c r="BP31" s="110">
        <v>12416</v>
      </c>
      <c r="BQ31" s="114">
        <v>2384</v>
      </c>
      <c r="BR31" s="113">
        <v>14800</v>
      </c>
      <c r="BS31" s="110">
        <v>0</v>
      </c>
      <c r="BT31" s="114">
        <v>48224</v>
      </c>
      <c r="BU31" s="114">
        <v>102712</v>
      </c>
      <c r="BV31" s="114">
        <v>89016</v>
      </c>
      <c r="BW31" s="114">
        <v>31624</v>
      </c>
      <c r="BX31" s="114">
        <v>16120</v>
      </c>
      <c r="BY31" s="113">
        <v>287696</v>
      </c>
      <c r="BZ31" s="116">
        <v>302496</v>
      </c>
      <c r="CA31" s="110">
        <v>20552</v>
      </c>
      <c r="CB31" s="114">
        <v>0</v>
      </c>
      <c r="CC31" s="113">
        <v>20552</v>
      </c>
      <c r="CD31" s="110">
        <v>0</v>
      </c>
      <c r="CE31" s="114">
        <v>248341</v>
      </c>
      <c r="CF31" s="114">
        <v>812415</v>
      </c>
      <c r="CG31" s="114">
        <v>365650</v>
      </c>
      <c r="CH31" s="114">
        <v>68374</v>
      </c>
      <c r="CI31" s="114">
        <v>324852</v>
      </c>
      <c r="CJ31" s="113">
        <v>1819632</v>
      </c>
      <c r="CK31" s="116">
        <v>1840184</v>
      </c>
      <c r="CL31" s="110">
        <v>0</v>
      </c>
      <c r="CM31" s="114">
        <v>0</v>
      </c>
      <c r="CN31" s="113">
        <v>0</v>
      </c>
      <c r="CO31" s="111">
        <v>0</v>
      </c>
      <c r="CP31" s="114">
        <v>248341</v>
      </c>
      <c r="CQ31" s="114">
        <v>596571</v>
      </c>
      <c r="CR31" s="114">
        <v>123551</v>
      </c>
      <c r="CS31" s="114">
        <v>68374</v>
      </c>
      <c r="CT31" s="114">
        <v>324852</v>
      </c>
      <c r="CU31" s="113">
        <v>1361689</v>
      </c>
      <c r="CV31" s="116">
        <v>1361689</v>
      </c>
      <c r="CW31" s="110">
        <v>20552</v>
      </c>
      <c r="CX31" s="114">
        <v>0</v>
      </c>
      <c r="CY31" s="113">
        <v>20552</v>
      </c>
      <c r="CZ31" s="110">
        <v>0</v>
      </c>
      <c r="DA31" s="114">
        <v>0</v>
      </c>
      <c r="DB31" s="114">
        <v>215844</v>
      </c>
      <c r="DC31" s="114">
        <v>242099</v>
      </c>
      <c r="DD31" s="114">
        <v>0</v>
      </c>
      <c r="DE31" s="114">
        <v>0</v>
      </c>
      <c r="DF31" s="113">
        <v>457943</v>
      </c>
      <c r="DG31" s="116">
        <v>478495</v>
      </c>
      <c r="DH31" s="110">
        <v>0</v>
      </c>
      <c r="DI31" s="114">
        <v>0</v>
      </c>
      <c r="DJ31" s="112">
        <v>0</v>
      </c>
      <c r="DK31" s="111">
        <v>0</v>
      </c>
      <c r="DL31" s="114">
        <v>0</v>
      </c>
      <c r="DM31" s="114">
        <v>246437</v>
      </c>
      <c r="DN31" s="114">
        <v>37192</v>
      </c>
      <c r="DO31" s="114">
        <v>215211</v>
      </c>
      <c r="DP31" s="114">
        <v>0</v>
      </c>
      <c r="DQ31" s="113">
        <v>498840</v>
      </c>
      <c r="DR31" s="116">
        <v>498840</v>
      </c>
      <c r="DS31" s="110">
        <v>0</v>
      </c>
      <c r="DT31" s="114">
        <v>0</v>
      </c>
      <c r="DU31" s="113">
        <v>0</v>
      </c>
      <c r="DV31" s="110">
        <v>0</v>
      </c>
      <c r="DW31" s="114">
        <v>0</v>
      </c>
      <c r="DX31" s="114">
        <v>246437</v>
      </c>
      <c r="DY31" s="114">
        <v>0</v>
      </c>
      <c r="DZ31" s="114">
        <v>215211</v>
      </c>
      <c r="EA31" s="114">
        <v>0</v>
      </c>
      <c r="EB31" s="113">
        <v>461648</v>
      </c>
      <c r="EC31" s="116">
        <v>461648</v>
      </c>
      <c r="ED31" s="110">
        <v>0</v>
      </c>
      <c r="EE31" s="112">
        <v>0</v>
      </c>
      <c r="EF31" s="113">
        <v>0</v>
      </c>
      <c r="EG31" s="110">
        <v>0</v>
      </c>
      <c r="EH31" s="114">
        <v>0</v>
      </c>
      <c r="EI31" s="114">
        <v>0</v>
      </c>
      <c r="EJ31" s="114">
        <v>37192</v>
      </c>
      <c r="EK31" s="114">
        <v>0</v>
      </c>
      <c r="EL31" s="114">
        <v>0</v>
      </c>
      <c r="EM31" s="112">
        <v>37192</v>
      </c>
      <c r="EN31" s="116">
        <v>37192</v>
      </c>
      <c r="EO31" s="110">
        <v>0</v>
      </c>
      <c r="EP31" s="114">
        <v>0</v>
      </c>
      <c r="EQ31" s="112">
        <v>0</v>
      </c>
      <c r="ER31" s="111">
        <v>0</v>
      </c>
      <c r="ES31" s="114">
        <v>0</v>
      </c>
      <c r="ET31" s="114">
        <v>0</v>
      </c>
      <c r="EU31" s="114">
        <v>0</v>
      </c>
      <c r="EV31" s="114">
        <v>0</v>
      </c>
      <c r="EW31" s="114">
        <v>0</v>
      </c>
      <c r="EX31" s="113">
        <v>0</v>
      </c>
      <c r="EY31" s="116">
        <v>0</v>
      </c>
      <c r="EZ31" s="110">
        <v>0</v>
      </c>
      <c r="FA31" s="114">
        <v>0</v>
      </c>
      <c r="FB31" s="112">
        <v>0</v>
      </c>
      <c r="FC31" s="348"/>
      <c r="FD31" s="114">
        <v>0</v>
      </c>
      <c r="FE31" s="114">
        <v>0</v>
      </c>
      <c r="FF31" s="114">
        <v>0</v>
      </c>
      <c r="FG31" s="114">
        <v>0</v>
      </c>
      <c r="FH31" s="114">
        <v>0</v>
      </c>
      <c r="FI31" s="113">
        <v>0</v>
      </c>
      <c r="FJ31" s="116">
        <v>0</v>
      </c>
      <c r="FK31" s="110">
        <v>10080</v>
      </c>
      <c r="FL31" s="114">
        <v>15424</v>
      </c>
      <c r="FM31" s="113">
        <v>25504</v>
      </c>
      <c r="FN31" s="110">
        <v>0</v>
      </c>
      <c r="FO31" s="114">
        <v>59456</v>
      </c>
      <c r="FP31" s="114">
        <v>175272</v>
      </c>
      <c r="FQ31" s="114">
        <v>223920</v>
      </c>
      <c r="FR31" s="114">
        <v>113648</v>
      </c>
      <c r="FS31" s="114">
        <v>81600</v>
      </c>
      <c r="FT31" s="113">
        <v>653896</v>
      </c>
      <c r="FU31" s="116">
        <v>679400</v>
      </c>
      <c r="FV31" s="115">
        <v>10080</v>
      </c>
      <c r="FW31" s="114">
        <v>15424</v>
      </c>
      <c r="FX31" s="112">
        <v>25504</v>
      </c>
      <c r="FY31" s="111">
        <v>0</v>
      </c>
      <c r="FZ31" s="114">
        <v>46080</v>
      </c>
      <c r="GA31" s="114">
        <v>175272</v>
      </c>
      <c r="GB31" s="114">
        <v>223920</v>
      </c>
      <c r="GC31" s="114">
        <v>113648</v>
      </c>
      <c r="GD31" s="114">
        <v>81600</v>
      </c>
      <c r="GE31" s="113">
        <v>640520</v>
      </c>
      <c r="GF31" s="319">
        <v>666024</v>
      </c>
      <c r="GG31" s="115">
        <v>0</v>
      </c>
      <c r="GH31" s="114">
        <v>0</v>
      </c>
      <c r="GI31" s="112">
        <v>0</v>
      </c>
      <c r="GJ31" s="111">
        <v>0</v>
      </c>
      <c r="GK31" s="114">
        <v>13376</v>
      </c>
      <c r="GL31" s="114">
        <v>0</v>
      </c>
      <c r="GM31" s="114">
        <v>0</v>
      </c>
      <c r="GN31" s="114">
        <v>0</v>
      </c>
      <c r="GO31" s="114">
        <v>0</v>
      </c>
      <c r="GP31" s="113">
        <v>13376</v>
      </c>
      <c r="GQ31" s="116">
        <v>13376</v>
      </c>
      <c r="GR31" s="110">
        <v>0</v>
      </c>
      <c r="GS31" s="114">
        <v>0</v>
      </c>
      <c r="GT31" s="113">
        <v>0</v>
      </c>
      <c r="GU31" s="110">
        <v>0</v>
      </c>
      <c r="GV31" s="114">
        <v>0</v>
      </c>
      <c r="GW31" s="114">
        <v>0</v>
      </c>
      <c r="GX31" s="114">
        <v>0</v>
      </c>
      <c r="GY31" s="114">
        <v>0</v>
      </c>
      <c r="GZ31" s="114">
        <v>0</v>
      </c>
      <c r="HA31" s="112">
        <v>0</v>
      </c>
      <c r="HB31" s="116">
        <v>0</v>
      </c>
      <c r="HC31" s="110">
        <v>0</v>
      </c>
      <c r="HD31" s="114">
        <v>0</v>
      </c>
      <c r="HE31" s="112">
        <v>0</v>
      </c>
      <c r="HF31" s="111">
        <v>0</v>
      </c>
      <c r="HG31" s="114">
        <v>304456</v>
      </c>
      <c r="HH31" s="114">
        <v>350067</v>
      </c>
      <c r="HI31" s="114">
        <v>0</v>
      </c>
      <c r="HJ31" s="114">
        <v>238861</v>
      </c>
      <c r="HK31" s="114">
        <v>0</v>
      </c>
      <c r="HL31" s="113">
        <v>893384</v>
      </c>
      <c r="HM31" s="109">
        <v>893384</v>
      </c>
      <c r="HN31" s="329"/>
      <c r="HO31" s="330"/>
      <c r="HP31" s="331"/>
      <c r="HQ31" s="332"/>
      <c r="HR31" s="330"/>
      <c r="HS31" s="330"/>
      <c r="HT31" s="330"/>
      <c r="HU31" s="330"/>
      <c r="HV31" s="330"/>
      <c r="HW31" s="333"/>
      <c r="HX31" s="334"/>
      <c r="HY31" s="131">
        <v>0</v>
      </c>
      <c r="HZ31" s="132">
        <v>0</v>
      </c>
      <c r="IA31" s="133">
        <v>0</v>
      </c>
      <c r="IB31" s="146">
        <v>0</v>
      </c>
      <c r="IC31" s="132">
        <v>35542</v>
      </c>
      <c r="ID31" s="147">
        <v>212199</v>
      </c>
      <c r="IE31" s="133">
        <v>523233</v>
      </c>
      <c r="IF31" s="132">
        <v>0</v>
      </c>
      <c r="IG31" s="133">
        <v>94861</v>
      </c>
      <c r="IH31" s="148">
        <v>865835</v>
      </c>
      <c r="II31" s="139">
        <v>865835</v>
      </c>
      <c r="IJ31" s="232">
        <v>0</v>
      </c>
      <c r="IK31" s="236">
        <v>0</v>
      </c>
      <c r="IL31" s="237">
        <v>0</v>
      </c>
      <c r="IM31" s="140"/>
      <c r="IN31" s="119">
        <v>0</v>
      </c>
      <c r="IO31" s="119">
        <v>0</v>
      </c>
      <c r="IP31" s="119">
        <v>0</v>
      </c>
      <c r="IQ31" s="119">
        <v>0</v>
      </c>
      <c r="IR31" s="119">
        <v>0</v>
      </c>
      <c r="IS31" s="141">
        <v>0</v>
      </c>
      <c r="IT31" s="321">
        <v>0</v>
      </c>
      <c r="IU31" s="142">
        <v>0</v>
      </c>
      <c r="IV31" s="119">
        <v>0</v>
      </c>
      <c r="IW31" s="120">
        <v>0</v>
      </c>
      <c r="IX31" s="144"/>
      <c r="IY31" s="119">
        <v>0</v>
      </c>
      <c r="IZ31" s="119">
        <v>0</v>
      </c>
      <c r="JA31" s="119">
        <v>0</v>
      </c>
      <c r="JB31" s="119">
        <v>0</v>
      </c>
      <c r="JC31" s="119">
        <v>0</v>
      </c>
      <c r="JD31" s="120">
        <v>0</v>
      </c>
      <c r="JE31" s="121">
        <v>0</v>
      </c>
      <c r="JF31" s="142">
        <v>0</v>
      </c>
      <c r="JG31" s="119">
        <v>0</v>
      </c>
      <c r="JH31" s="141">
        <v>0</v>
      </c>
      <c r="JI31" s="118">
        <v>0</v>
      </c>
      <c r="JJ31" s="119">
        <v>35542</v>
      </c>
      <c r="JK31" s="119">
        <v>212199</v>
      </c>
      <c r="JL31" s="119">
        <v>40964</v>
      </c>
      <c r="JM31" s="119">
        <v>0</v>
      </c>
      <c r="JN31" s="119">
        <v>94861</v>
      </c>
      <c r="JO31" s="120">
        <v>383566</v>
      </c>
      <c r="JP31" s="321">
        <v>383566</v>
      </c>
      <c r="JQ31" s="142">
        <v>0</v>
      </c>
      <c r="JR31" s="119">
        <v>0</v>
      </c>
      <c r="JS31" s="141">
        <v>0</v>
      </c>
      <c r="JT31" s="118">
        <v>0</v>
      </c>
      <c r="JU31" s="119">
        <v>0</v>
      </c>
      <c r="JV31" s="119">
        <v>0</v>
      </c>
      <c r="JW31" s="119">
        <v>0</v>
      </c>
      <c r="JX31" s="119">
        <v>0</v>
      </c>
      <c r="JY31" s="119">
        <v>0</v>
      </c>
      <c r="JZ31" s="120">
        <v>0</v>
      </c>
      <c r="KA31" s="321">
        <v>0</v>
      </c>
      <c r="KB31" s="234">
        <v>0</v>
      </c>
      <c r="KC31" s="230">
        <v>0</v>
      </c>
      <c r="KD31" s="120">
        <v>0</v>
      </c>
      <c r="KE31" s="118">
        <v>0</v>
      </c>
      <c r="KF31" s="119">
        <v>0</v>
      </c>
      <c r="KG31" s="119">
        <v>0</v>
      </c>
      <c r="KH31" s="119">
        <v>0</v>
      </c>
      <c r="KI31" s="119">
        <v>0</v>
      </c>
      <c r="KJ31" s="119">
        <v>0</v>
      </c>
      <c r="KK31" s="120">
        <v>0</v>
      </c>
      <c r="KL31" s="143">
        <v>0</v>
      </c>
      <c r="KM31" s="232">
        <v>0</v>
      </c>
      <c r="KN31" s="236">
        <v>0</v>
      </c>
      <c r="KO31" s="237">
        <v>0</v>
      </c>
      <c r="KP31" s="140"/>
      <c r="KQ31" s="119">
        <v>0</v>
      </c>
      <c r="KR31" s="119">
        <v>0</v>
      </c>
      <c r="KS31" s="119">
        <v>482269</v>
      </c>
      <c r="KT31" s="119">
        <v>0</v>
      </c>
      <c r="KU31" s="119">
        <v>0</v>
      </c>
      <c r="KV31" s="120">
        <v>482269</v>
      </c>
      <c r="KW31" s="321">
        <v>482269</v>
      </c>
      <c r="KX31" s="142">
        <v>0</v>
      </c>
      <c r="KY31" s="119">
        <v>0</v>
      </c>
      <c r="KZ31" s="120">
        <v>0</v>
      </c>
      <c r="LA31" s="145"/>
      <c r="LB31" s="119">
        <v>0</v>
      </c>
      <c r="LC31" s="119">
        <v>0</v>
      </c>
      <c r="LD31" s="119">
        <v>0</v>
      </c>
      <c r="LE31" s="119">
        <v>0</v>
      </c>
      <c r="LF31" s="119">
        <v>0</v>
      </c>
      <c r="LG31" s="120">
        <v>0</v>
      </c>
      <c r="LH31" s="121">
        <v>0</v>
      </c>
      <c r="LI31" s="142">
        <v>0</v>
      </c>
      <c r="LJ31" s="119">
        <v>0</v>
      </c>
      <c r="LK31" s="120">
        <v>0</v>
      </c>
      <c r="LL31" s="145"/>
      <c r="LM31" s="119">
        <v>0</v>
      </c>
      <c r="LN31" s="119">
        <v>0</v>
      </c>
      <c r="LO31" s="119">
        <v>0</v>
      </c>
      <c r="LP31" s="119">
        <v>0</v>
      </c>
      <c r="LQ31" s="119">
        <v>0</v>
      </c>
      <c r="LR31" s="120">
        <v>0</v>
      </c>
      <c r="LS31" s="321">
        <v>0</v>
      </c>
      <c r="LT31" s="142">
        <v>0</v>
      </c>
      <c r="LU31" s="119">
        <v>0</v>
      </c>
      <c r="LV31" s="120">
        <v>0</v>
      </c>
      <c r="LW31" s="145"/>
      <c r="LX31" s="119">
        <v>0</v>
      </c>
      <c r="LY31" s="119">
        <v>0</v>
      </c>
      <c r="LZ31" s="119">
        <v>0</v>
      </c>
      <c r="MA31" s="119">
        <v>0</v>
      </c>
      <c r="MB31" s="119">
        <v>0</v>
      </c>
      <c r="MC31" s="120">
        <v>0</v>
      </c>
      <c r="MD31" s="121">
        <v>0</v>
      </c>
      <c r="ME31" s="142">
        <v>0</v>
      </c>
      <c r="MF31" s="119">
        <v>0</v>
      </c>
      <c r="MG31" s="120">
        <v>0</v>
      </c>
      <c r="MH31" s="145"/>
      <c r="MI31" s="119">
        <v>0</v>
      </c>
      <c r="MJ31" s="119">
        <v>0</v>
      </c>
      <c r="MK31" s="119">
        <v>753395</v>
      </c>
      <c r="ML31" s="119">
        <v>693016</v>
      </c>
      <c r="MM31" s="119">
        <v>592009</v>
      </c>
      <c r="MN31" s="120">
        <v>2038420</v>
      </c>
      <c r="MO31" s="143">
        <v>2038420</v>
      </c>
      <c r="MP31" s="142">
        <v>0</v>
      </c>
      <c r="MQ31" s="119">
        <v>0</v>
      </c>
      <c r="MR31" s="120">
        <v>0</v>
      </c>
      <c r="MS31" s="145"/>
      <c r="MT31" s="119">
        <v>0</v>
      </c>
      <c r="MU31" s="119">
        <v>0</v>
      </c>
      <c r="MV31" s="119">
        <v>247304</v>
      </c>
      <c r="MW31" s="119">
        <v>610888</v>
      </c>
      <c r="MX31" s="119">
        <v>0</v>
      </c>
      <c r="MY31" s="120">
        <v>858192</v>
      </c>
      <c r="MZ31" s="143">
        <v>858192</v>
      </c>
      <c r="NA31" s="142">
        <v>0</v>
      </c>
      <c r="NB31" s="119">
        <v>0</v>
      </c>
      <c r="NC31" s="120">
        <v>0</v>
      </c>
      <c r="ND31" s="145"/>
      <c r="NE31" s="119">
        <v>0</v>
      </c>
      <c r="NF31" s="119">
        <v>0</v>
      </c>
      <c r="NG31" s="119">
        <v>506091</v>
      </c>
      <c r="NH31" s="119">
        <v>82128</v>
      </c>
      <c r="NI31" s="119">
        <v>592009</v>
      </c>
      <c r="NJ31" s="120">
        <v>1180228</v>
      </c>
      <c r="NK31" s="321">
        <v>1180228</v>
      </c>
      <c r="NL31" s="142">
        <v>0</v>
      </c>
      <c r="NM31" s="119">
        <v>0</v>
      </c>
      <c r="NN31" s="120">
        <v>0</v>
      </c>
      <c r="NO31" s="145"/>
      <c r="NP31" s="119">
        <v>0</v>
      </c>
      <c r="NQ31" s="119">
        <v>0</v>
      </c>
      <c r="NR31" s="119">
        <v>0</v>
      </c>
      <c r="NS31" s="119">
        <v>0</v>
      </c>
      <c r="NT31" s="119">
        <v>0</v>
      </c>
      <c r="NU31" s="120">
        <v>0</v>
      </c>
      <c r="NV31" s="121">
        <v>0</v>
      </c>
      <c r="NW31" s="142">
        <v>0</v>
      </c>
      <c r="NX31" s="119">
        <v>0</v>
      </c>
      <c r="NY31" s="120">
        <v>0</v>
      </c>
      <c r="NZ31" s="145"/>
      <c r="OA31" s="119">
        <v>0</v>
      </c>
      <c r="OB31" s="119">
        <v>0</v>
      </c>
      <c r="OC31" s="119">
        <v>0</v>
      </c>
      <c r="OD31" s="119">
        <v>0</v>
      </c>
      <c r="OE31" s="119">
        <v>0</v>
      </c>
      <c r="OF31" s="120">
        <v>0</v>
      </c>
      <c r="OG31" s="121">
        <v>0</v>
      </c>
      <c r="OH31" s="142">
        <v>43048</v>
      </c>
      <c r="OI31" s="119">
        <v>17808</v>
      </c>
      <c r="OJ31" s="141">
        <v>60856</v>
      </c>
      <c r="OK31" s="118">
        <v>0</v>
      </c>
      <c r="OL31" s="119">
        <v>953404</v>
      </c>
      <c r="OM31" s="119">
        <v>2525141</v>
      </c>
      <c r="ON31" s="119">
        <v>2753682</v>
      </c>
      <c r="OO31" s="119">
        <v>2013481</v>
      </c>
      <c r="OP31" s="119">
        <v>1635614</v>
      </c>
      <c r="OQ31" s="120">
        <v>9881322</v>
      </c>
      <c r="OR31" s="143">
        <v>9942178</v>
      </c>
    </row>
    <row r="32" spans="1:408" ht="20.25" customHeight="1" x14ac:dyDescent="0.2">
      <c r="A32" s="126" t="s">
        <v>27</v>
      </c>
      <c r="B32" s="110">
        <v>88204</v>
      </c>
      <c r="C32" s="114">
        <v>261390</v>
      </c>
      <c r="D32" s="113">
        <v>349594</v>
      </c>
      <c r="E32" s="109">
        <v>0</v>
      </c>
      <c r="F32" s="114">
        <v>1125044</v>
      </c>
      <c r="G32" s="114">
        <v>1470137</v>
      </c>
      <c r="H32" s="114">
        <v>2263242</v>
      </c>
      <c r="I32" s="114">
        <v>1869147</v>
      </c>
      <c r="J32" s="114">
        <v>947216</v>
      </c>
      <c r="K32" s="173">
        <v>7674786</v>
      </c>
      <c r="L32" s="116">
        <v>8024380</v>
      </c>
      <c r="M32" s="110">
        <v>28904</v>
      </c>
      <c r="N32" s="114">
        <v>56136</v>
      </c>
      <c r="O32" s="113">
        <v>85040</v>
      </c>
      <c r="P32" s="110">
        <v>0</v>
      </c>
      <c r="Q32" s="114">
        <v>317659</v>
      </c>
      <c r="R32" s="114">
        <v>358622</v>
      </c>
      <c r="S32" s="114">
        <v>991693</v>
      </c>
      <c r="T32" s="114">
        <v>514466</v>
      </c>
      <c r="U32" s="114">
        <v>216168</v>
      </c>
      <c r="V32" s="113">
        <v>2398608</v>
      </c>
      <c r="W32" s="116">
        <v>2483648</v>
      </c>
      <c r="X32" s="110">
        <v>0</v>
      </c>
      <c r="Y32" s="114">
        <v>0</v>
      </c>
      <c r="Z32" s="113">
        <v>0</v>
      </c>
      <c r="AA32" s="110">
        <v>0</v>
      </c>
      <c r="AB32" s="114">
        <v>105940</v>
      </c>
      <c r="AC32" s="114">
        <v>22680</v>
      </c>
      <c r="AD32" s="114">
        <v>759633</v>
      </c>
      <c r="AE32" s="114">
        <v>229539</v>
      </c>
      <c r="AF32" s="114">
        <v>0</v>
      </c>
      <c r="AG32" s="113">
        <v>1117792</v>
      </c>
      <c r="AH32" s="116">
        <v>1117792</v>
      </c>
      <c r="AI32" s="110">
        <v>0</v>
      </c>
      <c r="AJ32" s="114">
        <v>0</v>
      </c>
      <c r="AK32" s="113">
        <v>0</v>
      </c>
      <c r="AL32" s="110">
        <v>0</v>
      </c>
      <c r="AM32" s="114">
        <v>0</v>
      </c>
      <c r="AN32" s="114">
        <v>0</v>
      </c>
      <c r="AO32" s="114">
        <v>0</v>
      </c>
      <c r="AP32" s="114">
        <v>33809</v>
      </c>
      <c r="AQ32" s="114">
        <v>46728</v>
      </c>
      <c r="AR32" s="113">
        <v>80537</v>
      </c>
      <c r="AS32" s="116">
        <v>80537</v>
      </c>
      <c r="AT32" s="110">
        <v>18872</v>
      </c>
      <c r="AU32" s="114">
        <v>41080</v>
      </c>
      <c r="AV32" s="113">
        <v>59952</v>
      </c>
      <c r="AW32" s="110">
        <v>0</v>
      </c>
      <c r="AX32" s="114">
        <v>166639</v>
      </c>
      <c r="AY32" s="114">
        <v>247654</v>
      </c>
      <c r="AZ32" s="114">
        <v>168700</v>
      </c>
      <c r="BA32" s="114">
        <v>125254</v>
      </c>
      <c r="BB32" s="114">
        <v>124736</v>
      </c>
      <c r="BC32" s="113">
        <v>832983</v>
      </c>
      <c r="BD32" s="116">
        <v>892935</v>
      </c>
      <c r="BE32" s="110">
        <v>0</v>
      </c>
      <c r="BF32" s="114">
        <v>0</v>
      </c>
      <c r="BG32" s="112">
        <v>0</v>
      </c>
      <c r="BH32" s="111">
        <v>0</v>
      </c>
      <c r="BI32" s="114">
        <v>0</v>
      </c>
      <c r="BJ32" s="114">
        <v>0</v>
      </c>
      <c r="BK32" s="114">
        <v>0</v>
      </c>
      <c r="BL32" s="114">
        <v>0</v>
      </c>
      <c r="BM32" s="114">
        <v>0</v>
      </c>
      <c r="BN32" s="113">
        <v>0</v>
      </c>
      <c r="BO32" s="116">
        <v>0</v>
      </c>
      <c r="BP32" s="110">
        <v>10032</v>
      </c>
      <c r="BQ32" s="114">
        <v>15056</v>
      </c>
      <c r="BR32" s="113">
        <v>25088</v>
      </c>
      <c r="BS32" s="110">
        <v>0</v>
      </c>
      <c r="BT32" s="114">
        <v>45080</v>
      </c>
      <c r="BU32" s="114">
        <v>88288</v>
      </c>
      <c r="BV32" s="114">
        <v>63360</v>
      </c>
      <c r="BW32" s="114">
        <v>125864</v>
      </c>
      <c r="BX32" s="114">
        <v>44704</v>
      </c>
      <c r="BY32" s="113">
        <v>367296</v>
      </c>
      <c r="BZ32" s="116">
        <v>392384</v>
      </c>
      <c r="CA32" s="110">
        <v>0</v>
      </c>
      <c r="CB32" s="114">
        <v>77598</v>
      </c>
      <c r="CC32" s="113">
        <v>77598</v>
      </c>
      <c r="CD32" s="110">
        <v>0</v>
      </c>
      <c r="CE32" s="114">
        <v>442521</v>
      </c>
      <c r="CF32" s="114">
        <v>597119</v>
      </c>
      <c r="CG32" s="114">
        <v>512038</v>
      </c>
      <c r="CH32" s="114">
        <v>432385</v>
      </c>
      <c r="CI32" s="114">
        <v>364324</v>
      </c>
      <c r="CJ32" s="113">
        <v>2348387</v>
      </c>
      <c r="CK32" s="116">
        <v>2425985</v>
      </c>
      <c r="CL32" s="110">
        <v>0</v>
      </c>
      <c r="CM32" s="114">
        <v>0</v>
      </c>
      <c r="CN32" s="113">
        <v>0</v>
      </c>
      <c r="CO32" s="111">
        <v>0</v>
      </c>
      <c r="CP32" s="114">
        <v>309015</v>
      </c>
      <c r="CQ32" s="114">
        <v>362250</v>
      </c>
      <c r="CR32" s="114">
        <v>465958</v>
      </c>
      <c r="CS32" s="114">
        <v>432385</v>
      </c>
      <c r="CT32" s="114">
        <v>272826</v>
      </c>
      <c r="CU32" s="113">
        <v>1842434</v>
      </c>
      <c r="CV32" s="116">
        <v>1842434</v>
      </c>
      <c r="CW32" s="110">
        <v>0</v>
      </c>
      <c r="CX32" s="114">
        <v>77598</v>
      </c>
      <c r="CY32" s="113">
        <v>77598</v>
      </c>
      <c r="CZ32" s="110">
        <v>0</v>
      </c>
      <c r="DA32" s="114">
        <v>133506</v>
      </c>
      <c r="DB32" s="114">
        <v>234869</v>
      </c>
      <c r="DC32" s="114">
        <v>46080</v>
      </c>
      <c r="DD32" s="114">
        <v>0</v>
      </c>
      <c r="DE32" s="114">
        <v>91498</v>
      </c>
      <c r="DF32" s="113">
        <v>505953</v>
      </c>
      <c r="DG32" s="116">
        <v>583551</v>
      </c>
      <c r="DH32" s="110">
        <v>0</v>
      </c>
      <c r="DI32" s="114">
        <v>0</v>
      </c>
      <c r="DJ32" s="112">
        <v>0</v>
      </c>
      <c r="DK32" s="111">
        <v>0</v>
      </c>
      <c r="DL32" s="114">
        <v>18920</v>
      </c>
      <c r="DM32" s="114">
        <v>0</v>
      </c>
      <c r="DN32" s="114">
        <v>40224</v>
      </c>
      <c r="DO32" s="114">
        <v>0</v>
      </c>
      <c r="DP32" s="114">
        <v>27849</v>
      </c>
      <c r="DQ32" s="113">
        <v>86993</v>
      </c>
      <c r="DR32" s="116">
        <v>86993</v>
      </c>
      <c r="DS32" s="110">
        <v>0</v>
      </c>
      <c r="DT32" s="114">
        <v>0</v>
      </c>
      <c r="DU32" s="113">
        <v>0</v>
      </c>
      <c r="DV32" s="110">
        <v>0</v>
      </c>
      <c r="DW32" s="114">
        <v>0</v>
      </c>
      <c r="DX32" s="114">
        <v>0</v>
      </c>
      <c r="DY32" s="114">
        <v>40224</v>
      </c>
      <c r="DZ32" s="114">
        <v>0</v>
      </c>
      <c r="EA32" s="114">
        <v>27849</v>
      </c>
      <c r="EB32" s="113">
        <v>68073</v>
      </c>
      <c r="EC32" s="116">
        <v>68073</v>
      </c>
      <c r="ED32" s="110">
        <v>0</v>
      </c>
      <c r="EE32" s="112">
        <v>0</v>
      </c>
      <c r="EF32" s="113">
        <v>0</v>
      </c>
      <c r="EG32" s="110">
        <v>0</v>
      </c>
      <c r="EH32" s="114">
        <v>18920</v>
      </c>
      <c r="EI32" s="114">
        <v>0</v>
      </c>
      <c r="EJ32" s="114">
        <v>0</v>
      </c>
      <c r="EK32" s="114">
        <v>0</v>
      </c>
      <c r="EL32" s="114">
        <v>0</v>
      </c>
      <c r="EM32" s="112">
        <v>18920</v>
      </c>
      <c r="EN32" s="116">
        <v>18920</v>
      </c>
      <c r="EO32" s="110">
        <v>0</v>
      </c>
      <c r="EP32" s="114">
        <v>0</v>
      </c>
      <c r="EQ32" s="112">
        <v>0</v>
      </c>
      <c r="ER32" s="111">
        <v>0</v>
      </c>
      <c r="ES32" s="114">
        <v>0</v>
      </c>
      <c r="ET32" s="114">
        <v>0</v>
      </c>
      <c r="EU32" s="114">
        <v>0</v>
      </c>
      <c r="EV32" s="114">
        <v>0</v>
      </c>
      <c r="EW32" s="114">
        <v>0</v>
      </c>
      <c r="EX32" s="113">
        <v>0</v>
      </c>
      <c r="EY32" s="116">
        <v>0</v>
      </c>
      <c r="EZ32" s="110">
        <v>0</v>
      </c>
      <c r="FA32" s="114">
        <v>0</v>
      </c>
      <c r="FB32" s="112">
        <v>0</v>
      </c>
      <c r="FC32" s="348"/>
      <c r="FD32" s="114">
        <v>0</v>
      </c>
      <c r="FE32" s="114">
        <v>0</v>
      </c>
      <c r="FF32" s="114">
        <v>0</v>
      </c>
      <c r="FG32" s="114">
        <v>0</v>
      </c>
      <c r="FH32" s="114">
        <v>0</v>
      </c>
      <c r="FI32" s="113">
        <v>0</v>
      </c>
      <c r="FJ32" s="116">
        <v>0</v>
      </c>
      <c r="FK32" s="110">
        <v>8880</v>
      </c>
      <c r="FL32" s="114">
        <v>36400</v>
      </c>
      <c r="FM32" s="113">
        <v>45280</v>
      </c>
      <c r="FN32" s="110">
        <v>0</v>
      </c>
      <c r="FO32" s="114">
        <v>39200</v>
      </c>
      <c r="FP32" s="114">
        <v>170576</v>
      </c>
      <c r="FQ32" s="114">
        <v>345896</v>
      </c>
      <c r="FR32" s="114">
        <v>102440</v>
      </c>
      <c r="FS32" s="114">
        <v>117224</v>
      </c>
      <c r="FT32" s="113">
        <v>775336</v>
      </c>
      <c r="FU32" s="116">
        <v>820616</v>
      </c>
      <c r="FV32" s="115">
        <v>8880</v>
      </c>
      <c r="FW32" s="114">
        <v>36400</v>
      </c>
      <c r="FX32" s="112">
        <v>45280</v>
      </c>
      <c r="FY32" s="111">
        <v>0</v>
      </c>
      <c r="FZ32" s="114">
        <v>39200</v>
      </c>
      <c r="GA32" s="114">
        <v>170576</v>
      </c>
      <c r="GB32" s="114">
        <v>185896</v>
      </c>
      <c r="GC32" s="114">
        <v>102440</v>
      </c>
      <c r="GD32" s="114">
        <v>117224</v>
      </c>
      <c r="GE32" s="113">
        <v>615336</v>
      </c>
      <c r="GF32" s="319">
        <v>660616</v>
      </c>
      <c r="GG32" s="115">
        <v>0</v>
      </c>
      <c r="GH32" s="114">
        <v>0</v>
      </c>
      <c r="GI32" s="112">
        <v>0</v>
      </c>
      <c r="GJ32" s="111">
        <v>0</v>
      </c>
      <c r="GK32" s="114">
        <v>0</v>
      </c>
      <c r="GL32" s="114">
        <v>0</v>
      </c>
      <c r="GM32" s="114">
        <v>0</v>
      </c>
      <c r="GN32" s="114">
        <v>0</v>
      </c>
      <c r="GO32" s="114">
        <v>0</v>
      </c>
      <c r="GP32" s="113">
        <v>0</v>
      </c>
      <c r="GQ32" s="116">
        <v>0</v>
      </c>
      <c r="GR32" s="110">
        <v>0</v>
      </c>
      <c r="GS32" s="114">
        <v>0</v>
      </c>
      <c r="GT32" s="113">
        <v>0</v>
      </c>
      <c r="GU32" s="110">
        <v>0</v>
      </c>
      <c r="GV32" s="114">
        <v>0</v>
      </c>
      <c r="GW32" s="114">
        <v>0</v>
      </c>
      <c r="GX32" s="114">
        <v>160000</v>
      </c>
      <c r="GY32" s="114">
        <v>0</v>
      </c>
      <c r="GZ32" s="114">
        <v>0</v>
      </c>
      <c r="HA32" s="112">
        <v>160000</v>
      </c>
      <c r="HB32" s="116">
        <v>160000</v>
      </c>
      <c r="HC32" s="110">
        <v>50420</v>
      </c>
      <c r="HD32" s="114">
        <v>91256</v>
      </c>
      <c r="HE32" s="112">
        <v>141676</v>
      </c>
      <c r="HF32" s="111">
        <v>0</v>
      </c>
      <c r="HG32" s="114">
        <v>306744</v>
      </c>
      <c r="HH32" s="114">
        <v>343820</v>
      </c>
      <c r="HI32" s="114">
        <v>373391</v>
      </c>
      <c r="HJ32" s="114">
        <v>819856</v>
      </c>
      <c r="HK32" s="114">
        <v>221651</v>
      </c>
      <c r="HL32" s="113">
        <v>2065462</v>
      </c>
      <c r="HM32" s="109">
        <v>2207138</v>
      </c>
      <c r="HN32" s="329"/>
      <c r="HO32" s="330"/>
      <c r="HP32" s="331"/>
      <c r="HQ32" s="332"/>
      <c r="HR32" s="330"/>
      <c r="HS32" s="330"/>
      <c r="HT32" s="330"/>
      <c r="HU32" s="330"/>
      <c r="HV32" s="330"/>
      <c r="HW32" s="333"/>
      <c r="HX32" s="334"/>
      <c r="HY32" s="150">
        <v>0</v>
      </c>
      <c r="HZ32" s="135">
        <v>0</v>
      </c>
      <c r="IA32" s="150">
        <v>0</v>
      </c>
      <c r="IB32" s="134">
        <v>0</v>
      </c>
      <c r="IC32" s="135">
        <v>179185</v>
      </c>
      <c r="ID32" s="136">
        <v>738435</v>
      </c>
      <c r="IE32" s="137">
        <v>589159</v>
      </c>
      <c r="IF32" s="135">
        <v>390119</v>
      </c>
      <c r="IG32" s="137">
        <v>0</v>
      </c>
      <c r="IH32" s="138">
        <v>1896898</v>
      </c>
      <c r="II32" s="150">
        <v>1896898</v>
      </c>
      <c r="IJ32" s="232">
        <v>0</v>
      </c>
      <c r="IK32" s="236">
        <v>0</v>
      </c>
      <c r="IL32" s="237">
        <v>0</v>
      </c>
      <c r="IM32" s="140"/>
      <c r="IN32" s="119">
        <v>0</v>
      </c>
      <c r="IO32" s="119">
        <v>107592</v>
      </c>
      <c r="IP32" s="119">
        <v>0</v>
      </c>
      <c r="IQ32" s="119">
        <v>0</v>
      </c>
      <c r="IR32" s="119">
        <v>0</v>
      </c>
      <c r="IS32" s="141">
        <v>107592</v>
      </c>
      <c r="IT32" s="321">
        <v>107592</v>
      </c>
      <c r="IU32" s="142">
        <v>0</v>
      </c>
      <c r="IV32" s="119">
        <v>0</v>
      </c>
      <c r="IW32" s="120">
        <v>0</v>
      </c>
      <c r="IX32" s="144"/>
      <c r="IY32" s="119">
        <v>0</v>
      </c>
      <c r="IZ32" s="119">
        <v>0</v>
      </c>
      <c r="JA32" s="119">
        <v>0</v>
      </c>
      <c r="JB32" s="119">
        <v>0</v>
      </c>
      <c r="JC32" s="119">
        <v>0</v>
      </c>
      <c r="JD32" s="120">
        <v>0</v>
      </c>
      <c r="JE32" s="121">
        <v>0</v>
      </c>
      <c r="JF32" s="142">
        <v>0</v>
      </c>
      <c r="JG32" s="119">
        <v>0</v>
      </c>
      <c r="JH32" s="141">
        <v>0</v>
      </c>
      <c r="JI32" s="118">
        <v>0</v>
      </c>
      <c r="JJ32" s="119">
        <v>55809</v>
      </c>
      <c r="JK32" s="119">
        <v>15889</v>
      </c>
      <c r="JL32" s="119">
        <v>0</v>
      </c>
      <c r="JM32" s="119">
        <v>0</v>
      </c>
      <c r="JN32" s="119">
        <v>0</v>
      </c>
      <c r="JO32" s="120">
        <v>71698</v>
      </c>
      <c r="JP32" s="321">
        <v>71698</v>
      </c>
      <c r="JQ32" s="142">
        <v>0</v>
      </c>
      <c r="JR32" s="119">
        <v>0</v>
      </c>
      <c r="JS32" s="141">
        <v>0</v>
      </c>
      <c r="JT32" s="118">
        <v>0</v>
      </c>
      <c r="JU32" s="119">
        <v>123376</v>
      </c>
      <c r="JV32" s="119">
        <v>149848</v>
      </c>
      <c r="JW32" s="119">
        <v>0</v>
      </c>
      <c r="JX32" s="119">
        <v>0</v>
      </c>
      <c r="JY32" s="119">
        <v>0</v>
      </c>
      <c r="JZ32" s="120">
        <v>273224</v>
      </c>
      <c r="KA32" s="321">
        <v>273224</v>
      </c>
      <c r="KB32" s="234">
        <v>0</v>
      </c>
      <c r="KC32" s="230">
        <v>0</v>
      </c>
      <c r="KD32" s="120">
        <v>0</v>
      </c>
      <c r="KE32" s="118">
        <v>0</v>
      </c>
      <c r="KF32" s="119">
        <v>0</v>
      </c>
      <c r="KG32" s="119">
        <v>0</v>
      </c>
      <c r="KH32" s="119">
        <v>0</v>
      </c>
      <c r="KI32" s="119">
        <v>0</v>
      </c>
      <c r="KJ32" s="119">
        <v>0</v>
      </c>
      <c r="KK32" s="120">
        <v>0</v>
      </c>
      <c r="KL32" s="143">
        <v>0</v>
      </c>
      <c r="KM32" s="232">
        <v>0</v>
      </c>
      <c r="KN32" s="236">
        <v>0</v>
      </c>
      <c r="KO32" s="237">
        <v>0</v>
      </c>
      <c r="KP32" s="140"/>
      <c r="KQ32" s="119">
        <v>0</v>
      </c>
      <c r="KR32" s="119">
        <v>465106</v>
      </c>
      <c r="KS32" s="119">
        <v>237951</v>
      </c>
      <c r="KT32" s="119">
        <v>0</v>
      </c>
      <c r="KU32" s="119">
        <v>0</v>
      </c>
      <c r="KV32" s="120">
        <v>703057</v>
      </c>
      <c r="KW32" s="321">
        <v>703057</v>
      </c>
      <c r="KX32" s="142">
        <v>0</v>
      </c>
      <c r="KY32" s="119">
        <v>0</v>
      </c>
      <c r="KZ32" s="120">
        <v>0</v>
      </c>
      <c r="LA32" s="145"/>
      <c r="LB32" s="119">
        <v>0</v>
      </c>
      <c r="LC32" s="119">
        <v>0</v>
      </c>
      <c r="LD32" s="119">
        <v>0</v>
      </c>
      <c r="LE32" s="119">
        <v>0</v>
      </c>
      <c r="LF32" s="119">
        <v>0</v>
      </c>
      <c r="LG32" s="120">
        <v>0</v>
      </c>
      <c r="LH32" s="121">
        <v>0</v>
      </c>
      <c r="LI32" s="142">
        <v>0</v>
      </c>
      <c r="LJ32" s="119">
        <v>0</v>
      </c>
      <c r="LK32" s="120">
        <v>0</v>
      </c>
      <c r="LL32" s="145"/>
      <c r="LM32" s="119">
        <v>0</v>
      </c>
      <c r="LN32" s="119">
        <v>0</v>
      </c>
      <c r="LO32" s="119">
        <v>351208</v>
      </c>
      <c r="LP32" s="119">
        <v>390119</v>
      </c>
      <c r="LQ32" s="119">
        <v>0</v>
      </c>
      <c r="LR32" s="120">
        <v>741327</v>
      </c>
      <c r="LS32" s="321">
        <v>741327</v>
      </c>
      <c r="LT32" s="142">
        <v>0</v>
      </c>
      <c r="LU32" s="119">
        <v>0</v>
      </c>
      <c r="LV32" s="120">
        <v>0</v>
      </c>
      <c r="LW32" s="145"/>
      <c r="LX32" s="119">
        <v>0</v>
      </c>
      <c r="LY32" s="119">
        <v>0</v>
      </c>
      <c r="LZ32" s="119">
        <v>0</v>
      </c>
      <c r="MA32" s="119">
        <v>0</v>
      </c>
      <c r="MB32" s="119">
        <v>0</v>
      </c>
      <c r="MC32" s="120">
        <v>0</v>
      </c>
      <c r="MD32" s="121">
        <v>0</v>
      </c>
      <c r="ME32" s="142">
        <v>0</v>
      </c>
      <c r="MF32" s="119">
        <v>0</v>
      </c>
      <c r="MG32" s="120">
        <v>0</v>
      </c>
      <c r="MH32" s="145"/>
      <c r="MI32" s="119">
        <v>0</v>
      </c>
      <c r="MJ32" s="119">
        <v>462101</v>
      </c>
      <c r="MK32" s="119">
        <v>1013561</v>
      </c>
      <c r="ML32" s="119">
        <v>840951</v>
      </c>
      <c r="MM32" s="119">
        <v>499481</v>
      </c>
      <c r="MN32" s="120">
        <v>2816094</v>
      </c>
      <c r="MO32" s="143">
        <v>2816094</v>
      </c>
      <c r="MP32" s="142">
        <v>0</v>
      </c>
      <c r="MQ32" s="119">
        <v>0</v>
      </c>
      <c r="MR32" s="120">
        <v>0</v>
      </c>
      <c r="MS32" s="145"/>
      <c r="MT32" s="119">
        <v>0</v>
      </c>
      <c r="MU32" s="119">
        <v>223821</v>
      </c>
      <c r="MV32" s="119">
        <v>0</v>
      </c>
      <c r="MW32" s="119">
        <v>236637</v>
      </c>
      <c r="MX32" s="119">
        <v>514114</v>
      </c>
      <c r="MY32" s="120">
        <v>974572</v>
      </c>
      <c r="MZ32" s="143">
        <v>974572</v>
      </c>
      <c r="NA32" s="142">
        <v>0</v>
      </c>
      <c r="NB32" s="119">
        <v>0</v>
      </c>
      <c r="NC32" s="120">
        <v>0</v>
      </c>
      <c r="ND32" s="145"/>
      <c r="NE32" s="119">
        <v>0</v>
      </c>
      <c r="NF32" s="119">
        <v>238280</v>
      </c>
      <c r="NG32" s="119">
        <v>1013561</v>
      </c>
      <c r="NH32" s="119">
        <v>238064</v>
      </c>
      <c r="NI32" s="119">
        <v>-14633</v>
      </c>
      <c r="NJ32" s="120">
        <v>1475272</v>
      </c>
      <c r="NK32" s="321">
        <v>1475272</v>
      </c>
      <c r="NL32" s="142">
        <v>0</v>
      </c>
      <c r="NM32" s="119">
        <v>0</v>
      </c>
      <c r="NN32" s="120">
        <v>0</v>
      </c>
      <c r="NO32" s="145"/>
      <c r="NP32" s="119">
        <v>0</v>
      </c>
      <c r="NQ32" s="119">
        <v>0</v>
      </c>
      <c r="NR32" s="119">
        <v>0</v>
      </c>
      <c r="NS32" s="119">
        <v>0</v>
      </c>
      <c r="NT32" s="119">
        <v>0</v>
      </c>
      <c r="NU32" s="120">
        <v>0</v>
      </c>
      <c r="NV32" s="121">
        <v>0</v>
      </c>
      <c r="NW32" s="142">
        <v>0</v>
      </c>
      <c r="NX32" s="119">
        <v>0</v>
      </c>
      <c r="NY32" s="120">
        <v>0</v>
      </c>
      <c r="NZ32" s="145"/>
      <c r="OA32" s="119">
        <v>0</v>
      </c>
      <c r="OB32" s="119">
        <v>0</v>
      </c>
      <c r="OC32" s="119">
        <v>0</v>
      </c>
      <c r="OD32" s="119">
        <v>366250</v>
      </c>
      <c r="OE32" s="119">
        <v>0</v>
      </c>
      <c r="OF32" s="120">
        <v>366250</v>
      </c>
      <c r="OG32" s="121">
        <v>366250</v>
      </c>
      <c r="OH32" s="142">
        <v>88204</v>
      </c>
      <c r="OI32" s="119">
        <v>261390</v>
      </c>
      <c r="OJ32" s="141">
        <v>349594</v>
      </c>
      <c r="OK32" s="118">
        <v>0</v>
      </c>
      <c r="OL32" s="119">
        <v>1304229</v>
      </c>
      <c r="OM32" s="119">
        <v>2670673</v>
      </c>
      <c r="ON32" s="119">
        <v>3865962</v>
      </c>
      <c r="OO32" s="119">
        <v>3100217</v>
      </c>
      <c r="OP32" s="119">
        <v>1446697</v>
      </c>
      <c r="OQ32" s="120">
        <v>12387778</v>
      </c>
      <c r="OR32" s="143">
        <v>12737372</v>
      </c>
    </row>
    <row r="33" spans="1:408" ht="20.25" customHeight="1" x14ac:dyDescent="0.2">
      <c r="A33" s="126" t="s">
        <v>28</v>
      </c>
      <c r="B33" s="110">
        <v>0</v>
      </c>
      <c r="C33" s="114">
        <v>5600</v>
      </c>
      <c r="D33" s="113">
        <v>5600</v>
      </c>
      <c r="E33" s="109">
        <v>0</v>
      </c>
      <c r="F33" s="114">
        <v>397036</v>
      </c>
      <c r="G33" s="114">
        <v>373141</v>
      </c>
      <c r="H33" s="114">
        <v>298908</v>
      </c>
      <c r="I33" s="114">
        <v>0</v>
      </c>
      <c r="J33" s="114">
        <v>63864</v>
      </c>
      <c r="K33" s="173">
        <v>1132949</v>
      </c>
      <c r="L33" s="116">
        <v>1138549</v>
      </c>
      <c r="M33" s="110">
        <v>0</v>
      </c>
      <c r="N33" s="114">
        <v>0</v>
      </c>
      <c r="O33" s="113">
        <v>0</v>
      </c>
      <c r="P33" s="110">
        <v>0</v>
      </c>
      <c r="Q33" s="114">
        <v>4144</v>
      </c>
      <c r="R33" s="114">
        <v>98525</v>
      </c>
      <c r="S33" s="114">
        <v>109180</v>
      </c>
      <c r="T33" s="114">
        <v>0</v>
      </c>
      <c r="U33" s="114">
        <v>0</v>
      </c>
      <c r="V33" s="113">
        <v>211849</v>
      </c>
      <c r="W33" s="116">
        <v>211849</v>
      </c>
      <c r="X33" s="110">
        <v>0</v>
      </c>
      <c r="Y33" s="114">
        <v>0</v>
      </c>
      <c r="Z33" s="113">
        <v>0</v>
      </c>
      <c r="AA33" s="110">
        <v>0</v>
      </c>
      <c r="AB33" s="114">
        <v>0</v>
      </c>
      <c r="AC33" s="114">
        <v>0</v>
      </c>
      <c r="AD33" s="114">
        <v>66304</v>
      </c>
      <c r="AE33" s="114">
        <v>0</v>
      </c>
      <c r="AF33" s="114">
        <v>0</v>
      </c>
      <c r="AG33" s="113">
        <v>66304</v>
      </c>
      <c r="AH33" s="116">
        <v>66304</v>
      </c>
      <c r="AI33" s="110">
        <v>0</v>
      </c>
      <c r="AJ33" s="114">
        <v>0</v>
      </c>
      <c r="AK33" s="113">
        <v>0</v>
      </c>
      <c r="AL33" s="110">
        <v>0</v>
      </c>
      <c r="AM33" s="114">
        <v>0</v>
      </c>
      <c r="AN33" s="114">
        <v>0</v>
      </c>
      <c r="AO33" s="114">
        <v>0</v>
      </c>
      <c r="AP33" s="114">
        <v>0</v>
      </c>
      <c r="AQ33" s="114">
        <v>0</v>
      </c>
      <c r="AR33" s="113">
        <v>0</v>
      </c>
      <c r="AS33" s="116">
        <v>0</v>
      </c>
      <c r="AT33" s="110">
        <v>0</v>
      </c>
      <c r="AU33" s="114">
        <v>0</v>
      </c>
      <c r="AV33" s="113">
        <v>0</v>
      </c>
      <c r="AW33" s="110">
        <v>0</v>
      </c>
      <c r="AX33" s="114">
        <v>0</v>
      </c>
      <c r="AY33" s="114">
        <v>81981</v>
      </c>
      <c r="AZ33" s="114">
        <v>33276</v>
      </c>
      <c r="BA33" s="114">
        <v>0</v>
      </c>
      <c r="BB33" s="114">
        <v>0</v>
      </c>
      <c r="BC33" s="113">
        <v>115257</v>
      </c>
      <c r="BD33" s="116">
        <v>115257</v>
      </c>
      <c r="BE33" s="110">
        <v>0</v>
      </c>
      <c r="BF33" s="114">
        <v>0</v>
      </c>
      <c r="BG33" s="112">
        <v>0</v>
      </c>
      <c r="BH33" s="111">
        <v>0</v>
      </c>
      <c r="BI33" s="114">
        <v>0</v>
      </c>
      <c r="BJ33" s="114">
        <v>0</v>
      </c>
      <c r="BK33" s="114">
        <v>0</v>
      </c>
      <c r="BL33" s="114">
        <v>0</v>
      </c>
      <c r="BM33" s="114">
        <v>0</v>
      </c>
      <c r="BN33" s="113">
        <v>0</v>
      </c>
      <c r="BO33" s="116">
        <v>0</v>
      </c>
      <c r="BP33" s="110">
        <v>0</v>
      </c>
      <c r="BQ33" s="114">
        <v>0</v>
      </c>
      <c r="BR33" s="113">
        <v>0</v>
      </c>
      <c r="BS33" s="110">
        <v>0</v>
      </c>
      <c r="BT33" s="114">
        <v>4144</v>
      </c>
      <c r="BU33" s="114">
        <v>16544</v>
      </c>
      <c r="BV33" s="114">
        <v>9600</v>
      </c>
      <c r="BW33" s="114">
        <v>0</v>
      </c>
      <c r="BX33" s="114">
        <v>0</v>
      </c>
      <c r="BY33" s="113">
        <v>30288</v>
      </c>
      <c r="BZ33" s="116">
        <v>30288</v>
      </c>
      <c r="CA33" s="110">
        <v>0</v>
      </c>
      <c r="CB33" s="114">
        <v>0</v>
      </c>
      <c r="CC33" s="113">
        <v>0</v>
      </c>
      <c r="CD33" s="110">
        <v>0</v>
      </c>
      <c r="CE33" s="114">
        <v>209596</v>
      </c>
      <c r="CF33" s="114">
        <v>0</v>
      </c>
      <c r="CG33" s="114">
        <v>0</v>
      </c>
      <c r="CH33" s="114">
        <v>0</v>
      </c>
      <c r="CI33" s="114">
        <v>0</v>
      </c>
      <c r="CJ33" s="113">
        <v>209596</v>
      </c>
      <c r="CK33" s="116">
        <v>209596</v>
      </c>
      <c r="CL33" s="110">
        <v>0</v>
      </c>
      <c r="CM33" s="114">
        <v>0</v>
      </c>
      <c r="CN33" s="113">
        <v>0</v>
      </c>
      <c r="CO33" s="111">
        <v>0</v>
      </c>
      <c r="CP33" s="114">
        <v>209596</v>
      </c>
      <c r="CQ33" s="114">
        <v>0</v>
      </c>
      <c r="CR33" s="114">
        <v>0</v>
      </c>
      <c r="CS33" s="114">
        <v>0</v>
      </c>
      <c r="CT33" s="114">
        <v>0</v>
      </c>
      <c r="CU33" s="113">
        <v>209596</v>
      </c>
      <c r="CV33" s="116">
        <v>209596</v>
      </c>
      <c r="CW33" s="110">
        <v>0</v>
      </c>
      <c r="CX33" s="114">
        <v>0</v>
      </c>
      <c r="CY33" s="113">
        <v>0</v>
      </c>
      <c r="CZ33" s="110">
        <v>0</v>
      </c>
      <c r="DA33" s="114">
        <v>0</v>
      </c>
      <c r="DB33" s="114">
        <v>0</v>
      </c>
      <c r="DC33" s="114">
        <v>0</v>
      </c>
      <c r="DD33" s="114">
        <v>0</v>
      </c>
      <c r="DE33" s="114">
        <v>0</v>
      </c>
      <c r="DF33" s="113">
        <v>0</v>
      </c>
      <c r="DG33" s="116">
        <v>0</v>
      </c>
      <c r="DH33" s="110">
        <v>0</v>
      </c>
      <c r="DI33" s="114">
        <v>0</v>
      </c>
      <c r="DJ33" s="112">
        <v>0</v>
      </c>
      <c r="DK33" s="111">
        <v>0</v>
      </c>
      <c r="DL33" s="114">
        <v>0</v>
      </c>
      <c r="DM33" s="114">
        <v>0</v>
      </c>
      <c r="DN33" s="114">
        <v>0</v>
      </c>
      <c r="DO33" s="114">
        <v>0</v>
      </c>
      <c r="DP33" s="114">
        <v>63864</v>
      </c>
      <c r="DQ33" s="113">
        <v>63864</v>
      </c>
      <c r="DR33" s="116">
        <v>63864</v>
      </c>
      <c r="DS33" s="110">
        <v>0</v>
      </c>
      <c r="DT33" s="114">
        <v>0</v>
      </c>
      <c r="DU33" s="113">
        <v>0</v>
      </c>
      <c r="DV33" s="110">
        <v>0</v>
      </c>
      <c r="DW33" s="114">
        <v>0</v>
      </c>
      <c r="DX33" s="114">
        <v>0</v>
      </c>
      <c r="DY33" s="114">
        <v>0</v>
      </c>
      <c r="DZ33" s="114">
        <v>0</v>
      </c>
      <c r="EA33" s="114">
        <v>63864</v>
      </c>
      <c r="EB33" s="113">
        <v>63864</v>
      </c>
      <c r="EC33" s="116">
        <v>63864</v>
      </c>
      <c r="ED33" s="110">
        <v>0</v>
      </c>
      <c r="EE33" s="112">
        <v>0</v>
      </c>
      <c r="EF33" s="113">
        <v>0</v>
      </c>
      <c r="EG33" s="110">
        <v>0</v>
      </c>
      <c r="EH33" s="114">
        <v>0</v>
      </c>
      <c r="EI33" s="114">
        <v>0</v>
      </c>
      <c r="EJ33" s="114">
        <v>0</v>
      </c>
      <c r="EK33" s="114">
        <v>0</v>
      </c>
      <c r="EL33" s="114">
        <v>0</v>
      </c>
      <c r="EM33" s="112">
        <v>0</v>
      </c>
      <c r="EN33" s="116">
        <v>0</v>
      </c>
      <c r="EO33" s="110">
        <v>0</v>
      </c>
      <c r="EP33" s="114">
        <v>0</v>
      </c>
      <c r="EQ33" s="112">
        <v>0</v>
      </c>
      <c r="ER33" s="111">
        <v>0</v>
      </c>
      <c r="ES33" s="114">
        <v>0</v>
      </c>
      <c r="ET33" s="114">
        <v>0</v>
      </c>
      <c r="EU33" s="114">
        <v>0</v>
      </c>
      <c r="EV33" s="114">
        <v>0</v>
      </c>
      <c r="EW33" s="114">
        <v>0</v>
      </c>
      <c r="EX33" s="113">
        <v>0</v>
      </c>
      <c r="EY33" s="116">
        <v>0</v>
      </c>
      <c r="EZ33" s="110">
        <v>0</v>
      </c>
      <c r="FA33" s="114">
        <v>0</v>
      </c>
      <c r="FB33" s="112">
        <v>0</v>
      </c>
      <c r="FC33" s="348"/>
      <c r="FD33" s="114">
        <v>0</v>
      </c>
      <c r="FE33" s="114">
        <v>0</v>
      </c>
      <c r="FF33" s="114">
        <v>0</v>
      </c>
      <c r="FG33" s="114">
        <v>0</v>
      </c>
      <c r="FH33" s="114">
        <v>0</v>
      </c>
      <c r="FI33" s="113">
        <v>0</v>
      </c>
      <c r="FJ33" s="116">
        <v>0</v>
      </c>
      <c r="FK33" s="110">
        <v>0</v>
      </c>
      <c r="FL33" s="114">
        <v>5600</v>
      </c>
      <c r="FM33" s="113">
        <v>5600</v>
      </c>
      <c r="FN33" s="110">
        <v>0</v>
      </c>
      <c r="FO33" s="114">
        <v>34448</v>
      </c>
      <c r="FP33" s="114">
        <v>105696</v>
      </c>
      <c r="FQ33" s="114">
        <v>0</v>
      </c>
      <c r="FR33" s="114">
        <v>0</v>
      </c>
      <c r="FS33" s="114">
        <v>0</v>
      </c>
      <c r="FT33" s="113">
        <v>140144</v>
      </c>
      <c r="FU33" s="116">
        <v>145744</v>
      </c>
      <c r="FV33" s="115">
        <v>0</v>
      </c>
      <c r="FW33" s="114">
        <v>5600</v>
      </c>
      <c r="FX33" s="112">
        <v>5600</v>
      </c>
      <c r="FY33" s="111">
        <v>0</v>
      </c>
      <c r="FZ33" s="114">
        <v>34448</v>
      </c>
      <c r="GA33" s="114">
        <v>75776</v>
      </c>
      <c r="GB33" s="114">
        <v>0</v>
      </c>
      <c r="GC33" s="114">
        <v>0</v>
      </c>
      <c r="GD33" s="114">
        <v>0</v>
      </c>
      <c r="GE33" s="113">
        <v>110224</v>
      </c>
      <c r="GF33" s="319">
        <v>115824</v>
      </c>
      <c r="GG33" s="115">
        <v>0</v>
      </c>
      <c r="GH33" s="114">
        <v>0</v>
      </c>
      <c r="GI33" s="112">
        <v>0</v>
      </c>
      <c r="GJ33" s="111">
        <v>0</v>
      </c>
      <c r="GK33" s="114">
        <v>0</v>
      </c>
      <c r="GL33" s="114">
        <v>29920</v>
      </c>
      <c r="GM33" s="114">
        <v>0</v>
      </c>
      <c r="GN33" s="114">
        <v>0</v>
      </c>
      <c r="GO33" s="114">
        <v>0</v>
      </c>
      <c r="GP33" s="113">
        <v>29920</v>
      </c>
      <c r="GQ33" s="116">
        <v>29920</v>
      </c>
      <c r="GR33" s="110">
        <v>0</v>
      </c>
      <c r="GS33" s="114">
        <v>0</v>
      </c>
      <c r="GT33" s="113">
        <v>0</v>
      </c>
      <c r="GU33" s="110">
        <v>0</v>
      </c>
      <c r="GV33" s="114">
        <v>0</v>
      </c>
      <c r="GW33" s="114">
        <v>0</v>
      </c>
      <c r="GX33" s="114">
        <v>0</v>
      </c>
      <c r="GY33" s="114">
        <v>0</v>
      </c>
      <c r="GZ33" s="114">
        <v>0</v>
      </c>
      <c r="HA33" s="112">
        <v>0</v>
      </c>
      <c r="HB33" s="116">
        <v>0</v>
      </c>
      <c r="HC33" s="110">
        <v>0</v>
      </c>
      <c r="HD33" s="114">
        <v>0</v>
      </c>
      <c r="HE33" s="112">
        <v>0</v>
      </c>
      <c r="HF33" s="111">
        <v>0</v>
      </c>
      <c r="HG33" s="114">
        <v>148848</v>
      </c>
      <c r="HH33" s="114">
        <v>168920</v>
      </c>
      <c r="HI33" s="114">
        <v>189728</v>
      </c>
      <c r="HJ33" s="114">
        <v>0</v>
      </c>
      <c r="HK33" s="114">
        <v>0</v>
      </c>
      <c r="HL33" s="113">
        <v>507496</v>
      </c>
      <c r="HM33" s="109">
        <v>507496</v>
      </c>
      <c r="HN33" s="329"/>
      <c r="HO33" s="330"/>
      <c r="HP33" s="331"/>
      <c r="HQ33" s="332"/>
      <c r="HR33" s="330"/>
      <c r="HS33" s="330"/>
      <c r="HT33" s="330"/>
      <c r="HU33" s="330"/>
      <c r="HV33" s="330"/>
      <c r="HW33" s="333"/>
      <c r="HX33" s="334"/>
      <c r="HY33" s="131">
        <v>0</v>
      </c>
      <c r="HZ33" s="132">
        <v>0</v>
      </c>
      <c r="IA33" s="133">
        <v>0</v>
      </c>
      <c r="IB33" s="146">
        <v>0</v>
      </c>
      <c r="IC33" s="132">
        <v>102840</v>
      </c>
      <c r="ID33" s="147">
        <v>64256</v>
      </c>
      <c r="IE33" s="133">
        <v>0</v>
      </c>
      <c r="IF33" s="132">
        <v>0</v>
      </c>
      <c r="IG33" s="133">
        <v>201224</v>
      </c>
      <c r="IH33" s="148">
        <v>368320</v>
      </c>
      <c r="II33" s="139">
        <v>368320</v>
      </c>
      <c r="IJ33" s="232">
        <v>0</v>
      </c>
      <c r="IK33" s="236">
        <v>0</v>
      </c>
      <c r="IL33" s="237">
        <v>0</v>
      </c>
      <c r="IM33" s="140"/>
      <c r="IN33" s="119">
        <v>0</v>
      </c>
      <c r="IO33" s="119">
        <v>0</v>
      </c>
      <c r="IP33" s="119">
        <v>0</v>
      </c>
      <c r="IQ33" s="119">
        <v>0</v>
      </c>
      <c r="IR33" s="119">
        <v>0</v>
      </c>
      <c r="IS33" s="141">
        <v>0</v>
      </c>
      <c r="IT33" s="321">
        <v>0</v>
      </c>
      <c r="IU33" s="142">
        <v>0</v>
      </c>
      <c r="IV33" s="119">
        <v>0</v>
      </c>
      <c r="IW33" s="120">
        <v>0</v>
      </c>
      <c r="IX33" s="144"/>
      <c r="IY33" s="119">
        <v>0</v>
      </c>
      <c r="IZ33" s="119">
        <v>0</v>
      </c>
      <c r="JA33" s="119">
        <v>0</v>
      </c>
      <c r="JB33" s="119">
        <v>0</v>
      </c>
      <c r="JC33" s="119">
        <v>0</v>
      </c>
      <c r="JD33" s="120">
        <v>0</v>
      </c>
      <c r="JE33" s="121">
        <v>0</v>
      </c>
      <c r="JF33" s="142">
        <v>0</v>
      </c>
      <c r="JG33" s="119">
        <v>0</v>
      </c>
      <c r="JH33" s="141">
        <v>0</v>
      </c>
      <c r="JI33" s="118">
        <v>0</v>
      </c>
      <c r="JJ33" s="119">
        <v>102840</v>
      </c>
      <c r="JK33" s="119">
        <v>64256</v>
      </c>
      <c r="JL33" s="119">
        <v>0</v>
      </c>
      <c r="JM33" s="119">
        <v>0</v>
      </c>
      <c r="JN33" s="119">
        <v>0</v>
      </c>
      <c r="JO33" s="120">
        <v>167096</v>
      </c>
      <c r="JP33" s="321">
        <v>167096</v>
      </c>
      <c r="JQ33" s="142">
        <v>0</v>
      </c>
      <c r="JR33" s="119">
        <v>0</v>
      </c>
      <c r="JS33" s="141">
        <v>0</v>
      </c>
      <c r="JT33" s="118">
        <v>0</v>
      </c>
      <c r="JU33" s="119">
        <v>0</v>
      </c>
      <c r="JV33" s="119">
        <v>0</v>
      </c>
      <c r="JW33" s="119">
        <v>0</v>
      </c>
      <c r="JX33" s="119">
        <v>0</v>
      </c>
      <c r="JY33" s="119">
        <v>13496</v>
      </c>
      <c r="JZ33" s="120">
        <v>13496</v>
      </c>
      <c r="KA33" s="321">
        <v>13496</v>
      </c>
      <c r="KB33" s="234">
        <v>0</v>
      </c>
      <c r="KC33" s="230">
        <v>0</v>
      </c>
      <c r="KD33" s="120">
        <v>0</v>
      </c>
      <c r="KE33" s="118">
        <v>0</v>
      </c>
      <c r="KF33" s="119">
        <v>0</v>
      </c>
      <c r="KG33" s="119">
        <v>0</v>
      </c>
      <c r="KH33" s="119">
        <v>0</v>
      </c>
      <c r="KI33" s="119">
        <v>0</v>
      </c>
      <c r="KJ33" s="119">
        <v>0</v>
      </c>
      <c r="KK33" s="120">
        <v>0</v>
      </c>
      <c r="KL33" s="143">
        <v>0</v>
      </c>
      <c r="KM33" s="232">
        <v>0</v>
      </c>
      <c r="KN33" s="236">
        <v>0</v>
      </c>
      <c r="KO33" s="237">
        <v>0</v>
      </c>
      <c r="KP33" s="140"/>
      <c r="KQ33" s="119">
        <v>0</v>
      </c>
      <c r="KR33" s="119">
        <v>0</v>
      </c>
      <c r="KS33" s="119">
        <v>0</v>
      </c>
      <c r="KT33" s="119">
        <v>0</v>
      </c>
      <c r="KU33" s="119">
        <v>187728</v>
      </c>
      <c r="KV33" s="120">
        <v>187728</v>
      </c>
      <c r="KW33" s="321">
        <v>187728</v>
      </c>
      <c r="KX33" s="142">
        <v>0</v>
      </c>
      <c r="KY33" s="119">
        <v>0</v>
      </c>
      <c r="KZ33" s="120">
        <v>0</v>
      </c>
      <c r="LA33" s="145"/>
      <c r="LB33" s="119">
        <v>0</v>
      </c>
      <c r="LC33" s="119">
        <v>0</v>
      </c>
      <c r="LD33" s="119">
        <v>0</v>
      </c>
      <c r="LE33" s="119">
        <v>0</v>
      </c>
      <c r="LF33" s="119">
        <v>0</v>
      </c>
      <c r="LG33" s="120">
        <v>0</v>
      </c>
      <c r="LH33" s="121">
        <v>0</v>
      </c>
      <c r="LI33" s="142">
        <v>0</v>
      </c>
      <c r="LJ33" s="119">
        <v>0</v>
      </c>
      <c r="LK33" s="120">
        <v>0</v>
      </c>
      <c r="LL33" s="145"/>
      <c r="LM33" s="119">
        <v>0</v>
      </c>
      <c r="LN33" s="119">
        <v>0</v>
      </c>
      <c r="LO33" s="119">
        <v>0</v>
      </c>
      <c r="LP33" s="119">
        <v>0</v>
      </c>
      <c r="LQ33" s="119">
        <v>0</v>
      </c>
      <c r="LR33" s="120">
        <v>0</v>
      </c>
      <c r="LS33" s="321">
        <v>0</v>
      </c>
      <c r="LT33" s="142">
        <v>0</v>
      </c>
      <c r="LU33" s="119">
        <v>0</v>
      </c>
      <c r="LV33" s="120">
        <v>0</v>
      </c>
      <c r="LW33" s="145"/>
      <c r="LX33" s="119">
        <v>0</v>
      </c>
      <c r="LY33" s="119">
        <v>0</v>
      </c>
      <c r="LZ33" s="119">
        <v>0</v>
      </c>
      <c r="MA33" s="119">
        <v>0</v>
      </c>
      <c r="MB33" s="119">
        <v>0</v>
      </c>
      <c r="MC33" s="120">
        <v>0</v>
      </c>
      <c r="MD33" s="121">
        <v>0</v>
      </c>
      <c r="ME33" s="142">
        <v>0</v>
      </c>
      <c r="MF33" s="119">
        <v>0</v>
      </c>
      <c r="MG33" s="120">
        <v>0</v>
      </c>
      <c r="MH33" s="145"/>
      <c r="MI33" s="119">
        <v>0</v>
      </c>
      <c r="MJ33" s="119">
        <v>208912</v>
      </c>
      <c r="MK33" s="119">
        <v>0</v>
      </c>
      <c r="ML33" s="119">
        <v>494880</v>
      </c>
      <c r="MM33" s="119">
        <v>0</v>
      </c>
      <c r="MN33" s="120">
        <v>703792</v>
      </c>
      <c r="MO33" s="143">
        <v>703792</v>
      </c>
      <c r="MP33" s="142">
        <v>0</v>
      </c>
      <c r="MQ33" s="119">
        <v>0</v>
      </c>
      <c r="MR33" s="120">
        <v>0</v>
      </c>
      <c r="MS33" s="145"/>
      <c r="MT33" s="119">
        <v>0</v>
      </c>
      <c r="MU33" s="119">
        <v>0</v>
      </c>
      <c r="MV33" s="119">
        <v>0</v>
      </c>
      <c r="MW33" s="119">
        <v>218544</v>
      </c>
      <c r="MX33" s="119">
        <v>0</v>
      </c>
      <c r="MY33" s="120">
        <v>218544</v>
      </c>
      <c r="MZ33" s="143">
        <v>218544</v>
      </c>
      <c r="NA33" s="142">
        <v>0</v>
      </c>
      <c r="NB33" s="119">
        <v>0</v>
      </c>
      <c r="NC33" s="120">
        <v>0</v>
      </c>
      <c r="ND33" s="145"/>
      <c r="NE33" s="119">
        <v>0</v>
      </c>
      <c r="NF33" s="119">
        <v>208912</v>
      </c>
      <c r="NG33" s="119">
        <v>0</v>
      </c>
      <c r="NH33" s="119">
        <v>276336</v>
      </c>
      <c r="NI33" s="119">
        <v>0</v>
      </c>
      <c r="NJ33" s="120">
        <v>485248</v>
      </c>
      <c r="NK33" s="321">
        <v>485248</v>
      </c>
      <c r="NL33" s="142">
        <v>0</v>
      </c>
      <c r="NM33" s="119">
        <v>0</v>
      </c>
      <c r="NN33" s="120">
        <v>0</v>
      </c>
      <c r="NO33" s="145"/>
      <c r="NP33" s="119">
        <v>0</v>
      </c>
      <c r="NQ33" s="119">
        <v>0</v>
      </c>
      <c r="NR33" s="119">
        <v>0</v>
      </c>
      <c r="NS33" s="119">
        <v>0</v>
      </c>
      <c r="NT33" s="119">
        <v>0</v>
      </c>
      <c r="NU33" s="120">
        <v>0</v>
      </c>
      <c r="NV33" s="121">
        <v>0</v>
      </c>
      <c r="NW33" s="142">
        <v>0</v>
      </c>
      <c r="NX33" s="119">
        <v>0</v>
      </c>
      <c r="NY33" s="120">
        <v>0</v>
      </c>
      <c r="NZ33" s="145"/>
      <c r="OA33" s="119">
        <v>0</v>
      </c>
      <c r="OB33" s="119">
        <v>0</v>
      </c>
      <c r="OC33" s="119">
        <v>0</v>
      </c>
      <c r="OD33" s="119">
        <v>0</v>
      </c>
      <c r="OE33" s="119">
        <v>0</v>
      </c>
      <c r="OF33" s="120">
        <v>0</v>
      </c>
      <c r="OG33" s="121">
        <v>0</v>
      </c>
      <c r="OH33" s="142">
        <v>0</v>
      </c>
      <c r="OI33" s="119">
        <v>5600</v>
      </c>
      <c r="OJ33" s="141">
        <v>5600</v>
      </c>
      <c r="OK33" s="118">
        <v>0</v>
      </c>
      <c r="OL33" s="119">
        <v>499876</v>
      </c>
      <c r="OM33" s="119">
        <v>646309</v>
      </c>
      <c r="ON33" s="119">
        <v>298908</v>
      </c>
      <c r="OO33" s="119">
        <v>494880</v>
      </c>
      <c r="OP33" s="119">
        <v>265088</v>
      </c>
      <c r="OQ33" s="120">
        <v>2205061</v>
      </c>
      <c r="OR33" s="143">
        <v>2210661</v>
      </c>
    </row>
    <row r="34" spans="1:408" ht="20.25" customHeight="1" x14ac:dyDescent="0.2">
      <c r="A34" s="126" t="s">
        <v>29</v>
      </c>
      <c r="B34" s="110">
        <v>12000</v>
      </c>
      <c r="C34" s="114">
        <v>17968</v>
      </c>
      <c r="D34" s="113">
        <v>29968</v>
      </c>
      <c r="E34" s="109">
        <v>0</v>
      </c>
      <c r="F34" s="114">
        <v>409001</v>
      </c>
      <c r="G34" s="114">
        <v>436982</v>
      </c>
      <c r="H34" s="114">
        <v>203560</v>
      </c>
      <c r="I34" s="114">
        <v>280280</v>
      </c>
      <c r="J34" s="114">
        <v>310504</v>
      </c>
      <c r="K34" s="173">
        <v>1640327</v>
      </c>
      <c r="L34" s="116">
        <v>1670295</v>
      </c>
      <c r="M34" s="110">
        <v>0</v>
      </c>
      <c r="N34" s="114">
        <v>13888</v>
      </c>
      <c r="O34" s="113">
        <v>13888</v>
      </c>
      <c r="P34" s="110">
        <v>0</v>
      </c>
      <c r="Q34" s="114">
        <v>84992</v>
      </c>
      <c r="R34" s="114">
        <v>39728</v>
      </c>
      <c r="S34" s="114">
        <v>12960</v>
      </c>
      <c r="T34" s="114">
        <v>167520</v>
      </c>
      <c r="U34" s="114">
        <v>82552</v>
      </c>
      <c r="V34" s="113">
        <v>387752</v>
      </c>
      <c r="W34" s="116">
        <v>401640</v>
      </c>
      <c r="X34" s="110">
        <v>0</v>
      </c>
      <c r="Y34" s="114">
        <v>0</v>
      </c>
      <c r="Z34" s="113">
        <v>0</v>
      </c>
      <c r="AA34" s="110">
        <v>0</v>
      </c>
      <c r="AB34" s="114">
        <v>45320</v>
      </c>
      <c r="AC34" s="114">
        <v>0</v>
      </c>
      <c r="AD34" s="114">
        <v>0</v>
      </c>
      <c r="AE34" s="114">
        <v>167520</v>
      </c>
      <c r="AF34" s="114">
        <v>0</v>
      </c>
      <c r="AG34" s="113">
        <v>212840</v>
      </c>
      <c r="AH34" s="116">
        <v>212840</v>
      </c>
      <c r="AI34" s="110">
        <v>0</v>
      </c>
      <c r="AJ34" s="114">
        <v>0</v>
      </c>
      <c r="AK34" s="113">
        <v>0</v>
      </c>
      <c r="AL34" s="110">
        <v>0</v>
      </c>
      <c r="AM34" s="114">
        <v>0</v>
      </c>
      <c r="AN34" s="114">
        <v>0</v>
      </c>
      <c r="AO34" s="114">
        <v>0</v>
      </c>
      <c r="AP34" s="114">
        <v>0</v>
      </c>
      <c r="AQ34" s="114">
        <v>54080</v>
      </c>
      <c r="AR34" s="113">
        <v>54080</v>
      </c>
      <c r="AS34" s="116">
        <v>54080</v>
      </c>
      <c r="AT34" s="110">
        <v>0</v>
      </c>
      <c r="AU34" s="114">
        <v>13888</v>
      </c>
      <c r="AV34" s="113">
        <v>13888</v>
      </c>
      <c r="AW34" s="110">
        <v>0</v>
      </c>
      <c r="AX34" s="114">
        <v>39672</v>
      </c>
      <c r="AY34" s="114">
        <v>0</v>
      </c>
      <c r="AZ34" s="114">
        <v>12960</v>
      </c>
      <c r="BA34" s="114">
        <v>0</v>
      </c>
      <c r="BB34" s="114">
        <v>23704</v>
      </c>
      <c r="BC34" s="113">
        <v>76336</v>
      </c>
      <c r="BD34" s="116">
        <v>90224</v>
      </c>
      <c r="BE34" s="110">
        <v>0</v>
      </c>
      <c r="BF34" s="114">
        <v>0</v>
      </c>
      <c r="BG34" s="112">
        <v>0</v>
      </c>
      <c r="BH34" s="111">
        <v>0</v>
      </c>
      <c r="BI34" s="114">
        <v>0</v>
      </c>
      <c r="BJ34" s="114">
        <v>0</v>
      </c>
      <c r="BK34" s="114">
        <v>0</v>
      </c>
      <c r="BL34" s="114">
        <v>0</v>
      </c>
      <c r="BM34" s="114">
        <v>0</v>
      </c>
      <c r="BN34" s="113">
        <v>0</v>
      </c>
      <c r="BO34" s="116">
        <v>0</v>
      </c>
      <c r="BP34" s="110">
        <v>0</v>
      </c>
      <c r="BQ34" s="114">
        <v>0</v>
      </c>
      <c r="BR34" s="113">
        <v>0</v>
      </c>
      <c r="BS34" s="110">
        <v>0</v>
      </c>
      <c r="BT34" s="114">
        <v>0</v>
      </c>
      <c r="BU34" s="114">
        <v>39728</v>
      </c>
      <c r="BV34" s="114">
        <v>0</v>
      </c>
      <c r="BW34" s="114">
        <v>0</v>
      </c>
      <c r="BX34" s="114">
        <v>4768</v>
      </c>
      <c r="BY34" s="113">
        <v>44496</v>
      </c>
      <c r="BZ34" s="116">
        <v>44496</v>
      </c>
      <c r="CA34" s="110">
        <v>0</v>
      </c>
      <c r="CB34" s="114">
        <v>0</v>
      </c>
      <c r="CC34" s="113">
        <v>0</v>
      </c>
      <c r="CD34" s="110">
        <v>0</v>
      </c>
      <c r="CE34" s="114">
        <v>314329</v>
      </c>
      <c r="CF34" s="114">
        <v>52032</v>
      </c>
      <c r="CG34" s="114">
        <v>154840</v>
      </c>
      <c r="CH34" s="114">
        <v>80760</v>
      </c>
      <c r="CI34" s="114">
        <v>44600</v>
      </c>
      <c r="CJ34" s="113">
        <v>646561</v>
      </c>
      <c r="CK34" s="116">
        <v>646561</v>
      </c>
      <c r="CL34" s="110">
        <v>0</v>
      </c>
      <c r="CM34" s="114">
        <v>0</v>
      </c>
      <c r="CN34" s="113">
        <v>0</v>
      </c>
      <c r="CO34" s="111">
        <v>0</v>
      </c>
      <c r="CP34" s="114">
        <v>260120</v>
      </c>
      <c r="CQ34" s="114">
        <v>52032</v>
      </c>
      <c r="CR34" s="114">
        <v>56928</v>
      </c>
      <c r="CS34" s="114">
        <v>0</v>
      </c>
      <c r="CT34" s="114">
        <v>44600</v>
      </c>
      <c r="CU34" s="113">
        <v>413680</v>
      </c>
      <c r="CV34" s="116">
        <v>413680</v>
      </c>
      <c r="CW34" s="110">
        <v>0</v>
      </c>
      <c r="CX34" s="114">
        <v>0</v>
      </c>
      <c r="CY34" s="113">
        <v>0</v>
      </c>
      <c r="CZ34" s="110">
        <v>0</v>
      </c>
      <c r="DA34" s="114">
        <v>54209</v>
      </c>
      <c r="DB34" s="114">
        <v>0</v>
      </c>
      <c r="DC34" s="114">
        <v>97912</v>
      </c>
      <c r="DD34" s="114">
        <v>80760</v>
      </c>
      <c r="DE34" s="114">
        <v>0</v>
      </c>
      <c r="DF34" s="113">
        <v>232881</v>
      </c>
      <c r="DG34" s="116">
        <v>232881</v>
      </c>
      <c r="DH34" s="110">
        <v>0</v>
      </c>
      <c r="DI34" s="114">
        <v>0</v>
      </c>
      <c r="DJ34" s="112">
        <v>0</v>
      </c>
      <c r="DK34" s="111">
        <v>0</v>
      </c>
      <c r="DL34" s="114">
        <v>0</v>
      </c>
      <c r="DM34" s="114">
        <v>0</v>
      </c>
      <c r="DN34" s="114">
        <v>0</v>
      </c>
      <c r="DO34" s="114">
        <v>0</v>
      </c>
      <c r="DP34" s="114">
        <v>115128</v>
      </c>
      <c r="DQ34" s="113">
        <v>115128</v>
      </c>
      <c r="DR34" s="116">
        <v>115128</v>
      </c>
      <c r="DS34" s="110">
        <v>0</v>
      </c>
      <c r="DT34" s="114">
        <v>0</v>
      </c>
      <c r="DU34" s="113">
        <v>0</v>
      </c>
      <c r="DV34" s="110">
        <v>0</v>
      </c>
      <c r="DW34" s="114">
        <v>0</v>
      </c>
      <c r="DX34" s="114">
        <v>0</v>
      </c>
      <c r="DY34" s="114">
        <v>0</v>
      </c>
      <c r="DZ34" s="114">
        <v>0</v>
      </c>
      <c r="EA34" s="114">
        <v>72734</v>
      </c>
      <c r="EB34" s="113">
        <v>72734</v>
      </c>
      <c r="EC34" s="116">
        <v>72734</v>
      </c>
      <c r="ED34" s="110">
        <v>0</v>
      </c>
      <c r="EE34" s="112">
        <v>0</v>
      </c>
      <c r="EF34" s="113">
        <v>0</v>
      </c>
      <c r="EG34" s="110">
        <v>0</v>
      </c>
      <c r="EH34" s="114">
        <v>0</v>
      </c>
      <c r="EI34" s="114">
        <v>0</v>
      </c>
      <c r="EJ34" s="114">
        <v>0</v>
      </c>
      <c r="EK34" s="114">
        <v>0</v>
      </c>
      <c r="EL34" s="114">
        <v>42394</v>
      </c>
      <c r="EM34" s="112">
        <v>42394</v>
      </c>
      <c r="EN34" s="116">
        <v>42394</v>
      </c>
      <c r="EO34" s="110">
        <v>0</v>
      </c>
      <c r="EP34" s="114">
        <v>0</v>
      </c>
      <c r="EQ34" s="112">
        <v>0</v>
      </c>
      <c r="ER34" s="111">
        <v>0</v>
      </c>
      <c r="ES34" s="114">
        <v>0</v>
      </c>
      <c r="ET34" s="114">
        <v>0</v>
      </c>
      <c r="EU34" s="114">
        <v>0</v>
      </c>
      <c r="EV34" s="114">
        <v>0</v>
      </c>
      <c r="EW34" s="114">
        <v>0</v>
      </c>
      <c r="EX34" s="113">
        <v>0</v>
      </c>
      <c r="EY34" s="116">
        <v>0</v>
      </c>
      <c r="EZ34" s="110">
        <v>0</v>
      </c>
      <c r="FA34" s="114">
        <v>0</v>
      </c>
      <c r="FB34" s="112">
        <v>0</v>
      </c>
      <c r="FC34" s="348"/>
      <c r="FD34" s="114">
        <v>0</v>
      </c>
      <c r="FE34" s="114">
        <v>0</v>
      </c>
      <c r="FF34" s="114">
        <v>0</v>
      </c>
      <c r="FG34" s="114">
        <v>0</v>
      </c>
      <c r="FH34" s="114">
        <v>0</v>
      </c>
      <c r="FI34" s="113">
        <v>0</v>
      </c>
      <c r="FJ34" s="116">
        <v>0</v>
      </c>
      <c r="FK34" s="110">
        <v>12000</v>
      </c>
      <c r="FL34" s="114">
        <v>4080</v>
      </c>
      <c r="FM34" s="113">
        <v>16080</v>
      </c>
      <c r="FN34" s="110">
        <v>0</v>
      </c>
      <c r="FO34" s="114">
        <v>9680</v>
      </c>
      <c r="FP34" s="114">
        <v>5200</v>
      </c>
      <c r="FQ34" s="114">
        <v>35760</v>
      </c>
      <c r="FR34" s="114">
        <v>32000</v>
      </c>
      <c r="FS34" s="114">
        <v>68224</v>
      </c>
      <c r="FT34" s="113">
        <v>150864</v>
      </c>
      <c r="FU34" s="116">
        <v>166944</v>
      </c>
      <c r="FV34" s="115">
        <v>12000</v>
      </c>
      <c r="FW34" s="114">
        <v>4080</v>
      </c>
      <c r="FX34" s="112">
        <v>16080</v>
      </c>
      <c r="FY34" s="111">
        <v>0</v>
      </c>
      <c r="FZ34" s="114">
        <v>9680</v>
      </c>
      <c r="GA34" s="114">
        <v>5200</v>
      </c>
      <c r="GB34" s="114">
        <v>35760</v>
      </c>
      <c r="GC34" s="114">
        <v>32000</v>
      </c>
      <c r="GD34" s="114">
        <v>68224</v>
      </c>
      <c r="GE34" s="113">
        <v>150864</v>
      </c>
      <c r="GF34" s="319">
        <v>166944</v>
      </c>
      <c r="GG34" s="115">
        <v>0</v>
      </c>
      <c r="GH34" s="114">
        <v>0</v>
      </c>
      <c r="GI34" s="112">
        <v>0</v>
      </c>
      <c r="GJ34" s="111">
        <v>0</v>
      </c>
      <c r="GK34" s="114">
        <v>0</v>
      </c>
      <c r="GL34" s="114">
        <v>0</v>
      </c>
      <c r="GM34" s="114">
        <v>0</v>
      </c>
      <c r="GN34" s="114">
        <v>0</v>
      </c>
      <c r="GO34" s="114">
        <v>0</v>
      </c>
      <c r="GP34" s="113">
        <v>0</v>
      </c>
      <c r="GQ34" s="116">
        <v>0</v>
      </c>
      <c r="GR34" s="110">
        <v>0</v>
      </c>
      <c r="GS34" s="114">
        <v>0</v>
      </c>
      <c r="GT34" s="113">
        <v>0</v>
      </c>
      <c r="GU34" s="110">
        <v>0</v>
      </c>
      <c r="GV34" s="114">
        <v>0</v>
      </c>
      <c r="GW34" s="114">
        <v>0</v>
      </c>
      <c r="GX34" s="114">
        <v>0</v>
      </c>
      <c r="GY34" s="114">
        <v>0</v>
      </c>
      <c r="GZ34" s="114">
        <v>0</v>
      </c>
      <c r="HA34" s="112">
        <v>0</v>
      </c>
      <c r="HB34" s="116">
        <v>0</v>
      </c>
      <c r="HC34" s="110">
        <v>0</v>
      </c>
      <c r="HD34" s="114">
        <v>0</v>
      </c>
      <c r="HE34" s="112">
        <v>0</v>
      </c>
      <c r="HF34" s="111">
        <v>0</v>
      </c>
      <c r="HG34" s="114">
        <v>0</v>
      </c>
      <c r="HH34" s="114">
        <v>340022</v>
      </c>
      <c r="HI34" s="114">
        <v>0</v>
      </c>
      <c r="HJ34" s="114">
        <v>0</v>
      </c>
      <c r="HK34" s="114">
        <v>0</v>
      </c>
      <c r="HL34" s="113">
        <v>340022</v>
      </c>
      <c r="HM34" s="109">
        <v>340022</v>
      </c>
      <c r="HN34" s="329"/>
      <c r="HO34" s="330"/>
      <c r="HP34" s="331"/>
      <c r="HQ34" s="332"/>
      <c r="HR34" s="330"/>
      <c r="HS34" s="330"/>
      <c r="HT34" s="330"/>
      <c r="HU34" s="330"/>
      <c r="HV34" s="330"/>
      <c r="HW34" s="333"/>
      <c r="HX34" s="334"/>
      <c r="HY34" s="150">
        <v>0</v>
      </c>
      <c r="HZ34" s="135">
        <v>0</v>
      </c>
      <c r="IA34" s="150">
        <v>0</v>
      </c>
      <c r="IB34" s="134">
        <v>0</v>
      </c>
      <c r="IC34" s="135">
        <v>36176</v>
      </c>
      <c r="ID34" s="136">
        <v>9421</v>
      </c>
      <c r="IE34" s="137">
        <v>0</v>
      </c>
      <c r="IF34" s="135">
        <v>235176</v>
      </c>
      <c r="IG34" s="137">
        <v>0</v>
      </c>
      <c r="IH34" s="138">
        <v>280773</v>
      </c>
      <c r="II34" s="150">
        <v>280773</v>
      </c>
      <c r="IJ34" s="232">
        <v>0</v>
      </c>
      <c r="IK34" s="236">
        <v>0</v>
      </c>
      <c r="IL34" s="237">
        <v>0</v>
      </c>
      <c r="IM34" s="140"/>
      <c r="IN34" s="119">
        <v>0</v>
      </c>
      <c r="IO34" s="119">
        <v>0</v>
      </c>
      <c r="IP34" s="119">
        <v>0</v>
      </c>
      <c r="IQ34" s="119">
        <v>0</v>
      </c>
      <c r="IR34" s="119">
        <v>0</v>
      </c>
      <c r="IS34" s="141">
        <v>0</v>
      </c>
      <c r="IT34" s="321">
        <v>0</v>
      </c>
      <c r="IU34" s="142">
        <v>0</v>
      </c>
      <c r="IV34" s="119">
        <v>0</v>
      </c>
      <c r="IW34" s="120">
        <v>0</v>
      </c>
      <c r="IX34" s="144"/>
      <c r="IY34" s="119">
        <v>0</v>
      </c>
      <c r="IZ34" s="119">
        <v>0</v>
      </c>
      <c r="JA34" s="119">
        <v>0</v>
      </c>
      <c r="JB34" s="119">
        <v>0</v>
      </c>
      <c r="JC34" s="119">
        <v>0</v>
      </c>
      <c r="JD34" s="120">
        <v>0</v>
      </c>
      <c r="JE34" s="121">
        <v>0</v>
      </c>
      <c r="JF34" s="142">
        <v>0</v>
      </c>
      <c r="JG34" s="119">
        <v>0</v>
      </c>
      <c r="JH34" s="141">
        <v>0</v>
      </c>
      <c r="JI34" s="118">
        <v>0</v>
      </c>
      <c r="JJ34" s="119">
        <v>36176</v>
      </c>
      <c r="JK34" s="119">
        <v>9421</v>
      </c>
      <c r="JL34" s="119">
        <v>0</v>
      </c>
      <c r="JM34" s="119">
        <v>0</v>
      </c>
      <c r="JN34" s="119">
        <v>0</v>
      </c>
      <c r="JO34" s="120">
        <v>45597</v>
      </c>
      <c r="JP34" s="321">
        <v>45597</v>
      </c>
      <c r="JQ34" s="142">
        <v>0</v>
      </c>
      <c r="JR34" s="119">
        <v>0</v>
      </c>
      <c r="JS34" s="141">
        <v>0</v>
      </c>
      <c r="JT34" s="118">
        <v>0</v>
      </c>
      <c r="JU34" s="119">
        <v>0</v>
      </c>
      <c r="JV34" s="119">
        <v>0</v>
      </c>
      <c r="JW34" s="119">
        <v>0</v>
      </c>
      <c r="JX34" s="119">
        <v>0</v>
      </c>
      <c r="JY34" s="119">
        <v>0</v>
      </c>
      <c r="JZ34" s="120">
        <v>0</v>
      </c>
      <c r="KA34" s="321">
        <v>0</v>
      </c>
      <c r="KB34" s="234">
        <v>0</v>
      </c>
      <c r="KC34" s="230">
        <v>0</v>
      </c>
      <c r="KD34" s="120">
        <v>0</v>
      </c>
      <c r="KE34" s="118">
        <v>0</v>
      </c>
      <c r="KF34" s="119">
        <v>0</v>
      </c>
      <c r="KG34" s="119">
        <v>0</v>
      </c>
      <c r="KH34" s="119">
        <v>0</v>
      </c>
      <c r="KI34" s="119">
        <v>0</v>
      </c>
      <c r="KJ34" s="119">
        <v>0</v>
      </c>
      <c r="KK34" s="120">
        <v>0</v>
      </c>
      <c r="KL34" s="143">
        <v>0</v>
      </c>
      <c r="KM34" s="232">
        <v>0</v>
      </c>
      <c r="KN34" s="236">
        <v>0</v>
      </c>
      <c r="KO34" s="237">
        <v>0</v>
      </c>
      <c r="KP34" s="140"/>
      <c r="KQ34" s="119">
        <v>0</v>
      </c>
      <c r="KR34" s="119">
        <v>0</v>
      </c>
      <c r="KS34" s="119">
        <v>0</v>
      </c>
      <c r="KT34" s="119">
        <v>0</v>
      </c>
      <c r="KU34" s="119">
        <v>0</v>
      </c>
      <c r="KV34" s="120">
        <v>0</v>
      </c>
      <c r="KW34" s="321">
        <v>0</v>
      </c>
      <c r="KX34" s="142">
        <v>0</v>
      </c>
      <c r="KY34" s="119">
        <v>0</v>
      </c>
      <c r="KZ34" s="120">
        <v>0</v>
      </c>
      <c r="LA34" s="145"/>
      <c r="LB34" s="119">
        <v>0</v>
      </c>
      <c r="LC34" s="119">
        <v>0</v>
      </c>
      <c r="LD34" s="119">
        <v>0</v>
      </c>
      <c r="LE34" s="119">
        <v>0</v>
      </c>
      <c r="LF34" s="119">
        <v>0</v>
      </c>
      <c r="LG34" s="120">
        <v>0</v>
      </c>
      <c r="LH34" s="121">
        <v>0</v>
      </c>
      <c r="LI34" s="142">
        <v>0</v>
      </c>
      <c r="LJ34" s="119">
        <v>0</v>
      </c>
      <c r="LK34" s="120">
        <v>0</v>
      </c>
      <c r="LL34" s="145"/>
      <c r="LM34" s="119">
        <v>0</v>
      </c>
      <c r="LN34" s="119">
        <v>0</v>
      </c>
      <c r="LO34" s="119">
        <v>0</v>
      </c>
      <c r="LP34" s="119">
        <v>235176</v>
      </c>
      <c r="LQ34" s="119">
        <v>0</v>
      </c>
      <c r="LR34" s="120">
        <v>235176</v>
      </c>
      <c r="LS34" s="321">
        <v>235176</v>
      </c>
      <c r="LT34" s="142">
        <v>0</v>
      </c>
      <c r="LU34" s="119">
        <v>0</v>
      </c>
      <c r="LV34" s="120">
        <v>0</v>
      </c>
      <c r="LW34" s="145"/>
      <c r="LX34" s="119">
        <v>0</v>
      </c>
      <c r="LY34" s="119">
        <v>0</v>
      </c>
      <c r="LZ34" s="119">
        <v>0</v>
      </c>
      <c r="MA34" s="119">
        <v>0</v>
      </c>
      <c r="MB34" s="119">
        <v>0</v>
      </c>
      <c r="MC34" s="120">
        <v>0</v>
      </c>
      <c r="MD34" s="121">
        <v>0</v>
      </c>
      <c r="ME34" s="142">
        <v>0</v>
      </c>
      <c r="MF34" s="119">
        <v>0</v>
      </c>
      <c r="MG34" s="120">
        <v>0</v>
      </c>
      <c r="MH34" s="145"/>
      <c r="MI34" s="119">
        <v>0</v>
      </c>
      <c r="MJ34" s="119">
        <v>0</v>
      </c>
      <c r="MK34" s="119">
        <v>200496</v>
      </c>
      <c r="ML34" s="119">
        <v>0</v>
      </c>
      <c r="MM34" s="119">
        <v>492304</v>
      </c>
      <c r="MN34" s="120">
        <v>692800</v>
      </c>
      <c r="MO34" s="143">
        <v>692800</v>
      </c>
      <c r="MP34" s="142">
        <v>0</v>
      </c>
      <c r="MQ34" s="119">
        <v>0</v>
      </c>
      <c r="MR34" s="120">
        <v>0</v>
      </c>
      <c r="MS34" s="145"/>
      <c r="MT34" s="119">
        <v>0</v>
      </c>
      <c r="MU34" s="119">
        <v>0</v>
      </c>
      <c r="MV34" s="119">
        <v>200496</v>
      </c>
      <c r="MW34" s="119">
        <v>0</v>
      </c>
      <c r="MX34" s="119">
        <v>492304</v>
      </c>
      <c r="MY34" s="120">
        <v>692800</v>
      </c>
      <c r="MZ34" s="143">
        <v>692800</v>
      </c>
      <c r="NA34" s="142">
        <v>0</v>
      </c>
      <c r="NB34" s="119">
        <v>0</v>
      </c>
      <c r="NC34" s="120">
        <v>0</v>
      </c>
      <c r="ND34" s="145"/>
      <c r="NE34" s="119">
        <v>0</v>
      </c>
      <c r="NF34" s="119">
        <v>0</v>
      </c>
      <c r="NG34" s="119">
        <v>0</v>
      </c>
      <c r="NH34" s="119">
        <v>0</v>
      </c>
      <c r="NI34" s="119">
        <v>0</v>
      </c>
      <c r="NJ34" s="120">
        <v>0</v>
      </c>
      <c r="NK34" s="321">
        <v>0</v>
      </c>
      <c r="NL34" s="142">
        <v>0</v>
      </c>
      <c r="NM34" s="119">
        <v>0</v>
      </c>
      <c r="NN34" s="120">
        <v>0</v>
      </c>
      <c r="NO34" s="145"/>
      <c r="NP34" s="119">
        <v>0</v>
      </c>
      <c r="NQ34" s="119">
        <v>0</v>
      </c>
      <c r="NR34" s="119">
        <v>0</v>
      </c>
      <c r="NS34" s="119">
        <v>0</v>
      </c>
      <c r="NT34" s="119">
        <v>0</v>
      </c>
      <c r="NU34" s="120">
        <v>0</v>
      </c>
      <c r="NV34" s="121">
        <v>0</v>
      </c>
      <c r="NW34" s="142">
        <v>0</v>
      </c>
      <c r="NX34" s="119">
        <v>0</v>
      </c>
      <c r="NY34" s="120">
        <v>0</v>
      </c>
      <c r="NZ34" s="145"/>
      <c r="OA34" s="119">
        <v>0</v>
      </c>
      <c r="OB34" s="119">
        <v>0</v>
      </c>
      <c r="OC34" s="119">
        <v>0</v>
      </c>
      <c r="OD34" s="119">
        <v>0</v>
      </c>
      <c r="OE34" s="119">
        <v>0</v>
      </c>
      <c r="OF34" s="120">
        <v>0</v>
      </c>
      <c r="OG34" s="121">
        <v>0</v>
      </c>
      <c r="OH34" s="142">
        <v>12000</v>
      </c>
      <c r="OI34" s="119">
        <v>17968</v>
      </c>
      <c r="OJ34" s="141">
        <v>29968</v>
      </c>
      <c r="OK34" s="118">
        <v>0</v>
      </c>
      <c r="OL34" s="119">
        <v>445177</v>
      </c>
      <c r="OM34" s="119">
        <v>446403</v>
      </c>
      <c r="ON34" s="119">
        <v>404056</v>
      </c>
      <c r="OO34" s="119">
        <v>515456</v>
      </c>
      <c r="OP34" s="119">
        <v>802808</v>
      </c>
      <c r="OQ34" s="120">
        <v>2613900</v>
      </c>
      <c r="OR34" s="143">
        <v>2643868</v>
      </c>
    </row>
    <row r="35" spans="1:408" ht="20.25" customHeight="1" x14ac:dyDescent="0.2">
      <c r="A35" s="126" t="s">
        <v>30</v>
      </c>
      <c r="B35" s="110">
        <v>7600</v>
      </c>
      <c r="C35" s="114">
        <v>15392</v>
      </c>
      <c r="D35" s="174">
        <v>22992</v>
      </c>
      <c r="E35" s="175">
        <v>0</v>
      </c>
      <c r="F35" s="176">
        <v>614378</v>
      </c>
      <c r="G35" s="176">
        <v>71517</v>
      </c>
      <c r="H35" s="176">
        <v>33712</v>
      </c>
      <c r="I35" s="176">
        <v>623837</v>
      </c>
      <c r="J35" s="176">
        <v>0</v>
      </c>
      <c r="K35" s="177">
        <v>1343444</v>
      </c>
      <c r="L35" s="116">
        <v>1366436</v>
      </c>
      <c r="M35" s="110">
        <v>0</v>
      </c>
      <c r="N35" s="114">
        <v>14592</v>
      </c>
      <c r="O35" s="113">
        <v>14592</v>
      </c>
      <c r="P35" s="110">
        <v>0</v>
      </c>
      <c r="Q35" s="114">
        <v>119317</v>
      </c>
      <c r="R35" s="114">
        <v>57917</v>
      </c>
      <c r="S35" s="114">
        <v>11792</v>
      </c>
      <c r="T35" s="114">
        <v>253640</v>
      </c>
      <c r="U35" s="114">
        <v>0</v>
      </c>
      <c r="V35" s="113">
        <v>442666</v>
      </c>
      <c r="W35" s="116">
        <v>457258</v>
      </c>
      <c r="X35" s="110">
        <v>0</v>
      </c>
      <c r="Y35" s="114">
        <v>0</v>
      </c>
      <c r="Z35" s="113">
        <v>0</v>
      </c>
      <c r="AA35" s="110">
        <v>0</v>
      </c>
      <c r="AB35" s="114">
        <v>58789</v>
      </c>
      <c r="AC35" s="114">
        <v>55629</v>
      </c>
      <c r="AD35" s="114">
        <v>11792</v>
      </c>
      <c r="AE35" s="114">
        <v>61312</v>
      </c>
      <c r="AF35" s="114">
        <v>0</v>
      </c>
      <c r="AG35" s="113">
        <v>187522</v>
      </c>
      <c r="AH35" s="116">
        <v>187522</v>
      </c>
      <c r="AI35" s="110">
        <v>0</v>
      </c>
      <c r="AJ35" s="114">
        <v>0</v>
      </c>
      <c r="AK35" s="113">
        <v>0</v>
      </c>
      <c r="AL35" s="110">
        <v>0</v>
      </c>
      <c r="AM35" s="114">
        <v>0</v>
      </c>
      <c r="AN35" s="114">
        <v>0</v>
      </c>
      <c r="AO35" s="114">
        <v>0</v>
      </c>
      <c r="AP35" s="114">
        <v>101432</v>
      </c>
      <c r="AQ35" s="114">
        <v>0</v>
      </c>
      <c r="AR35" s="113">
        <v>101432</v>
      </c>
      <c r="AS35" s="116">
        <v>101432</v>
      </c>
      <c r="AT35" s="110">
        <v>0</v>
      </c>
      <c r="AU35" s="114">
        <v>14592</v>
      </c>
      <c r="AV35" s="113">
        <v>14592</v>
      </c>
      <c r="AW35" s="110">
        <v>0</v>
      </c>
      <c r="AX35" s="114">
        <v>35456</v>
      </c>
      <c r="AY35" s="114">
        <v>0</v>
      </c>
      <c r="AZ35" s="114">
        <v>0</v>
      </c>
      <c r="BA35" s="114">
        <v>59680</v>
      </c>
      <c r="BB35" s="114">
        <v>0</v>
      </c>
      <c r="BC35" s="113">
        <v>95136</v>
      </c>
      <c r="BD35" s="116">
        <v>109728</v>
      </c>
      <c r="BE35" s="110">
        <v>0</v>
      </c>
      <c r="BF35" s="114">
        <v>0</v>
      </c>
      <c r="BG35" s="112">
        <v>0</v>
      </c>
      <c r="BH35" s="111">
        <v>0</v>
      </c>
      <c r="BI35" s="114">
        <v>0</v>
      </c>
      <c r="BJ35" s="114">
        <v>0</v>
      </c>
      <c r="BK35" s="114">
        <v>0</v>
      </c>
      <c r="BL35" s="114">
        <v>0</v>
      </c>
      <c r="BM35" s="114">
        <v>0</v>
      </c>
      <c r="BN35" s="113">
        <v>0</v>
      </c>
      <c r="BO35" s="116">
        <v>0</v>
      </c>
      <c r="BP35" s="110">
        <v>0</v>
      </c>
      <c r="BQ35" s="114">
        <v>0</v>
      </c>
      <c r="BR35" s="113">
        <v>0</v>
      </c>
      <c r="BS35" s="110">
        <v>0</v>
      </c>
      <c r="BT35" s="114">
        <v>25072</v>
      </c>
      <c r="BU35" s="114">
        <v>2288</v>
      </c>
      <c r="BV35" s="114">
        <v>0</v>
      </c>
      <c r="BW35" s="114">
        <v>31216</v>
      </c>
      <c r="BX35" s="114">
        <v>0</v>
      </c>
      <c r="BY35" s="113">
        <v>58576</v>
      </c>
      <c r="BZ35" s="116">
        <v>58576</v>
      </c>
      <c r="CA35" s="110">
        <v>0</v>
      </c>
      <c r="CB35" s="114">
        <v>0</v>
      </c>
      <c r="CC35" s="113">
        <v>0</v>
      </c>
      <c r="CD35" s="110">
        <v>0</v>
      </c>
      <c r="CE35" s="114">
        <v>0</v>
      </c>
      <c r="CF35" s="114">
        <v>0</v>
      </c>
      <c r="CG35" s="114">
        <v>0</v>
      </c>
      <c r="CH35" s="114">
        <v>61112</v>
      </c>
      <c r="CI35" s="114">
        <v>0</v>
      </c>
      <c r="CJ35" s="113">
        <v>61112</v>
      </c>
      <c r="CK35" s="116">
        <v>61112</v>
      </c>
      <c r="CL35" s="110">
        <v>0</v>
      </c>
      <c r="CM35" s="114">
        <v>0</v>
      </c>
      <c r="CN35" s="113">
        <v>0</v>
      </c>
      <c r="CO35" s="111">
        <v>0</v>
      </c>
      <c r="CP35" s="114">
        <v>0</v>
      </c>
      <c r="CQ35" s="114">
        <v>0</v>
      </c>
      <c r="CR35" s="114">
        <v>0</v>
      </c>
      <c r="CS35" s="114">
        <v>61112</v>
      </c>
      <c r="CT35" s="114">
        <v>0</v>
      </c>
      <c r="CU35" s="113">
        <v>61112</v>
      </c>
      <c r="CV35" s="116">
        <v>61112</v>
      </c>
      <c r="CW35" s="110">
        <v>0</v>
      </c>
      <c r="CX35" s="114">
        <v>0</v>
      </c>
      <c r="CY35" s="113">
        <v>0</v>
      </c>
      <c r="CZ35" s="110">
        <v>0</v>
      </c>
      <c r="DA35" s="114">
        <v>0</v>
      </c>
      <c r="DB35" s="114">
        <v>0</v>
      </c>
      <c r="DC35" s="114">
        <v>0</v>
      </c>
      <c r="DD35" s="114">
        <v>0</v>
      </c>
      <c r="DE35" s="114">
        <v>0</v>
      </c>
      <c r="DF35" s="113">
        <v>0</v>
      </c>
      <c r="DG35" s="116">
        <v>0</v>
      </c>
      <c r="DH35" s="110">
        <v>0</v>
      </c>
      <c r="DI35" s="114">
        <v>0</v>
      </c>
      <c r="DJ35" s="112">
        <v>0</v>
      </c>
      <c r="DK35" s="111">
        <v>0</v>
      </c>
      <c r="DL35" s="114">
        <v>29801</v>
      </c>
      <c r="DM35" s="114">
        <v>0</v>
      </c>
      <c r="DN35" s="114">
        <v>0</v>
      </c>
      <c r="DO35" s="114">
        <v>247757</v>
      </c>
      <c r="DP35" s="114">
        <v>0</v>
      </c>
      <c r="DQ35" s="113">
        <v>277558</v>
      </c>
      <c r="DR35" s="116">
        <v>277558</v>
      </c>
      <c r="DS35" s="110">
        <v>0</v>
      </c>
      <c r="DT35" s="114">
        <v>0</v>
      </c>
      <c r="DU35" s="113">
        <v>0</v>
      </c>
      <c r="DV35" s="110">
        <v>0</v>
      </c>
      <c r="DW35" s="114">
        <v>29801</v>
      </c>
      <c r="DX35" s="114">
        <v>0</v>
      </c>
      <c r="DY35" s="114">
        <v>0</v>
      </c>
      <c r="DZ35" s="114">
        <v>247757</v>
      </c>
      <c r="EA35" s="114">
        <v>0</v>
      </c>
      <c r="EB35" s="113">
        <v>277558</v>
      </c>
      <c r="EC35" s="116">
        <v>277558</v>
      </c>
      <c r="ED35" s="110">
        <v>0</v>
      </c>
      <c r="EE35" s="112">
        <v>0</v>
      </c>
      <c r="EF35" s="113">
        <v>0</v>
      </c>
      <c r="EG35" s="110">
        <v>0</v>
      </c>
      <c r="EH35" s="114">
        <v>0</v>
      </c>
      <c r="EI35" s="114">
        <v>0</v>
      </c>
      <c r="EJ35" s="114">
        <v>0</v>
      </c>
      <c r="EK35" s="114">
        <v>0</v>
      </c>
      <c r="EL35" s="114">
        <v>0</v>
      </c>
      <c r="EM35" s="112">
        <v>0</v>
      </c>
      <c r="EN35" s="116">
        <v>0</v>
      </c>
      <c r="EO35" s="110">
        <v>0</v>
      </c>
      <c r="EP35" s="114">
        <v>0</v>
      </c>
      <c r="EQ35" s="112">
        <v>0</v>
      </c>
      <c r="ER35" s="111">
        <v>0</v>
      </c>
      <c r="ES35" s="114">
        <v>0</v>
      </c>
      <c r="ET35" s="114">
        <v>0</v>
      </c>
      <c r="EU35" s="114">
        <v>0</v>
      </c>
      <c r="EV35" s="114">
        <v>0</v>
      </c>
      <c r="EW35" s="114">
        <v>0</v>
      </c>
      <c r="EX35" s="113">
        <v>0</v>
      </c>
      <c r="EY35" s="116">
        <v>0</v>
      </c>
      <c r="EZ35" s="110">
        <v>0</v>
      </c>
      <c r="FA35" s="114">
        <v>0</v>
      </c>
      <c r="FB35" s="112">
        <v>0</v>
      </c>
      <c r="FC35" s="348"/>
      <c r="FD35" s="114">
        <v>0</v>
      </c>
      <c r="FE35" s="114">
        <v>0</v>
      </c>
      <c r="FF35" s="114">
        <v>0</v>
      </c>
      <c r="FG35" s="114">
        <v>0</v>
      </c>
      <c r="FH35" s="114">
        <v>0</v>
      </c>
      <c r="FI35" s="113">
        <v>0</v>
      </c>
      <c r="FJ35" s="116">
        <v>0</v>
      </c>
      <c r="FK35" s="110">
        <v>7600</v>
      </c>
      <c r="FL35" s="114">
        <v>800</v>
      </c>
      <c r="FM35" s="113">
        <v>8400</v>
      </c>
      <c r="FN35" s="110">
        <v>0</v>
      </c>
      <c r="FO35" s="114">
        <v>163040</v>
      </c>
      <c r="FP35" s="114">
        <v>13600</v>
      </c>
      <c r="FQ35" s="114">
        <v>21920</v>
      </c>
      <c r="FR35" s="114">
        <v>61328</v>
      </c>
      <c r="FS35" s="114">
        <v>0</v>
      </c>
      <c r="FT35" s="113">
        <v>259888</v>
      </c>
      <c r="FU35" s="116">
        <v>268288</v>
      </c>
      <c r="FV35" s="115">
        <v>7600</v>
      </c>
      <c r="FW35" s="114">
        <v>800</v>
      </c>
      <c r="FX35" s="112">
        <v>8400</v>
      </c>
      <c r="FY35" s="111">
        <v>0</v>
      </c>
      <c r="FZ35" s="114">
        <v>3040</v>
      </c>
      <c r="GA35" s="114">
        <v>13600</v>
      </c>
      <c r="GB35" s="114">
        <v>21920</v>
      </c>
      <c r="GC35" s="114">
        <v>61328</v>
      </c>
      <c r="GD35" s="114">
        <v>0</v>
      </c>
      <c r="GE35" s="113">
        <v>99888</v>
      </c>
      <c r="GF35" s="319">
        <v>108288</v>
      </c>
      <c r="GG35" s="115">
        <v>0</v>
      </c>
      <c r="GH35" s="114">
        <v>0</v>
      </c>
      <c r="GI35" s="112">
        <v>0</v>
      </c>
      <c r="GJ35" s="111">
        <v>0</v>
      </c>
      <c r="GK35" s="114">
        <v>0</v>
      </c>
      <c r="GL35" s="114">
        <v>0</v>
      </c>
      <c r="GM35" s="114">
        <v>0</v>
      </c>
      <c r="GN35" s="114">
        <v>0</v>
      </c>
      <c r="GO35" s="114">
        <v>0</v>
      </c>
      <c r="GP35" s="113">
        <v>0</v>
      </c>
      <c r="GQ35" s="116">
        <v>0</v>
      </c>
      <c r="GR35" s="110">
        <v>0</v>
      </c>
      <c r="GS35" s="114">
        <v>0</v>
      </c>
      <c r="GT35" s="113">
        <v>0</v>
      </c>
      <c r="GU35" s="110">
        <v>0</v>
      </c>
      <c r="GV35" s="114">
        <v>160000</v>
      </c>
      <c r="GW35" s="114">
        <v>0</v>
      </c>
      <c r="GX35" s="114">
        <v>0</v>
      </c>
      <c r="GY35" s="114">
        <v>0</v>
      </c>
      <c r="GZ35" s="114">
        <v>0</v>
      </c>
      <c r="HA35" s="112">
        <v>160000</v>
      </c>
      <c r="HB35" s="116">
        <v>160000</v>
      </c>
      <c r="HC35" s="110">
        <v>0</v>
      </c>
      <c r="HD35" s="114">
        <v>0</v>
      </c>
      <c r="HE35" s="112">
        <v>0</v>
      </c>
      <c r="HF35" s="111">
        <v>0</v>
      </c>
      <c r="HG35" s="114">
        <v>302220</v>
      </c>
      <c r="HH35" s="114">
        <v>0</v>
      </c>
      <c r="HI35" s="114">
        <v>0</v>
      </c>
      <c r="HJ35" s="114">
        <v>0</v>
      </c>
      <c r="HK35" s="114">
        <v>0</v>
      </c>
      <c r="HL35" s="113">
        <v>302220</v>
      </c>
      <c r="HM35" s="109">
        <v>302220</v>
      </c>
      <c r="HN35" s="329"/>
      <c r="HO35" s="330"/>
      <c r="HP35" s="331"/>
      <c r="HQ35" s="332"/>
      <c r="HR35" s="330"/>
      <c r="HS35" s="330"/>
      <c r="HT35" s="330"/>
      <c r="HU35" s="330"/>
      <c r="HV35" s="330"/>
      <c r="HW35" s="333"/>
      <c r="HX35" s="334"/>
      <c r="HY35" s="131">
        <v>26231</v>
      </c>
      <c r="HZ35" s="132">
        <v>0</v>
      </c>
      <c r="IA35" s="133">
        <v>26231</v>
      </c>
      <c r="IB35" s="146">
        <v>0</v>
      </c>
      <c r="IC35" s="132">
        <v>0</v>
      </c>
      <c r="ID35" s="147">
        <v>321000</v>
      </c>
      <c r="IE35" s="133">
        <v>0</v>
      </c>
      <c r="IF35" s="132">
        <v>241408</v>
      </c>
      <c r="IG35" s="133">
        <v>0</v>
      </c>
      <c r="IH35" s="148">
        <v>562408</v>
      </c>
      <c r="II35" s="139">
        <v>588639</v>
      </c>
      <c r="IJ35" s="232">
        <v>0</v>
      </c>
      <c r="IK35" s="236">
        <v>0</v>
      </c>
      <c r="IL35" s="237">
        <v>0</v>
      </c>
      <c r="IM35" s="140"/>
      <c r="IN35" s="119">
        <v>0</v>
      </c>
      <c r="IO35" s="119">
        <v>0</v>
      </c>
      <c r="IP35" s="119">
        <v>0</v>
      </c>
      <c r="IQ35" s="119">
        <v>0</v>
      </c>
      <c r="IR35" s="119">
        <v>0</v>
      </c>
      <c r="IS35" s="141">
        <v>0</v>
      </c>
      <c r="IT35" s="321">
        <v>0</v>
      </c>
      <c r="IU35" s="142">
        <v>0</v>
      </c>
      <c r="IV35" s="119">
        <v>0</v>
      </c>
      <c r="IW35" s="120">
        <v>0</v>
      </c>
      <c r="IX35" s="144"/>
      <c r="IY35" s="119">
        <v>0</v>
      </c>
      <c r="IZ35" s="119">
        <v>0</v>
      </c>
      <c r="JA35" s="119">
        <v>0</v>
      </c>
      <c r="JB35" s="119">
        <v>0</v>
      </c>
      <c r="JC35" s="119">
        <v>0</v>
      </c>
      <c r="JD35" s="120">
        <v>0</v>
      </c>
      <c r="JE35" s="121">
        <v>0</v>
      </c>
      <c r="JF35" s="142">
        <v>0</v>
      </c>
      <c r="JG35" s="119">
        <v>0</v>
      </c>
      <c r="JH35" s="141">
        <v>0</v>
      </c>
      <c r="JI35" s="118">
        <v>0</v>
      </c>
      <c r="JJ35" s="119">
        <v>0</v>
      </c>
      <c r="JK35" s="119">
        <v>129000</v>
      </c>
      <c r="JL35" s="119">
        <v>0</v>
      </c>
      <c r="JM35" s="119">
        <v>0</v>
      </c>
      <c r="JN35" s="119">
        <v>0</v>
      </c>
      <c r="JO35" s="120">
        <v>129000</v>
      </c>
      <c r="JP35" s="321">
        <v>129000</v>
      </c>
      <c r="JQ35" s="142">
        <v>26231</v>
      </c>
      <c r="JR35" s="119">
        <v>0</v>
      </c>
      <c r="JS35" s="141">
        <v>26231</v>
      </c>
      <c r="JT35" s="118">
        <v>0</v>
      </c>
      <c r="JU35" s="119">
        <v>0</v>
      </c>
      <c r="JV35" s="119">
        <v>0</v>
      </c>
      <c r="JW35" s="119">
        <v>0</v>
      </c>
      <c r="JX35" s="119">
        <v>0</v>
      </c>
      <c r="JY35" s="119">
        <v>0</v>
      </c>
      <c r="JZ35" s="120">
        <v>0</v>
      </c>
      <c r="KA35" s="321">
        <v>26231</v>
      </c>
      <c r="KB35" s="234">
        <v>0</v>
      </c>
      <c r="KC35" s="230">
        <v>0</v>
      </c>
      <c r="KD35" s="120">
        <v>0</v>
      </c>
      <c r="KE35" s="118">
        <v>0</v>
      </c>
      <c r="KF35" s="119">
        <v>0</v>
      </c>
      <c r="KG35" s="119">
        <v>0</v>
      </c>
      <c r="KH35" s="119">
        <v>0</v>
      </c>
      <c r="KI35" s="119">
        <v>0</v>
      </c>
      <c r="KJ35" s="119">
        <v>0</v>
      </c>
      <c r="KK35" s="120">
        <v>0</v>
      </c>
      <c r="KL35" s="143">
        <v>0</v>
      </c>
      <c r="KM35" s="232">
        <v>0</v>
      </c>
      <c r="KN35" s="236">
        <v>0</v>
      </c>
      <c r="KO35" s="237">
        <v>0</v>
      </c>
      <c r="KP35" s="140"/>
      <c r="KQ35" s="119">
        <v>0</v>
      </c>
      <c r="KR35" s="119">
        <v>192000</v>
      </c>
      <c r="KS35" s="119">
        <v>0</v>
      </c>
      <c r="KT35" s="119">
        <v>241408</v>
      </c>
      <c r="KU35" s="119">
        <v>0</v>
      </c>
      <c r="KV35" s="120">
        <v>433408</v>
      </c>
      <c r="KW35" s="321">
        <v>433408</v>
      </c>
      <c r="KX35" s="142">
        <v>0</v>
      </c>
      <c r="KY35" s="119">
        <v>0</v>
      </c>
      <c r="KZ35" s="120">
        <v>0</v>
      </c>
      <c r="LA35" s="145"/>
      <c r="LB35" s="119">
        <v>0</v>
      </c>
      <c r="LC35" s="119">
        <v>0</v>
      </c>
      <c r="LD35" s="119">
        <v>0</v>
      </c>
      <c r="LE35" s="119">
        <v>0</v>
      </c>
      <c r="LF35" s="119">
        <v>0</v>
      </c>
      <c r="LG35" s="120">
        <v>0</v>
      </c>
      <c r="LH35" s="121">
        <v>0</v>
      </c>
      <c r="LI35" s="142">
        <v>0</v>
      </c>
      <c r="LJ35" s="119">
        <v>0</v>
      </c>
      <c r="LK35" s="120">
        <v>0</v>
      </c>
      <c r="LL35" s="145"/>
      <c r="LM35" s="119">
        <v>0</v>
      </c>
      <c r="LN35" s="119">
        <v>0</v>
      </c>
      <c r="LO35" s="119">
        <v>0</v>
      </c>
      <c r="LP35" s="119">
        <v>0</v>
      </c>
      <c r="LQ35" s="119">
        <v>0</v>
      </c>
      <c r="LR35" s="120">
        <v>0</v>
      </c>
      <c r="LS35" s="321">
        <v>0</v>
      </c>
      <c r="LT35" s="142">
        <v>0</v>
      </c>
      <c r="LU35" s="119">
        <v>0</v>
      </c>
      <c r="LV35" s="120">
        <v>0</v>
      </c>
      <c r="LW35" s="145"/>
      <c r="LX35" s="119">
        <v>0</v>
      </c>
      <c r="LY35" s="119">
        <v>0</v>
      </c>
      <c r="LZ35" s="119">
        <v>0</v>
      </c>
      <c r="MA35" s="119">
        <v>0</v>
      </c>
      <c r="MB35" s="119">
        <v>0</v>
      </c>
      <c r="MC35" s="120">
        <v>0</v>
      </c>
      <c r="MD35" s="121">
        <v>0</v>
      </c>
      <c r="ME35" s="142">
        <v>0</v>
      </c>
      <c r="MF35" s="119">
        <v>0</v>
      </c>
      <c r="MG35" s="120">
        <v>0</v>
      </c>
      <c r="MH35" s="145"/>
      <c r="MI35" s="119">
        <v>197512</v>
      </c>
      <c r="MJ35" s="119">
        <v>0</v>
      </c>
      <c r="MK35" s="119">
        <v>505109</v>
      </c>
      <c r="ML35" s="119">
        <v>1236814</v>
      </c>
      <c r="MM35" s="119">
        <v>397432</v>
      </c>
      <c r="MN35" s="120">
        <v>2336867</v>
      </c>
      <c r="MO35" s="143">
        <v>2336867</v>
      </c>
      <c r="MP35" s="142">
        <v>0</v>
      </c>
      <c r="MQ35" s="119">
        <v>0</v>
      </c>
      <c r="MR35" s="120">
        <v>0</v>
      </c>
      <c r="MS35" s="145"/>
      <c r="MT35" s="119">
        <v>0</v>
      </c>
      <c r="MU35" s="119">
        <v>0</v>
      </c>
      <c r="MV35" s="119">
        <v>0</v>
      </c>
      <c r="MW35" s="119">
        <v>689712</v>
      </c>
      <c r="MX35" s="119">
        <v>0</v>
      </c>
      <c r="MY35" s="120">
        <v>689712</v>
      </c>
      <c r="MZ35" s="143">
        <v>689712</v>
      </c>
      <c r="NA35" s="142">
        <v>0</v>
      </c>
      <c r="NB35" s="119">
        <v>0</v>
      </c>
      <c r="NC35" s="120">
        <v>0</v>
      </c>
      <c r="ND35" s="145"/>
      <c r="NE35" s="119">
        <v>197512</v>
      </c>
      <c r="NF35" s="119">
        <v>0</v>
      </c>
      <c r="NG35" s="119">
        <v>505109</v>
      </c>
      <c r="NH35" s="119">
        <v>547102</v>
      </c>
      <c r="NI35" s="119">
        <v>0</v>
      </c>
      <c r="NJ35" s="120">
        <v>1249723</v>
      </c>
      <c r="NK35" s="321">
        <v>1249723</v>
      </c>
      <c r="NL35" s="142">
        <v>0</v>
      </c>
      <c r="NM35" s="119">
        <v>0</v>
      </c>
      <c r="NN35" s="120">
        <v>0</v>
      </c>
      <c r="NO35" s="145"/>
      <c r="NP35" s="119">
        <v>0</v>
      </c>
      <c r="NQ35" s="119">
        <v>0</v>
      </c>
      <c r="NR35" s="119">
        <v>0</v>
      </c>
      <c r="NS35" s="119">
        <v>0</v>
      </c>
      <c r="NT35" s="119">
        <v>0</v>
      </c>
      <c r="NU35" s="120">
        <v>0</v>
      </c>
      <c r="NV35" s="121">
        <v>0</v>
      </c>
      <c r="NW35" s="142">
        <v>0</v>
      </c>
      <c r="NX35" s="119">
        <v>0</v>
      </c>
      <c r="NY35" s="120">
        <v>0</v>
      </c>
      <c r="NZ35" s="145"/>
      <c r="OA35" s="119">
        <v>0</v>
      </c>
      <c r="OB35" s="119">
        <v>0</v>
      </c>
      <c r="OC35" s="119">
        <v>0</v>
      </c>
      <c r="OD35" s="119">
        <v>0</v>
      </c>
      <c r="OE35" s="119">
        <v>397432</v>
      </c>
      <c r="OF35" s="120">
        <v>397432</v>
      </c>
      <c r="OG35" s="121">
        <v>397432</v>
      </c>
      <c r="OH35" s="142">
        <v>33831</v>
      </c>
      <c r="OI35" s="119">
        <v>15392</v>
      </c>
      <c r="OJ35" s="141">
        <v>49223</v>
      </c>
      <c r="OK35" s="118">
        <v>0</v>
      </c>
      <c r="OL35" s="119">
        <v>811890</v>
      </c>
      <c r="OM35" s="119">
        <v>392517</v>
      </c>
      <c r="ON35" s="119">
        <v>538821</v>
      </c>
      <c r="OO35" s="119">
        <v>2102059</v>
      </c>
      <c r="OP35" s="119">
        <v>397432</v>
      </c>
      <c r="OQ35" s="120">
        <v>4242719</v>
      </c>
      <c r="OR35" s="143">
        <v>4291942</v>
      </c>
    </row>
    <row r="36" spans="1:408" ht="20.25" customHeight="1" x14ac:dyDescent="0.2">
      <c r="A36" s="126" t="s">
        <v>31</v>
      </c>
      <c r="B36" s="110">
        <v>7824</v>
      </c>
      <c r="C36" s="114">
        <v>8400</v>
      </c>
      <c r="D36" s="113">
        <v>16224</v>
      </c>
      <c r="E36" s="109">
        <v>0</v>
      </c>
      <c r="F36" s="114">
        <v>297358</v>
      </c>
      <c r="G36" s="114">
        <v>946973</v>
      </c>
      <c r="H36" s="114">
        <v>381042</v>
      </c>
      <c r="I36" s="114">
        <v>834272</v>
      </c>
      <c r="J36" s="114">
        <v>0</v>
      </c>
      <c r="K36" s="173">
        <v>2459645</v>
      </c>
      <c r="L36" s="116">
        <v>2475869</v>
      </c>
      <c r="M36" s="110">
        <v>0</v>
      </c>
      <c r="N36" s="114">
        <v>0</v>
      </c>
      <c r="O36" s="113">
        <v>0</v>
      </c>
      <c r="P36" s="110">
        <v>0</v>
      </c>
      <c r="Q36" s="114">
        <v>119248</v>
      </c>
      <c r="R36" s="114">
        <v>148976</v>
      </c>
      <c r="S36" s="114">
        <v>132800</v>
      </c>
      <c r="T36" s="114">
        <v>74332</v>
      </c>
      <c r="U36" s="114">
        <v>0</v>
      </c>
      <c r="V36" s="113">
        <v>475356</v>
      </c>
      <c r="W36" s="116">
        <v>475356</v>
      </c>
      <c r="X36" s="110">
        <v>0</v>
      </c>
      <c r="Y36" s="114">
        <v>0</v>
      </c>
      <c r="Z36" s="113">
        <v>0</v>
      </c>
      <c r="AA36" s="110">
        <v>0</v>
      </c>
      <c r="AB36" s="114">
        <v>47032</v>
      </c>
      <c r="AC36" s="114">
        <v>0</v>
      </c>
      <c r="AD36" s="114">
        <v>0</v>
      </c>
      <c r="AE36" s="114">
        <v>12796</v>
      </c>
      <c r="AF36" s="114">
        <v>0</v>
      </c>
      <c r="AG36" s="113">
        <v>59828</v>
      </c>
      <c r="AH36" s="116">
        <v>59828</v>
      </c>
      <c r="AI36" s="110">
        <v>0</v>
      </c>
      <c r="AJ36" s="114">
        <v>0</v>
      </c>
      <c r="AK36" s="113">
        <v>0</v>
      </c>
      <c r="AL36" s="110">
        <v>0</v>
      </c>
      <c r="AM36" s="114">
        <v>12536</v>
      </c>
      <c r="AN36" s="114">
        <v>43264</v>
      </c>
      <c r="AO36" s="114">
        <v>97344</v>
      </c>
      <c r="AP36" s="114">
        <v>0</v>
      </c>
      <c r="AQ36" s="114">
        <v>0</v>
      </c>
      <c r="AR36" s="113">
        <v>153144</v>
      </c>
      <c r="AS36" s="116">
        <v>153144</v>
      </c>
      <c r="AT36" s="110">
        <v>0</v>
      </c>
      <c r="AU36" s="114">
        <v>0</v>
      </c>
      <c r="AV36" s="113">
        <v>0</v>
      </c>
      <c r="AW36" s="110">
        <v>0</v>
      </c>
      <c r="AX36" s="114">
        <v>59680</v>
      </c>
      <c r="AY36" s="114">
        <v>0</v>
      </c>
      <c r="AZ36" s="114">
        <v>35456</v>
      </c>
      <c r="BA36" s="114">
        <v>36456</v>
      </c>
      <c r="BB36" s="114">
        <v>0</v>
      </c>
      <c r="BC36" s="113">
        <v>131592</v>
      </c>
      <c r="BD36" s="116">
        <v>131592</v>
      </c>
      <c r="BE36" s="110">
        <v>0</v>
      </c>
      <c r="BF36" s="114">
        <v>0</v>
      </c>
      <c r="BG36" s="112">
        <v>0</v>
      </c>
      <c r="BH36" s="111">
        <v>0</v>
      </c>
      <c r="BI36" s="114">
        <v>0</v>
      </c>
      <c r="BJ36" s="114">
        <v>93328</v>
      </c>
      <c r="BK36" s="114">
        <v>0</v>
      </c>
      <c r="BL36" s="114">
        <v>19624</v>
      </c>
      <c r="BM36" s="114">
        <v>0</v>
      </c>
      <c r="BN36" s="113">
        <v>112952</v>
      </c>
      <c r="BO36" s="116">
        <v>112952</v>
      </c>
      <c r="BP36" s="110">
        <v>0</v>
      </c>
      <c r="BQ36" s="114">
        <v>0</v>
      </c>
      <c r="BR36" s="113">
        <v>0</v>
      </c>
      <c r="BS36" s="110">
        <v>0</v>
      </c>
      <c r="BT36" s="114">
        <v>0</v>
      </c>
      <c r="BU36" s="114">
        <v>12384</v>
      </c>
      <c r="BV36" s="114">
        <v>0</v>
      </c>
      <c r="BW36" s="114">
        <v>5456</v>
      </c>
      <c r="BX36" s="114">
        <v>0</v>
      </c>
      <c r="BY36" s="113">
        <v>17840</v>
      </c>
      <c r="BZ36" s="116">
        <v>17840</v>
      </c>
      <c r="CA36" s="110">
        <v>0</v>
      </c>
      <c r="CB36" s="114">
        <v>0</v>
      </c>
      <c r="CC36" s="113">
        <v>0</v>
      </c>
      <c r="CD36" s="110">
        <v>0</v>
      </c>
      <c r="CE36" s="114">
        <v>114329</v>
      </c>
      <c r="CF36" s="114">
        <v>444431</v>
      </c>
      <c r="CG36" s="114">
        <v>28026</v>
      </c>
      <c r="CH36" s="114">
        <v>121946</v>
      </c>
      <c r="CI36" s="114">
        <v>0</v>
      </c>
      <c r="CJ36" s="113">
        <v>708732</v>
      </c>
      <c r="CK36" s="116">
        <v>708732</v>
      </c>
      <c r="CL36" s="110">
        <v>0</v>
      </c>
      <c r="CM36" s="114">
        <v>0</v>
      </c>
      <c r="CN36" s="113">
        <v>0</v>
      </c>
      <c r="CO36" s="111">
        <v>0</v>
      </c>
      <c r="CP36" s="114">
        <v>114329</v>
      </c>
      <c r="CQ36" s="114">
        <v>200254</v>
      </c>
      <c r="CR36" s="114">
        <v>28026</v>
      </c>
      <c r="CS36" s="114">
        <v>83042</v>
      </c>
      <c r="CT36" s="114">
        <v>0</v>
      </c>
      <c r="CU36" s="113">
        <v>425651</v>
      </c>
      <c r="CV36" s="116">
        <v>425651</v>
      </c>
      <c r="CW36" s="110">
        <v>0</v>
      </c>
      <c r="CX36" s="114">
        <v>0</v>
      </c>
      <c r="CY36" s="113">
        <v>0</v>
      </c>
      <c r="CZ36" s="110">
        <v>0</v>
      </c>
      <c r="DA36" s="114">
        <v>0</v>
      </c>
      <c r="DB36" s="114">
        <v>244177</v>
      </c>
      <c r="DC36" s="114">
        <v>0</v>
      </c>
      <c r="DD36" s="114">
        <v>38904</v>
      </c>
      <c r="DE36" s="114">
        <v>0</v>
      </c>
      <c r="DF36" s="113">
        <v>283081</v>
      </c>
      <c r="DG36" s="116">
        <v>283081</v>
      </c>
      <c r="DH36" s="110">
        <v>0</v>
      </c>
      <c r="DI36" s="114">
        <v>0</v>
      </c>
      <c r="DJ36" s="112">
        <v>0</v>
      </c>
      <c r="DK36" s="111">
        <v>0</v>
      </c>
      <c r="DL36" s="114">
        <v>52981</v>
      </c>
      <c r="DM36" s="114">
        <v>119494</v>
      </c>
      <c r="DN36" s="114">
        <v>0</v>
      </c>
      <c r="DO36" s="114">
        <v>611914</v>
      </c>
      <c r="DP36" s="114">
        <v>0</v>
      </c>
      <c r="DQ36" s="113">
        <v>784389</v>
      </c>
      <c r="DR36" s="116">
        <v>784389</v>
      </c>
      <c r="DS36" s="110">
        <v>0</v>
      </c>
      <c r="DT36" s="114">
        <v>0</v>
      </c>
      <c r="DU36" s="113">
        <v>0</v>
      </c>
      <c r="DV36" s="110">
        <v>0</v>
      </c>
      <c r="DW36" s="114">
        <v>52981</v>
      </c>
      <c r="DX36" s="114">
        <v>119494</v>
      </c>
      <c r="DY36" s="114">
        <v>0</v>
      </c>
      <c r="DZ36" s="114">
        <v>611914</v>
      </c>
      <c r="EA36" s="114">
        <v>0</v>
      </c>
      <c r="EB36" s="113">
        <v>784389</v>
      </c>
      <c r="EC36" s="116">
        <v>784389</v>
      </c>
      <c r="ED36" s="110">
        <v>0</v>
      </c>
      <c r="EE36" s="112">
        <v>0</v>
      </c>
      <c r="EF36" s="113">
        <v>0</v>
      </c>
      <c r="EG36" s="110">
        <v>0</v>
      </c>
      <c r="EH36" s="114">
        <v>0</v>
      </c>
      <c r="EI36" s="114">
        <v>0</v>
      </c>
      <c r="EJ36" s="114">
        <v>0</v>
      </c>
      <c r="EK36" s="114">
        <v>0</v>
      </c>
      <c r="EL36" s="114">
        <v>0</v>
      </c>
      <c r="EM36" s="112">
        <v>0</v>
      </c>
      <c r="EN36" s="116">
        <v>0</v>
      </c>
      <c r="EO36" s="110">
        <v>0</v>
      </c>
      <c r="EP36" s="114">
        <v>0</v>
      </c>
      <c r="EQ36" s="112">
        <v>0</v>
      </c>
      <c r="ER36" s="111">
        <v>0</v>
      </c>
      <c r="ES36" s="114">
        <v>0</v>
      </c>
      <c r="ET36" s="114">
        <v>0</v>
      </c>
      <c r="EU36" s="114">
        <v>0</v>
      </c>
      <c r="EV36" s="114">
        <v>0</v>
      </c>
      <c r="EW36" s="114">
        <v>0</v>
      </c>
      <c r="EX36" s="113">
        <v>0</v>
      </c>
      <c r="EY36" s="116">
        <v>0</v>
      </c>
      <c r="EZ36" s="110">
        <v>0</v>
      </c>
      <c r="FA36" s="114">
        <v>0</v>
      </c>
      <c r="FB36" s="112">
        <v>0</v>
      </c>
      <c r="FC36" s="348"/>
      <c r="FD36" s="114">
        <v>0</v>
      </c>
      <c r="FE36" s="114">
        <v>0</v>
      </c>
      <c r="FF36" s="114">
        <v>0</v>
      </c>
      <c r="FG36" s="114">
        <v>0</v>
      </c>
      <c r="FH36" s="114">
        <v>0</v>
      </c>
      <c r="FI36" s="113">
        <v>0</v>
      </c>
      <c r="FJ36" s="116">
        <v>0</v>
      </c>
      <c r="FK36" s="110">
        <v>7824</v>
      </c>
      <c r="FL36" s="114">
        <v>8400</v>
      </c>
      <c r="FM36" s="113">
        <v>16224</v>
      </c>
      <c r="FN36" s="110">
        <v>0</v>
      </c>
      <c r="FO36" s="114">
        <v>10800</v>
      </c>
      <c r="FP36" s="114">
        <v>70232</v>
      </c>
      <c r="FQ36" s="114">
        <v>38000</v>
      </c>
      <c r="FR36" s="114">
        <v>26080</v>
      </c>
      <c r="FS36" s="114">
        <v>0</v>
      </c>
      <c r="FT36" s="113">
        <v>145112</v>
      </c>
      <c r="FU36" s="116">
        <v>161336</v>
      </c>
      <c r="FV36" s="115">
        <v>7824</v>
      </c>
      <c r="FW36" s="114">
        <v>8400</v>
      </c>
      <c r="FX36" s="112">
        <v>16224</v>
      </c>
      <c r="FY36" s="111">
        <v>0</v>
      </c>
      <c r="FZ36" s="114">
        <v>10800</v>
      </c>
      <c r="GA36" s="114">
        <v>70232</v>
      </c>
      <c r="GB36" s="114">
        <v>38000</v>
      </c>
      <c r="GC36" s="114">
        <v>26080</v>
      </c>
      <c r="GD36" s="114">
        <v>0</v>
      </c>
      <c r="GE36" s="113">
        <v>145112</v>
      </c>
      <c r="GF36" s="319">
        <v>161336</v>
      </c>
      <c r="GG36" s="115">
        <v>0</v>
      </c>
      <c r="GH36" s="114">
        <v>0</v>
      </c>
      <c r="GI36" s="112">
        <v>0</v>
      </c>
      <c r="GJ36" s="111">
        <v>0</v>
      </c>
      <c r="GK36" s="114">
        <v>0</v>
      </c>
      <c r="GL36" s="114">
        <v>0</v>
      </c>
      <c r="GM36" s="114">
        <v>0</v>
      </c>
      <c r="GN36" s="114">
        <v>0</v>
      </c>
      <c r="GO36" s="114">
        <v>0</v>
      </c>
      <c r="GP36" s="113">
        <v>0</v>
      </c>
      <c r="GQ36" s="116">
        <v>0</v>
      </c>
      <c r="GR36" s="110">
        <v>0</v>
      </c>
      <c r="GS36" s="114">
        <v>0</v>
      </c>
      <c r="GT36" s="113">
        <v>0</v>
      </c>
      <c r="GU36" s="110">
        <v>0</v>
      </c>
      <c r="GV36" s="114">
        <v>0</v>
      </c>
      <c r="GW36" s="114">
        <v>0</v>
      </c>
      <c r="GX36" s="114">
        <v>0</v>
      </c>
      <c r="GY36" s="114">
        <v>0</v>
      </c>
      <c r="GZ36" s="114">
        <v>0</v>
      </c>
      <c r="HA36" s="112">
        <v>0</v>
      </c>
      <c r="HB36" s="116">
        <v>0</v>
      </c>
      <c r="HC36" s="110">
        <v>0</v>
      </c>
      <c r="HD36" s="114">
        <v>0</v>
      </c>
      <c r="HE36" s="112">
        <v>0</v>
      </c>
      <c r="HF36" s="111">
        <v>0</v>
      </c>
      <c r="HG36" s="114">
        <v>0</v>
      </c>
      <c r="HH36" s="114">
        <v>163840</v>
      </c>
      <c r="HI36" s="114">
        <v>182216</v>
      </c>
      <c r="HJ36" s="114">
        <v>0</v>
      </c>
      <c r="HK36" s="114">
        <v>0</v>
      </c>
      <c r="HL36" s="113">
        <v>346056</v>
      </c>
      <c r="HM36" s="109">
        <v>346056</v>
      </c>
      <c r="HN36" s="329"/>
      <c r="HO36" s="330"/>
      <c r="HP36" s="331"/>
      <c r="HQ36" s="332"/>
      <c r="HR36" s="330"/>
      <c r="HS36" s="330"/>
      <c r="HT36" s="330"/>
      <c r="HU36" s="330"/>
      <c r="HV36" s="330"/>
      <c r="HW36" s="333"/>
      <c r="HX36" s="334"/>
      <c r="HY36" s="150">
        <v>0</v>
      </c>
      <c r="HZ36" s="135">
        <v>0</v>
      </c>
      <c r="IA36" s="150">
        <v>0</v>
      </c>
      <c r="IB36" s="134">
        <v>0</v>
      </c>
      <c r="IC36" s="135">
        <v>16183</v>
      </c>
      <c r="ID36" s="136">
        <v>664751</v>
      </c>
      <c r="IE36" s="137">
        <v>135436</v>
      </c>
      <c r="IF36" s="135">
        <v>239352</v>
      </c>
      <c r="IG36" s="137">
        <v>0</v>
      </c>
      <c r="IH36" s="138">
        <v>1055722</v>
      </c>
      <c r="II36" s="150">
        <v>1055722</v>
      </c>
      <c r="IJ36" s="232">
        <v>0</v>
      </c>
      <c r="IK36" s="236">
        <v>0</v>
      </c>
      <c r="IL36" s="237">
        <v>0</v>
      </c>
      <c r="IM36" s="140"/>
      <c r="IN36" s="119">
        <v>0</v>
      </c>
      <c r="IO36" s="119">
        <v>0</v>
      </c>
      <c r="IP36" s="119">
        <v>0</v>
      </c>
      <c r="IQ36" s="119">
        <v>0</v>
      </c>
      <c r="IR36" s="119">
        <v>0</v>
      </c>
      <c r="IS36" s="141">
        <v>0</v>
      </c>
      <c r="IT36" s="321">
        <v>0</v>
      </c>
      <c r="IU36" s="142">
        <v>0</v>
      </c>
      <c r="IV36" s="119">
        <v>0</v>
      </c>
      <c r="IW36" s="120">
        <v>0</v>
      </c>
      <c r="IX36" s="144"/>
      <c r="IY36" s="119">
        <v>0</v>
      </c>
      <c r="IZ36" s="119">
        <v>0</v>
      </c>
      <c r="JA36" s="119">
        <v>0</v>
      </c>
      <c r="JB36" s="119">
        <v>0</v>
      </c>
      <c r="JC36" s="119">
        <v>0</v>
      </c>
      <c r="JD36" s="120">
        <v>0</v>
      </c>
      <c r="JE36" s="121">
        <v>0</v>
      </c>
      <c r="JF36" s="142">
        <v>0</v>
      </c>
      <c r="JG36" s="119">
        <v>0</v>
      </c>
      <c r="JH36" s="141">
        <v>0</v>
      </c>
      <c r="JI36" s="118">
        <v>0</v>
      </c>
      <c r="JJ36" s="119">
        <v>16183</v>
      </c>
      <c r="JK36" s="119">
        <v>9141</v>
      </c>
      <c r="JL36" s="119">
        <v>0</v>
      </c>
      <c r="JM36" s="119">
        <v>0</v>
      </c>
      <c r="JN36" s="119">
        <v>0</v>
      </c>
      <c r="JO36" s="120">
        <v>25324</v>
      </c>
      <c r="JP36" s="321">
        <v>25324</v>
      </c>
      <c r="JQ36" s="142">
        <v>0</v>
      </c>
      <c r="JR36" s="119">
        <v>0</v>
      </c>
      <c r="JS36" s="141">
        <v>0</v>
      </c>
      <c r="JT36" s="118">
        <v>0</v>
      </c>
      <c r="JU36" s="119">
        <v>0</v>
      </c>
      <c r="JV36" s="119">
        <v>0</v>
      </c>
      <c r="JW36" s="119">
        <v>135436</v>
      </c>
      <c r="JX36" s="119">
        <v>0</v>
      </c>
      <c r="JY36" s="119">
        <v>0</v>
      </c>
      <c r="JZ36" s="120">
        <v>135436</v>
      </c>
      <c r="KA36" s="321">
        <v>135436</v>
      </c>
      <c r="KB36" s="234">
        <v>0</v>
      </c>
      <c r="KC36" s="230">
        <v>0</v>
      </c>
      <c r="KD36" s="120">
        <v>0</v>
      </c>
      <c r="KE36" s="118">
        <v>0</v>
      </c>
      <c r="KF36" s="119">
        <v>0</v>
      </c>
      <c r="KG36" s="119">
        <v>179008</v>
      </c>
      <c r="KH36" s="119">
        <v>0</v>
      </c>
      <c r="KI36" s="119">
        <v>0</v>
      </c>
      <c r="KJ36" s="119">
        <v>0</v>
      </c>
      <c r="KK36" s="120">
        <v>179008</v>
      </c>
      <c r="KL36" s="143">
        <v>179008</v>
      </c>
      <c r="KM36" s="232">
        <v>0</v>
      </c>
      <c r="KN36" s="236">
        <v>0</v>
      </c>
      <c r="KO36" s="237">
        <v>0</v>
      </c>
      <c r="KP36" s="140"/>
      <c r="KQ36" s="119">
        <v>0</v>
      </c>
      <c r="KR36" s="119">
        <v>476602</v>
      </c>
      <c r="KS36" s="119">
        <v>0</v>
      </c>
      <c r="KT36" s="119">
        <v>239352</v>
      </c>
      <c r="KU36" s="119">
        <v>0</v>
      </c>
      <c r="KV36" s="120">
        <v>715954</v>
      </c>
      <c r="KW36" s="321">
        <v>715954</v>
      </c>
      <c r="KX36" s="142">
        <v>0</v>
      </c>
      <c r="KY36" s="119">
        <v>0</v>
      </c>
      <c r="KZ36" s="120">
        <v>0</v>
      </c>
      <c r="LA36" s="145"/>
      <c r="LB36" s="119">
        <v>0</v>
      </c>
      <c r="LC36" s="119">
        <v>0</v>
      </c>
      <c r="LD36" s="119">
        <v>0</v>
      </c>
      <c r="LE36" s="119">
        <v>0</v>
      </c>
      <c r="LF36" s="119">
        <v>0</v>
      </c>
      <c r="LG36" s="120">
        <v>0</v>
      </c>
      <c r="LH36" s="121">
        <v>0</v>
      </c>
      <c r="LI36" s="142">
        <v>0</v>
      </c>
      <c r="LJ36" s="119">
        <v>0</v>
      </c>
      <c r="LK36" s="120">
        <v>0</v>
      </c>
      <c r="LL36" s="145"/>
      <c r="LM36" s="119">
        <v>0</v>
      </c>
      <c r="LN36" s="119">
        <v>0</v>
      </c>
      <c r="LO36" s="119">
        <v>0</v>
      </c>
      <c r="LP36" s="119">
        <v>0</v>
      </c>
      <c r="LQ36" s="119">
        <v>0</v>
      </c>
      <c r="LR36" s="120">
        <v>0</v>
      </c>
      <c r="LS36" s="321">
        <v>0</v>
      </c>
      <c r="LT36" s="142">
        <v>0</v>
      </c>
      <c r="LU36" s="119">
        <v>0</v>
      </c>
      <c r="LV36" s="120">
        <v>0</v>
      </c>
      <c r="LW36" s="145"/>
      <c r="LX36" s="119">
        <v>0</v>
      </c>
      <c r="LY36" s="119">
        <v>0</v>
      </c>
      <c r="LZ36" s="119">
        <v>0</v>
      </c>
      <c r="MA36" s="119">
        <v>0</v>
      </c>
      <c r="MB36" s="119">
        <v>0</v>
      </c>
      <c r="MC36" s="120">
        <v>0</v>
      </c>
      <c r="MD36" s="121">
        <v>0</v>
      </c>
      <c r="ME36" s="142">
        <v>0</v>
      </c>
      <c r="MF36" s="119">
        <v>0</v>
      </c>
      <c r="MG36" s="120">
        <v>0</v>
      </c>
      <c r="MH36" s="145"/>
      <c r="MI36" s="119">
        <v>0</v>
      </c>
      <c r="MJ36" s="119">
        <v>432633</v>
      </c>
      <c r="MK36" s="119">
        <v>243587</v>
      </c>
      <c r="ML36" s="119">
        <v>0</v>
      </c>
      <c r="MM36" s="119">
        <v>0</v>
      </c>
      <c r="MN36" s="120">
        <v>676220</v>
      </c>
      <c r="MO36" s="143">
        <v>676220</v>
      </c>
      <c r="MP36" s="142">
        <v>0</v>
      </c>
      <c r="MQ36" s="119">
        <v>0</v>
      </c>
      <c r="MR36" s="120">
        <v>0</v>
      </c>
      <c r="MS36" s="145"/>
      <c r="MT36" s="119">
        <v>0</v>
      </c>
      <c r="MU36" s="119">
        <v>0</v>
      </c>
      <c r="MV36" s="119">
        <v>243587</v>
      </c>
      <c r="MW36" s="119">
        <v>0</v>
      </c>
      <c r="MX36" s="119">
        <v>0</v>
      </c>
      <c r="MY36" s="120">
        <v>243587</v>
      </c>
      <c r="MZ36" s="143">
        <v>243587</v>
      </c>
      <c r="NA36" s="142">
        <v>0</v>
      </c>
      <c r="NB36" s="119">
        <v>0</v>
      </c>
      <c r="NC36" s="120">
        <v>0</v>
      </c>
      <c r="ND36" s="145"/>
      <c r="NE36" s="119">
        <v>0</v>
      </c>
      <c r="NF36" s="119">
        <v>432633</v>
      </c>
      <c r="NG36" s="119">
        <v>0</v>
      </c>
      <c r="NH36" s="119">
        <v>0</v>
      </c>
      <c r="NI36" s="119">
        <v>0</v>
      </c>
      <c r="NJ36" s="120">
        <v>432633</v>
      </c>
      <c r="NK36" s="321">
        <v>432633</v>
      </c>
      <c r="NL36" s="142">
        <v>0</v>
      </c>
      <c r="NM36" s="119">
        <v>0</v>
      </c>
      <c r="NN36" s="120">
        <v>0</v>
      </c>
      <c r="NO36" s="145"/>
      <c r="NP36" s="119">
        <v>0</v>
      </c>
      <c r="NQ36" s="119">
        <v>0</v>
      </c>
      <c r="NR36" s="119">
        <v>0</v>
      </c>
      <c r="NS36" s="119">
        <v>0</v>
      </c>
      <c r="NT36" s="119">
        <v>0</v>
      </c>
      <c r="NU36" s="120">
        <v>0</v>
      </c>
      <c r="NV36" s="121">
        <v>0</v>
      </c>
      <c r="NW36" s="142">
        <v>0</v>
      </c>
      <c r="NX36" s="119">
        <v>0</v>
      </c>
      <c r="NY36" s="120">
        <v>0</v>
      </c>
      <c r="NZ36" s="145"/>
      <c r="OA36" s="119">
        <v>0</v>
      </c>
      <c r="OB36" s="119">
        <v>0</v>
      </c>
      <c r="OC36" s="119">
        <v>0</v>
      </c>
      <c r="OD36" s="119">
        <v>0</v>
      </c>
      <c r="OE36" s="119">
        <v>0</v>
      </c>
      <c r="OF36" s="120">
        <v>0</v>
      </c>
      <c r="OG36" s="121">
        <v>0</v>
      </c>
      <c r="OH36" s="142">
        <v>7824</v>
      </c>
      <c r="OI36" s="119">
        <v>8400</v>
      </c>
      <c r="OJ36" s="141">
        <v>16224</v>
      </c>
      <c r="OK36" s="118">
        <v>0</v>
      </c>
      <c r="OL36" s="119">
        <v>313541</v>
      </c>
      <c r="OM36" s="119">
        <v>2044357</v>
      </c>
      <c r="ON36" s="119">
        <v>760065</v>
      </c>
      <c r="OO36" s="119">
        <v>1073624</v>
      </c>
      <c r="OP36" s="119">
        <v>0</v>
      </c>
      <c r="OQ36" s="120">
        <v>4191587</v>
      </c>
      <c r="OR36" s="143">
        <v>4207811</v>
      </c>
    </row>
    <row r="37" spans="1:408" ht="20.25" customHeight="1" x14ac:dyDescent="0.2">
      <c r="A37" s="126" t="s">
        <v>32</v>
      </c>
      <c r="B37" s="110">
        <v>0</v>
      </c>
      <c r="C37" s="114">
        <v>114448</v>
      </c>
      <c r="D37" s="174">
        <v>114448</v>
      </c>
      <c r="E37" s="175">
        <v>0</v>
      </c>
      <c r="F37" s="176">
        <v>404196</v>
      </c>
      <c r="G37" s="176">
        <v>446427</v>
      </c>
      <c r="H37" s="176">
        <v>548606</v>
      </c>
      <c r="I37" s="176">
        <v>669560</v>
      </c>
      <c r="J37" s="176">
        <v>419478</v>
      </c>
      <c r="K37" s="177">
        <v>2488267</v>
      </c>
      <c r="L37" s="116">
        <v>2602715</v>
      </c>
      <c r="M37" s="110">
        <v>0</v>
      </c>
      <c r="N37" s="114">
        <v>17360</v>
      </c>
      <c r="O37" s="113">
        <v>17360</v>
      </c>
      <c r="P37" s="110">
        <v>0</v>
      </c>
      <c r="Q37" s="114">
        <v>55168</v>
      </c>
      <c r="R37" s="114">
        <v>176363</v>
      </c>
      <c r="S37" s="114">
        <v>135623</v>
      </c>
      <c r="T37" s="114">
        <v>253048</v>
      </c>
      <c r="U37" s="114">
        <v>133768</v>
      </c>
      <c r="V37" s="113">
        <v>753970</v>
      </c>
      <c r="W37" s="116">
        <v>771330</v>
      </c>
      <c r="X37" s="110">
        <v>0</v>
      </c>
      <c r="Y37" s="114">
        <v>0</v>
      </c>
      <c r="Z37" s="113">
        <v>0</v>
      </c>
      <c r="AA37" s="110">
        <v>0</v>
      </c>
      <c r="AB37" s="114">
        <v>0</v>
      </c>
      <c r="AC37" s="114">
        <v>76731</v>
      </c>
      <c r="AD37" s="114">
        <v>61289</v>
      </c>
      <c r="AE37" s="114">
        <v>165224</v>
      </c>
      <c r="AF37" s="114">
        <v>133768</v>
      </c>
      <c r="AG37" s="113">
        <v>437012</v>
      </c>
      <c r="AH37" s="116">
        <v>437012</v>
      </c>
      <c r="AI37" s="110">
        <v>0</v>
      </c>
      <c r="AJ37" s="114">
        <v>0</v>
      </c>
      <c r="AK37" s="113">
        <v>0</v>
      </c>
      <c r="AL37" s="110">
        <v>0</v>
      </c>
      <c r="AM37" s="114">
        <v>0</v>
      </c>
      <c r="AN37" s="114">
        <v>0</v>
      </c>
      <c r="AO37" s="114">
        <v>0</v>
      </c>
      <c r="AP37" s="114">
        <v>0</v>
      </c>
      <c r="AQ37" s="114">
        <v>0</v>
      </c>
      <c r="AR37" s="113">
        <v>0</v>
      </c>
      <c r="AS37" s="116">
        <v>0</v>
      </c>
      <c r="AT37" s="110">
        <v>0</v>
      </c>
      <c r="AU37" s="114">
        <v>17360</v>
      </c>
      <c r="AV37" s="113">
        <v>17360</v>
      </c>
      <c r="AW37" s="110">
        <v>0</v>
      </c>
      <c r="AX37" s="114">
        <v>55168</v>
      </c>
      <c r="AY37" s="114">
        <v>90032</v>
      </c>
      <c r="AZ37" s="114">
        <v>41070</v>
      </c>
      <c r="BA37" s="114">
        <v>19136</v>
      </c>
      <c r="BB37" s="114">
        <v>0</v>
      </c>
      <c r="BC37" s="113">
        <v>205406</v>
      </c>
      <c r="BD37" s="116">
        <v>222766</v>
      </c>
      <c r="BE37" s="110">
        <v>0</v>
      </c>
      <c r="BF37" s="114">
        <v>0</v>
      </c>
      <c r="BG37" s="112">
        <v>0</v>
      </c>
      <c r="BH37" s="111">
        <v>0</v>
      </c>
      <c r="BI37" s="114">
        <v>0</v>
      </c>
      <c r="BJ37" s="114">
        <v>0</v>
      </c>
      <c r="BK37" s="114">
        <v>0</v>
      </c>
      <c r="BL37" s="114">
        <v>0</v>
      </c>
      <c r="BM37" s="114">
        <v>0</v>
      </c>
      <c r="BN37" s="113">
        <v>0</v>
      </c>
      <c r="BO37" s="116">
        <v>0</v>
      </c>
      <c r="BP37" s="110">
        <v>0</v>
      </c>
      <c r="BQ37" s="114">
        <v>0</v>
      </c>
      <c r="BR37" s="113">
        <v>0</v>
      </c>
      <c r="BS37" s="110">
        <v>0</v>
      </c>
      <c r="BT37" s="114">
        <v>0</v>
      </c>
      <c r="BU37" s="114">
        <v>9600</v>
      </c>
      <c r="BV37" s="114">
        <v>33264</v>
      </c>
      <c r="BW37" s="114">
        <v>68688</v>
      </c>
      <c r="BX37" s="114">
        <v>0</v>
      </c>
      <c r="BY37" s="113">
        <v>111552</v>
      </c>
      <c r="BZ37" s="116">
        <v>111552</v>
      </c>
      <c r="CA37" s="110">
        <v>0</v>
      </c>
      <c r="CB37" s="114">
        <v>0</v>
      </c>
      <c r="CC37" s="113">
        <v>0</v>
      </c>
      <c r="CD37" s="110">
        <v>0</v>
      </c>
      <c r="CE37" s="114">
        <v>335268</v>
      </c>
      <c r="CF37" s="114">
        <v>40464</v>
      </c>
      <c r="CG37" s="114">
        <v>103624</v>
      </c>
      <c r="CH37" s="114">
        <v>0</v>
      </c>
      <c r="CI37" s="114">
        <v>253030</v>
      </c>
      <c r="CJ37" s="113">
        <v>732386</v>
      </c>
      <c r="CK37" s="116">
        <v>732386</v>
      </c>
      <c r="CL37" s="110">
        <v>0</v>
      </c>
      <c r="CM37" s="114">
        <v>0</v>
      </c>
      <c r="CN37" s="113">
        <v>0</v>
      </c>
      <c r="CO37" s="111">
        <v>0</v>
      </c>
      <c r="CP37" s="114">
        <v>185720</v>
      </c>
      <c r="CQ37" s="114">
        <v>40464</v>
      </c>
      <c r="CR37" s="114">
        <v>103624</v>
      </c>
      <c r="CS37" s="114">
        <v>0</v>
      </c>
      <c r="CT37" s="114">
        <v>86442</v>
      </c>
      <c r="CU37" s="113">
        <v>416250</v>
      </c>
      <c r="CV37" s="116">
        <v>416250</v>
      </c>
      <c r="CW37" s="110">
        <v>0</v>
      </c>
      <c r="CX37" s="114">
        <v>0</v>
      </c>
      <c r="CY37" s="113">
        <v>0</v>
      </c>
      <c r="CZ37" s="110">
        <v>0</v>
      </c>
      <c r="DA37" s="114">
        <v>149548</v>
      </c>
      <c r="DB37" s="114">
        <v>0</v>
      </c>
      <c r="DC37" s="114">
        <v>0</v>
      </c>
      <c r="DD37" s="114">
        <v>0</v>
      </c>
      <c r="DE37" s="114">
        <v>166588</v>
      </c>
      <c r="DF37" s="113">
        <v>316136</v>
      </c>
      <c r="DG37" s="116">
        <v>316136</v>
      </c>
      <c r="DH37" s="110">
        <v>0</v>
      </c>
      <c r="DI37" s="114">
        <v>0</v>
      </c>
      <c r="DJ37" s="112">
        <v>0</v>
      </c>
      <c r="DK37" s="111">
        <v>0</v>
      </c>
      <c r="DL37" s="114">
        <v>0</v>
      </c>
      <c r="DM37" s="114">
        <v>0</v>
      </c>
      <c r="DN37" s="114">
        <v>76727</v>
      </c>
      <c r="DO37" s="114">
        <v>0</v>
      </c>
      <c r="DP37" s="114">
        <v>0</v>
      </c>
      <c r="DQ37" s="113">
        <v>76727</v>
      </c>
      <c r="DR37" s="116">
        <v>76727</v>
      </c>
      <c r="DS37" s="110">
        <v>0</v>
      </c>
      <c r="DT37" s="114">
        <v>0</v>
      </c>
      <c r="DU37" s="113">
        <v>0</v>
      </c>
      <c r="DV37" s="110">
        <v>0</v>
      </c>
      <c r="DW37" s="114">
        <v>0</v>
      </c>
      <c r="DX37" s="114">
        <v>0</v>
      </c>
      <c r="DY37" s="114">
        <v>76727</v>
      </c>
      <c r="DZ37" s="114">
        <v>0</v>
      </c>
      <c r="EA37" s="114">
        <v>0</v>
      </c>
      <c r="EB37" s="113">
        <v>76727</v>
      </c>
      <c r="EC37" s="116">
        <v>76727</v>
      </c>
      <c r="ED37" s="110">
        <v>0</v>
      </c>
      <c r="EE37" s="112">
        <v>0</v>
      </c>
      <c r="EF37" s="113">
        <v>0</v>
      </c>
      <c r="EG37" s="110">
        <v>0</v>
      </c>
      <c r="EH37" s="114">
        <v>0</v>
      </c>
      <c r="EI37" s="114">
        <v>0</v>
      </c>
      <c r="EJ37" s="114">
        <v>0</v>
      </c>
      <c r="EK37" s="114">
        <v>0</v>
      </c>
      <c r="EL37" s="114">
        <v>0</v>
      </c>
      <c r="EM37" s="112">
        <v>0</v>
      </c>
      <c r="EN37" s="116">
        <v>0</v>
      </c>
      <c r="EO37" s="110">
        <v>0</v>
      </c>
      <c r="EP37" s="114">
        <v>0</v>
      </c>
      <c r="EQ37" s="112">
        <v>0</v>
      </c>
      <c r="ER37" s="111">
        <v>0</v>
      </c>
      <c r="ES37" s="114">
        <v>0</v>
      </c>
      <c r="ET37" s="114">
        <v>0</v>
      </c>
      <c r="EU37" s="114">
        <v>0</v>
      </c>
      <c r="EV37" s="114">
        <v>0</v>
      </c>
      <c r="EW37" s="114">
        <v>0</v>
      </c>
      <c r="EX37" s="113">
        <v>0</v>
      </c>
      <c r="EY37" s="116">
        <v>0</v>
      </c>
      <c r="EZ37" s="110">
        <v>0</v>
      </c>
      <c r="FA37" s="114">
        <v>0</v>
      </c>
      <c r="FB37" s="112">
        <v>0</v>
      </c>
      <c r="FC37" s="348"/>
      <c r="FD37" s="114">
        <v>0</v>
      </c>
      <c r="FE37" s="114">
        <v>0</v>
      </c>
      <c r="FF37" s="114">
        <v>0</v>
      </c>
      <c r="FG37" s="114">
        <v>0</v>
      </c>
      <c r="FH37" s="114">
        <v>0</v>
      </c>
      <c r="FI37" s="113">
        <v>0</v>
      </c>
      <c r="FJ37" s="116">
        <v>0</v>
      </c>
      <c r="FK37" s="110">
        <v>0</v>
      </c>
      <c r="FL37" s="114">
        <v>12800</v>
      </c>
      <c r="FM37" s="113">
        <v>12800</v>
      </c>
      <c r="FN37" s="110">
        <v>0</v>
      </c>
      <c r="FO37" s="114">
        <v>13760</v>
      </c>
      <c r="FP37" s="114">
        <v>66112</v>
      </c>
      <c r="FQ37" s="114">
        <v>50768</v>
      </c>
      <c r="FR37" s="114">
        <v>20144</v>
      </c>
      <c r="FS37" s="114">
        <v>32680</v>
      </c>
      <c r="FT37" s="113">
        <v>183464</v>
      </c>
      <c r="FU37" s="116">
        <v>196264</v>
      </c>
      <c r="FV37" s="115">
        <v>0</v>
      </c>
      <c r="FW37" s="114">
        <v>12800</v>
      </c>
      <c r="FX37" s="112">
        <v>12800</v>
      </c>
      <c r="FY37" s="111">
        <v>0</v>
      </c>
      <c r="FZ37" s="114">
        <v>13760</v>
      </c>
      <c r="GA37" s="114">
        <v>66112</v>
      </c>
      <c r="GB37" s="114">
        <v>50768</v>
      </c>
      <c r="GC37" s="114">
        <v>20144</v>
      </c>
      <c r="GD37" s="114">
        <v>32680</v>
      </c>
      <c r="GE37" s="113">
        <v>183464</v>
      </c>
      <c r="GF37" s="319">
        <v>196264</v>
      </c>
      <c r="GG37" s="115">
        <v>0</v>
      </c>
      <c r="GH37" s="114">
        <v>0</v>
      </c>
      <c r="GI37" s="112">
        <v>0</v>
      </c>
      <c r="GJ37" s="111">
        <v>0</v>
      </c>
      <c r="GK37" s="114">
        <v>0</v>
      </c>
      <c r="GL37" s="114">
        <v>0</v>
      </c>
      <c r="GM37" s="114">
        <v>0</v>
      </c>
      <c r="GN37" s="114">
        <v>0</v>
      </c>
      <c r="GO37" s="114">
        <v>0</v>
      </c>
      <c r="GP37" s="113">
        <v>0</v>
      </c>
      <c r="GQ37" s="116">
        <v>0</v>
      </c>
      <c r="GR37" s="110">
        <v>0</v>
      </c>
      <c r="GS37" s="114">
        <v>0</v>
      </c>
      <c r="GT37" s="113">
        <v>0</v>
      </c>
      <c r="GU37" s="110">
        <v>0</v>
      </c>
      <c r="GV37" s="114">
        <v>0</v>
      </c>
      <c r="GW37" s="114">
        <v>0</v>
      </c>
      <c r="GX37" s="114">
        <v>0</v>
      </c>
      <c r="GY37" s="114">
        <v>0</v>
      </c>
      <c r="GZ37" s="114">
        <v>0</v>
      </c>
      <c r="HA37" s="112">
        <v>0</v>
      </c>
      <c r="HB37" s="116">
        <v>0</v>
      </c>
      <c r="HC37" s="110">
        <v>0</v>
      </c>
      <c r="HD37" s="114">
        <v>84288</v>
      </c>
      <c r="HE37" s="112">
        <v>84288</v>
      </c>
      <c r="HF37" s="111">
        <v>0</v>
      </c>
      <c r="HG37" s="114">
        <v>0</v>
      </c>
      <c r="HH37" s="114">
        <v>163488</v>
      </c>
      <c r="HI37" s="114">
        <v>181864</v>
      </c>
      <c r="HJ37" s="114">
        <v>396368</v>
      </c>
      <c r="HK37" s="114">
        <v>0</v>
      </c>
      <c r="HL37" s="113">
        <v>741720</v>
      </c>
      <c r="HM37" s="109">
        <v>826008</v>
      </c>
      <c r="HN37" s="329"/>
      <c r="HO37" s="330"/>
      <c r="HP37" s="331"/>
      <c r="HQ37" s="332"/>
      <c r="HR37" s="330"/>
      <c r="HS37" s="330"/>
      <c r="HT37" s="330"/>
      <c r="HU37" s="330"/>
      <c r="HV37" s="330"/>
      <c r="HW37" s="333"/>
      <c r="HX37" s="334"/>
      <c r="HY37" s="131">
        <v>0</v>
      </c>
      <c r="HZ37" s="132">
        <v>0</v>
      </c>
      <c r="IA37" s="133">
        <v>0</v>
      </c>
      <c r="IB37" s="146">
        <v>0</v>
      </c>
      <c r="IC37" s="132">
        <v>87824</v>
      </c>
      <c r="ID37" s="147">
        <v>68720</v>
      </c>
      <c r="IE37" s="133">
        <v>760096</v>
      </c>
      <c r="IF37" s="132">
        <v>128392</v>
      </c>
      <c r="IG37" s="133">
        <v>0</v>
      </c>
      <c r="IH37" s="148">
        <v>1045032</v>
      </c>
      <c r="II37" s="139">
        <v>1045032</v>
      </c>
      <c r="IJ37" s="232">
        <v>0</v>
      </c>
      <c r="IK37" s="236">
        <v>0</v>
      </c>
      <c r="IL37" s="237">
        <v>0</v>
      </c>
      <c r="IM37" s="140"/>
      <c r="IN37" s="119">
        <v>0</v>
      </c>
      <c r="IO37" s="119">
        <v>0</v>
      </c>
      <c r="IP37" s="119">
        <v>0</v>
      </c>
      <c r="IQ37" s="119">
        <v>0</v>
      </c>
      <c r="IR37" s="119">
        <v>0</v>
      </c>
      <c r="IS37" s="141">
        <v>0</v>
      </c>
      <c r="IT37" s="321">
        <v>0</v>
      </c>
      <c r="IU37" s="142">
        <v>0</v>
      </c>
      <c r="IV37" s="119">
        <v>0</v>
      </c>
      <c r="IW37" s="120">
        <v>0</v>
      </c>
      <c r="IX37" s="144"/>
      <c r="IY37" s="119">
        <v>0</v>
      </c>
      <c r="IZ37" s="119">
        <v>0</v>
      </c>
      <c r="JA37" s="119">
        <v>0</v>
      </c>
      <c r="JB37" s="119">
        <v>0</v>
      </c>
      <c r="JC37" s="119">
        <v>0</v>
      </c>
      <c r="JD37" s="120">
        <v>0</v>
      </c>
      <c r="JE37" s="121">
        <v>0</v>
      </c>
      <c r="JF37" s="142">
        <v>0</v>
      </c>
      <c r="JG37" s="119">
        <v>0</v>
      </c>
      <c r="JH37" s="141">
        <v>0</v>
      </c>
      <c r="JI37" s="118">
        <v>0</v>
      </c>
      <c r="JJ37" s="119">
        <v>87824</v>
      </c>
      <c r="JK37" s="119">
        <v>68720</v>
      </c>
      <c r="JL37" s="119">
        <v>101208</v>
      </c>
      <c r="JM37" s="119">
        <v>0</v>
      </c>
      <c r="JN37" s="119">
        <v>0</v>
      </c>
      <c r="JO37" s="120">
        <v>257752</v>
      </c>
      <c r="JP37" s="321">
        <v>257752</v>
      </c>
      <c r="JQ37" s="142">
        <v>0</v>
      </c>
      <c r="JR37" s="119">
        <v>0</v>
      </c>
      <c r="JS37" s="141">
        <v>0</v>
      </c>
      <c r="JT37" s="118">
        <v>0</v>
      </c>
      <c r="JU37" s="119">
        <v>0</v>
      </c>
      <c r="JV37" s="119">
        <v>0</v>
      </c>
      <c r="JW37" s="119">
        <v>0</v>
      </c>
      <c r="JX37" s="119">
        <v>128392</v>
      </c>
      <c r="JY37" s="119">
        <v>0</v>
      </c>
      <c r="JZ37" s="120">
        <v>128392</v>
      </c>
      <c r="KA37" s="321">
        <v>128392</v>
      </c>
      <c r="KB37" s="234">
        <v>0</v>
      </c>
      <c r="KC37" s="230">
        <v>0</v>
      </c>
      <c r="KD37" s="120">
        <v>0</v>
      </c>
      <c r="KE37" s="118">
        <v>0</v>
      </c>
      <c r="KF37" s="119">
        <v>0</v>
      </c>
      <c r="KG37" s="119">
        <v>0</v>
      </c>
      <c r="KH37" s="119">
        <v>0</v>
      </c>
      <c r="KI37" s="119">
        <v>0</v>
      </c>
      <c r="KJ37" s="119">
        <v>0</v>
      </c>
      <c r="KK37" s="120">
        <v>0</v>
      </c>
      <c r="KL37" s="143">
        <v>0</v>
      </c>
      <c r="KM37" s="232">
        <v>0</v>
      </c>
      <c r="KN37" s="236">
        <v>0</v>
      </c>
      <c r="KO37" s="237">
        <v>0</v>
      </c>
      <c r="KP37" s="140"/>
      <c r="KQ37" s="119">
        <v>0</v>
      </c>
      <c r="KR37" s="119">
        <v>0</v>
      </c>
      <c r="KS37" s="119">
        <v>465648</v>
      </c>
      <c r="KT37" s="119">
        <v>0</v>
      </c>
      <c r="KU37" s="119">
        <v>0</v>
      </c>
      <c r="KV37" s="120">
        <v>465648</v>
      </c>
      <c r="KW37" s="321">
        <v>465648</v>
      </c>
      <c r="KX37" s="142">
        <v>0</v>
      </c>
      <c r="KY37" s="119">
        <v>0</v>
      </c>
      <c r="KZ37" s="120">
        <v>0</v>
      </c>
      <c r="LA37" s="145"/>
      <c r="LB37" s="119">
        <v>0</v>
      </c>
      <c r="LC37" s="119">
        <v>0</v>
      </c>
      <c r="LD37" s="119">
        <v>0</v>
      </c>
      <c r="LE37" s="119">
        <v>0</v>
      </c>
      <c r="LF37" s="119">
        <v>0</v>
      </c>
      <c r="LG37" s="120">
        <v>0</v>
      </c>
      <c r="LH37" s="121">
        <v>0</v>
      </c>
      <c r="LI37" s="142">
        <v>0</v>
      </c>
      <c r="LJ37" s="119">
        <v>0</v>
      </c>
      <c r="LK37" s="120">
        <v>0</v>
      </c>
      <c r="LL37" s="145"/>
      <c r="LM37" s="119">
        <v>0</v>
      </c>
      <c r="LN37" s="119">
        <v>0</v>
      </c>
      <c r="LO37" s="119">
        <v>193240</v>
      </c>
      <c r="LP37" s="119">
        <v>0</v>
      </c>
      <c r="LQ37" s="119">
        <v>0</v>
      </c>
      <c r="LR37" s="120">
        <v>193240</v>
      </c>
      <c r="LS37" s="321">
        <v>193240</v>
      </c>
      <c r="LT37" s="142">
        <v>0</v>
      </c>
      <c r="LU37" s="119">
        <v>0</v>
      </c>
      <c r="LV37" s="120">
        <v>0</v>
      </c>
      <c r="LW37" s="145"/>
      <c r="LX37" s="119">
        <v>0</v>
      </c>
      <c r="LY37" s="119">
        <v>0</v>
      </c>
      <c r="LZ37" s="119">
        <v>0</v>
      </c>
      <c r="MA37" s="119">
        <v>0</v>
      </c>
      <c r="MB37" s="119">
        <v>0</v>
      </c>
      <c r="MC37" s="120">
        <v>0</v>
      </c>
      <c r="MD37" s="121">
        <v>0</v>
      </c>
      <c r="ME37" s="142">
        <v>0</v>
      </c>
      <c r="MF37" s="119">
        <v>0</v>
      </c>
      <c r="MG37" s="120">
        <v>0</v>
      </c>
      <c r="MH37" s="145"/>
      <c r="MI37" s="119">
        <v>222208</v>
      </c>
      <c r="MJ37" s="119">
        <v>0</v>
      </c>
      <c r="MK37" s="119">
        <v>260672</v>
      </c>
      <c r="ML37" s="119">
        <v>524280</v>
      </c>
      <c r="MM37" s="119">
        <v>570089</v>
      </c>
      <c r="MN37" s="120">
        <v>1577249</v>
      </c>
      <c r="MO37" s="143">
        <v>1577249</v>
      </c>
      <c r="MP37" s="142">
        <v>0</v>
      </c>
      <c r="MQ37" s="119">
        <v>0</v>
      </c>
      <c r="MR37" s="120">
        <v>0</v>
      </c>
      <c r="MS37" s="145"/>
      <c r="MT37" s="119">
        <v>0</v>
      </c>
      <c r="MU37" s="119">
        <v>0</v>
      </c>
      <c r="MV37" s="119">
        <v>0</v>
      </c>
      <c r="MW37" s="119">
        <v>495504</v>
      </c>
      <c r="MX37" s="119">
        <v>268528</v>
      </c>
      <c r="MY37" s="120">
        <v>764032</v>
      </c>
      <c r="MZ37" s="143">
        <v>764032</v>
      </c>
      <c r="NA37" s="142">
        <v>0</v>
      </c>
      <c r="NB37" s="119">
        <v>0</v>
      </c>
      <c r="NC37" s="120">
        <v>0</v>
      </c>
      <c r="ND37" s="145"/>
      <c r="NE37" s="119">
        <v>222208</v>
      </c>
      <c r="NF37" s="119">
        <v>0</v>
      </c>
      <c r="NG37" s="119">
        <v>260672</v>
      </c>
      <c r="NH37" s="119">
        <v>0</v>
      </c>
      <c r="NI37" s="119">
        <v>301561</v>
      </c>
      <c r="NJ37" s="120">
        <v>784441</v>
      </c>
      <c r="NK37" s="321">
        <v>784441</v>
      </c>
      <c r="NL37" s="142">
        <v>0</v>
      </c>
      <c r="NM37" s="119">
        <v>0</v>
      </c>
      <c r="NN37" s="120">
        <v>0</v>
      </c>
      <c r="NO37" s="145"/>
      <c r="NP37" s="119">
        <v>0</v>
      </c>
      <c r="NQ37" s="119">
        <v>0</v>
      </c>
      <c r="NR37" s="119">
        <v>0</v>
      </c>
      <c r="NS37" s="119">
        <v>0</v>
      </c>
      <c r="NT37" s="119">
        <v>0</v>
      </c>
      <c r="NU37" s="120">
        <v>0</v>
      </c>
      <c r="NV37" s="121">
        <v>0</v>
      </c>
      <c r="NW37" s="142">
        <v>0</v>
      </c>
      <c r="NX37" s="119">
        <v>0</v>
      </c>
      <c r="NY37" s="120">
        <v>0</v>
      </c>
      <c r="NZ37" s="145"/>
      <c r="OA37" s="119">
        <v>0</v>
      </c>
      <c r="OB37" s="119">
        <v>0</v>
      </c>
      <c r="OC37" s="119">
        <v>0</v>
      </c>
      <c r="OD37" s="119">
        <v>28776</v>
      </c>
      <c r="OE37" s="119">
        <v>0</v>
      </c>
      <c r="OF37" s="120">
        <v>28776</v>
      </c>
      <c r="OG37" s="121">
        <v>28776</v>
      </c>
      <c r="OH37" s="142">
        <v>0</v>
      </c>
      <c r="OI37" s="119">
        <v>114448</v>
      </c>
      <c r="OJ37" s="141">
        <v>114448</v>
      </c>
      <c r="OK37" s="118">
        <v>0</v>
      </c>
      <c r="OL37" s="119">
        <v>714228</v>
      </c>
      <c r="OM37" s="119">
        <v>515147</v>
      </c>
      <c r="ON37" s="119">
        <v>1569374</v>
      </c>
      <c r="OO37" s="119">
        <v>1322232</v>
      </c>
      <c r="OP37" s="119">
        <v>989567</v>
      </c>
      <c r="OQ37" s="120">
        <v>5110548</v>
      </c>
      <c r="OR37" s="143">
        <v>5224996</v>
      </c>
    </row>
    <row r="38" spans="1:408" ht="20.25" customHeight="1" x14ac:dyDescent="0.2">
      <c r="A38" s="126" t="s">
        <v>33</v>
      </c>
      <c r="B38" s="110">
        <v>49701</v>
      </c>
      <c r="C38" s="114">
        <v>78348</v>
      </c>
      <c r="D38" s="113">
        <v>128049</v>
      </c>
      <c r="E38" s="109">
        <v>0</v>
      </c>
      <c r="F38" s="114">
        <v>176448</v>
      </c>
      <c r="G38" s="114">
        <v>205408</v>
      </c>
      <c r="H38" s="114">
        <v>21904</v>
      </c>
      <c r="I38" s="114">
        <v>0</v>
      </c>
      <c r="J38" s="114">
        <v>0</v>
      </c>
      <c r="K38" s="173">
        <v>403760</v>
      </c>
      <c r="L38" s="116">
        <v>531809</v>
      </c>
      <c r="M38" s="110">
        <v>47301</v>
      </c>
      <c r="N38" s="114">
        <v>78348</v>
      </c>
      <c r="O38" s="113">
        <v>125649</v>
      </c>
      <c r="P38" s="110">
        <v>0</v>
      </c>
      <c r="Q38" s="114">
        <v>95638</v>
      </c>
      <c r="R38" s="114">
        <v>0</v>
      </c>
      <c r="S38" s="114">
        <v>2384</v>
      </c>
      <c r="T38" s="114">
        <v>0</v>
      </c>
      <c r="U38" s="114">
        <v>0</v>
      </c>
      <c r="V38" s="113">
        <v>98022</v>
      </c>
      <c r="W38" s="116">
        <v>223671</v>
      </c>
      <c r="X38" s="110">
        <v>0</v>
      </c>
      <c r="Y38" s="114">
        <v>0</v>
      </c>
      <c r="Z38" s="113">
        <v>0</v>
      </c>
      <c r="AA38" s="110">
        <v>0</v>
      </c>
      <c r="AB38" s="114">
        <v>17005</v>
      </c>
      <c r="AC38" s="114">
        <v>0</v>
      </c>
      <c r="AD38" s="114">
        <v>0</v>
      </c>
      <c r="AE38" s="114">
        <v>0</v>
      </c>
      <c r="AF38" s="114">
        <v>0</v>
      </c>
      <c r="AG38" s="113">
        <v>17005</v>
      </c>
      <c r="AH38" s="116">
        <v>17005</v>
      </c>
      <c r="AI38" s="110">
        <v>0</v>
      </c>
      <c r="AJ38" s="114">
        <v>0</v>
      </c>
      <c r="AK38" s="113">
        <v>0</v>
      </c>
      <c r="AL38" s="110">
        <v>0</v>
      </c>
      <c r="AM38" s="114">
        <v>0</v>
      </c>
      <c r="AN38" s="114">
        <v>0</v>
      </c>
      <c r="AO38" s="114">
        <v>0</v>
      </c>
      <c r="AP38" s="114">
        <v>0</v>
      </c>
      <c r="AQ38" s="114">
        <v>0</v>
      </c>
      <c r="AR38" s="113">
        <v>0</v>
      </c>
      <c r="AS38" s="116">
        <v>0</v>
      </c>
      <c r="AT38" s="110">
        <v>0</v>
      </c>
      <c r="AU38" s="114">
        <v>0</v>
      </c>
      <c r="AV38" s="113">
        <v>0</v>
      </c>
      <c r="AW38" s="110">
        <v>0</v>
      </c>
      <c r="AX38" s="114">
        <v>65593</v>
      </c>
      <c r="AY38" s="114">
        <v>0</v>
      </c>
      <c r="AZ38" s="114">
        <v>0</v>
      </c>
      <c r="BA38" s="114">
        <v>0</v>
      </c>
      <c r="BB38" s="114">
        <v>0</v>
      </c>
      <c r="BC38" s="113">
        <v>65593</v>
      </c>
      <c r="BD38" s="116">
        <v>65593</v>
      </c>
      <c r="BE38" s="110">
        <v>47301</v>
      </c>
      <c r="BF38" s="114">
        <v>78348</v>
      </c>
      <c r="BG38" s="112">
        <v>125649</v>
      </c>
      <c r="BH38" s="111">
        <v>0</v>
      </c>
      <c r="BI38" s="114">
        <v>0</v>
      </c>
      <c r="BJ38" s="114">
        <v>0</v>
      </c>
      <c r="BK38" s="114">
        <v>0</v>
      </c>
      <c r="BL38" s="114">
        <v>0</v>
      </c>
      <c r="BM38" s="114">
        <v>0</v>
      </c>
      <c r="BN38" s="113">
        <v>0</v>
      </c>
      <c r="BO38" s="116">
        <v>125649</v>
      </c>
      <c r="BP38" s="110">
        <v>0</v>
      </c>
      <c r="BQ38" s="114">
        <v>0</v>
      </c>
      <c r="BR38" s="113">
        <v>0</v>
      </c>
      <c r="BS38" s="110">
        <v>0</v>
      </c>
      <c r="BT38" s="114">
        <v>13040</v>
      </c>
      <c r="BU38" s="114">
        <v>0</v>
      </c>
      <c r="BV38" s="114">
        <v>2384</v>
      </c>
      <c r="BW38" s="114">
        <v>0</v>
      </c>
      <c r="BX38" s="114">
        <v>0</v>
      </c>
      <c r="BY38" s="113">
        <v>15424</v>
      </c>
      <c r="BZ38" s="116">
        <v>15424</v>
      </c>
      <c r="CA38" s="110">
        <v>0</v>
      </c>
      <c r="CB38" s="114">
        <v>0</v>
      </c>
      <c r="CC38" s="113">
        <v>0</v>
      </c>
      <c r="CD38" s="110">
        <v>0</v>
      </c>
      <c r="CE38" s="114">
        <v>43210</v>
      </c>
      <c r="CF38" s="114">
        <v>142672</v>
      </c>
      <c r="CG38" s="114">
        <v>0</v>
      </c>
      <c r="CH38" s="114">
        <v>0</v>
      </c>
      <c r="CI38" s="114">
        <v>0</v>
      </c>
      <c r="CJ38" s="113">
        <v>185882</v>
      </c>
      <c r="CK38" s="116">
        <v>185882</v>
      </c>
      <c r="CL38" s="110">
        <v>0</v>
      </c>
      <c r="CM38" s="114">
        <v>0</v>
      </c>
      <c r="CN38" s="113">
        <v>0</v>
      </c>
      <c r="CO38" s="111">
        <v>0</v>
      </c>
      <c r="CP38" s="114">
        <v>18868</v>
      </c>
      <c r="CQ38" s="114">
        <v>0</v>
      </c>
      <c r="CR38" s="114">
        <v>0</v>
      </c>
      <c r="CS38" s="114">
        <v>0</v>
      </c>
      <c r="CT38" s="114">
        <v>0</v>
      </c>
      <c r="CU38" s="113">
        <v>18868</v>
      </c>
      <c r="CV38" s="116">
        <v>18868</v>
      </c>
      <c r="CW38" s="110">
        <v>0</v>
      </c>
      <c r="CX38" s="114">
        <v>0</v>
      </c>
      <c r="CY38" s="113">
        <v>0</v>
      </c>
      <c r="CZ38" s="110">
        <v>0</v>
      </c>
      <c r="DA38" s="114">
        <v>24342</v>
      </c>
      <c r="DB38" s="114">
        <v>142672</v>
      </c>
      <c r="DC38" s="114">
        <v>0</v>
      </c>
      <c r="DD38" s="114">
        <v>0</v>
      </c>
      <c r="DE38" s="114">
        <v>0</v>
      </c>
      <c r="DF38" s="113">
        <v>167014</v>
      </c>
      <c r="DG38" s="116">
        <v>167014</v>
      </c>
      <c r="DH38" s="110">
        <v>0</v>
      </c>
      <c r="DI38" s="114">
        <v>0</v>
      </c>
      <c r="DJ38" s="112">
        <v>0</v>
      </c>
      <c r="DK38" s="111">
        <v>0</v>
      </c>
      <c r="DL38" s="114">
        <v>0</v>
      </c>
      <c r="DM38" s="114">
        <v>53936</v>
      </c>
      <c r="DN38" s="114">
        <v>0</v>
      </c>
      <c r="DO38" s="114">
        <v>0</v>
      </c>
      <c r="DP38" s="114">
        <v>0</v>
      </c>
      <c r="DQ38" s="113">
        <v>53936</v>
      </c>
      <c r="DR38" s="116">
        <v>53936</v>
      </c>
      <c r="DS38" s="110">
        <v>0</v>
      </c>
      <c r="DT38" s="114">
        <v>0</v>
      </c>
      <c r="DU38" s="113">
        <v>0</v>
      </c>
      <c r="DV38" s="110">
        <v>0</v>
      </c>
      <c r="DW38" s="114">
        <v>0</v>
      </c>
      <c r="DX38" s="114">
        <v>0</v>
      </c>
      <c r="DY38" s="114">
        <v>0</v>
      </c>
      <c r="DZ38" s="114">
        <v>0</v>
      </c>
      <c r="EA38" s="114">
        <v>0</v>
      </c>
      <c r="EB38" s="113">
        <v>0</v>
      </c>
      <c r="EC38" s="116">
        <v>0</v>
      </c>
      <c r="ED38" s="110">
        <v>0</v>
      </c>
      <c r="EE38" s="112">
        <v>0</v>
      </c>
      <c r="EF38" s="113">
        <v>0</v>
      </c>
      <c r="EG38" s="110">
        <v>0</v>
      </c>
      <c r="EH38" s="114">
        <v>0</v>
      </c>
      <c r="EI38" s="114">
        <v>53936</v>
      </c>
      <c r="EJ38" s="114">
        <v>0</v>
      </c>
      <c r="EK38" s="114">
        <v>0</v>
      </c>
      <c r="EL38" s="114">
        <v>0</v>
      </c>
      <c r="EM38" s="112">
        <v>53936</v>
      </c>
      <c r="EN38" s="116">
        <v>53936</v>
      </c>
      <c r="EO38" s="110">
        <v>0</v>
      </c>
      <c r="EP38" s="114">
        <v>0</v>
      </c>
      <c r="EQ38" s="112">
        <v>0</v>
      </c>
      <c r="ER38" s="111">
        <v>0</v>
      </c>
      <c r="ES38" s="114">
        <v>0</v>
      </c>
      <c r="ET38" s="114">
        <v>0</v>
      </c>
      <c r="EU38" s="114">
        <v>0</v>
      </c>
      <c r="EV38" s="114">
        <v>0</v>
      </c>
      <c r="EW38" s="114">
        <v>0</v>
      </c>
      <c r="EX38" s="113">
        <v>0</v>
      </c>
      <c r="EY38" s="116">
        <v>0</v>
      </c>
      <c r="EZ38" s="110">
        <v>0</v>
      </c>
      <c r="FA38" s="114">
        <v>0</v>
      </c>
      <c r="FB38" s="112">
        <v>0</v>
      </c>
      <c r="FC38" s="348"/>
      <c r="FD38" s="114">
        <v>0</v>
      </c>
      <c r="FE38" s="114">
        <v>0</v>
      </c>
      <c r="FF38" s="114">
        <v>0</v>
      </c>
      <c r="FG38" s="114">
        <v>0</v>
      </c>
      <c r="FH38" s="114">
        <v>0</v>
      </c>
      <c r="FI38" s="113">
        <v>0</v>
      </c>
      <c r="FJ38" s="116">
        <v>0</v>
      </c>
      <c r="FK38" s="110">
        <v>2400</v>
      </c>
      <c r="FL38" s="114">
        <v>0</v>
      </c>
      <c r="FM38" s="113">
        <v>2400</v>
      </c>
      <c r="FN38" s="110">
        <v>0</v>
      </c>
      <c r="FO38" s="114">
        <v>37600</v>
      </c>
      <c r="FP38" s="114">
        <v>8800</v>
      </c>
      <c r="FQ38" s="114">
        <v>19520</v>
      </c>
      <c r="FR38" s="114">
        <v>0</v>
      </c>
      <c r="FS38" s="114">
        <v>0</v>
      </c>
      <c r="FT38" s="113">
        <v>65920</v>
      </c>
      <c r="FU38" s="116">
        <v>68320</v>
      </c>
      <c r="FV38" s="115">
        <v>2400</v>
      </c>
      <c r="FW38" s="114">
        <v>0</v>
      </c>
      <c r="FX38" s="112">
        <v>2400</v>
      </c>
      <c r="FY38" s="111">
        <v>0</v>
      </c>
      <c r="FZ38" s="114">
        <v>37600</v>
      </c>
      <c r="GA38" s="114">
        <v>8800</v>
      </c>
      <c r="GB38" s="114">
        <v>19520</v>
      </c>
      <c r="GC38" s="114">
        <v>0</v>
      </c>
      <c r="GD38" s="114">
        <v>0</v>
      </c>
      <c r="GE38" s="113">
        <v>65920</v>
      </c>
      <c r="GF38" s="319">
        <v>68320</v>
      </c>
      <c r="GG38" s="115">
        <v>0</v>
      </c>
      <c r="GH38" s="114">
        <v>0</v>
      </c>
      <c r="GI38" s="112">
        <v>0</v>
      </c>
      <c r="GJ38" s="111">
        <v>0</v>
      </c>
      <c r="GK38" s="114">
        <v>0</v>
      </c>
      <c r="GL38" s="114">
        <v>0</v>
      </c>
      <c r="GM38" s="114">
        <v>0</v>
      </c>
      <c r="GN38" s="114">
        <v>0</v>
      </c>
      <c r="GO38" s="114">
        <v>0</v>
      </c>
      <c r="GP38" s="113">
        <v>0</v>
      </c>
      <c r="GQ38" s="116">
        <v>0</v>
      </c>
      <c r="GR38" s="110">
        <v>0</v>
      </c>
      <c r="GS38" s="114">
        <v>0</v>
      </c>
      <c r="GT38" s="113">
        <v>0</v>
      </c>
      <c r="GU38" s="110">
        <v>0</v>
      </c>
      <c r="GV38" s="114">
        <v>0</v>
      </c>
      <c r="GW38" s="114">
        <v>0</v>
      </c>
      <c r="GX38" s="114">
        <v>0</v>
      </c>
      <c r="GY38" s="114">
        <v>0</v>
      </c>
      <c r="GZ38" s="114">
        <v>0</v>
      </c>
      <c r="HA38" s="112">
        <v>0</v>
      </c>
      <c r="HB38" s="116">
        <v>0</v>
      </c>
      <c r="HC38" s="110">
        <v>0</v>
      </c>
      <c r="HD38" s="114">
        <v>0</v>
      </c>
      <c r="HE38" s="112">
        <v>0</v>
      </c>
      <c r="HF38" s="111">
        <v>0</v>
      </c>
      <c r="HG38" s="114">
        <v>0</v>
      </c>
      <c r="HH38" s="114">
        <v>0</v>
      </c>
      <c r="HI38" s="114">
        <v>0</v>
      </c>
      <c r="HJ38" s="114">
        <v>0</v>
      </c>
      <c r="HK38" s="114">
        <v>0</v>
      </c>
      <c r="HL38" s="113">
        <v>0</v>
      </c>
      <c r="HM38" s="109">
        <v>0</v>
      </c>
      <c r="HN38" s="329"/>
      <c r="HO38" s="330"/>
      <c r="HP38" s="331"/>
      <c r="HQ38" s="332"/>
      <c r="HR38" s="330"/>
      <c r="HS38" s="330"/>
      <c r="HT38" s="330"/>
      <c r="HU38" s="330"/>
      <c r="HV38" s="330"/>
      <c r="HW38" s="333"/>
      <c r="HX38" s="334"/>
      <c r="HY38" s="150">
        <v>0</v>
      </c>
      <c r="HZ38" s="135">
        <v>0</v>
      </c>
      <c r="IA38" s="150">
        <v>0</v>
      </c>
      <c r="IB38" s="146">
        <v>0</v>
      </c>
      <c r="IC38" s="132">
        <v>176989</v>
      </c>
      <c r="ID38" s="147">
        <v>0</v>
      </c>
      <c r="IE38" s="133">
        <v>474446</v>
      </c>
      <c r="IF38" s="132">
        <v>0</v>
      </c>
      <c r="IG38" s="133">
        <v>0</v>
      </c>
      <c r="IH38" s="148">
        <v>651435</v>
      </c>
      <c r="II38" s="150">
        <v>651435</v>
      </c>
      <c r="IJ38" s="232">
        <v>0</v>
      </c>
      <c r="IK38" s="236">
        <v>0</v>
      </c>
      <c r="IL38" s="237">
        <v>0</v>
      </c>
      <c r="IM38" s="140"/>
      <c r="IN38" s="119">
        <v>0</v>
      </c>
      <c r="IO38" s="119">
        <v>0</v>
      </c>
      <c r="IP38" s="119">
        <v>0</v>
      </c>
      <c r="IQ38" s="119">
        <v>0</v>
      </c>
      <c r="IR38" s="119">
        <v>0</v>
      </c>
      <c r="IS38" s="141">
        <v>0</v>
      </c>
      <c r="IT38" s="321">
        <v>0</v>
      </c>
      <c r="IU38" s="142">
        <v>0</v>
      </c>
      <c r="IV38" s="119">
        <v>0</v>
      </c>
      <c r="IW38" s="120">
        <v>0</v>
      </c>
      <c r="IX38" s="144"/>
      <c r="IY38" s="119">
        <v>0</v>
      </c>
      <c r="IZ38" s="119">
        <v>0</v>
      </c>
      <c r="JA38" s="119">
        <v>0</v>
      </c>
      <c r="JB38" s="119">
        <v>0</v>
      </c>
      <c r="JC38" s="119">
        <v>0</v>
      </c>
      <c r="JD38" s="120">
        <v>0</v>
      </c>
      <c r="JE38" s="121">
        <v>0</v>
      </c>
      <c r="JF38" s="142">
        <v>0</v>
      </c>
      <c r="JG38" s="119">
        <v>0</v>
      </c>
      <c r="JH38" s="141">
        <v>0</v>
      </c>
      <c r="JI38" s="118">
        <v>0</v>
      </c>
      <c r="JJ38" s="119">
        <v>29940</v>
      </c>
      <c r="JK38" s="119">
        <v>0</v>
      </c>
      <c r="JL38" s="119">
        <v>0</v>
      </c>
      <c r="JM38" s="119">
        <v>0</v>
      </c>
      <c r="JN38" s="119">
        <v>0</v>
      </c>
      <c r="JO38" s="120">
        <v>29940</v>
      </c>
      <c r="JP38" s="321">
        <v>29940</v>
      </c>
      <c r="JQ38" s="142">
        <v>0</v>
      </c>
      <c r="JR38" s="119">
        <v>0</v>
      </c>
      <c r="JS38" s="141">
        <v>0</v>
      </c>
      <c r="JT38" s="118">
        <v>0</v>
      </c>
      <c r="JU38" s="119">
        <v>0</v>
      </c>
      <c r="JV38" s="119">
        <v>0</v>
      </c>
      <c r="JW38" s="119">
        <v>0</v>
      </c>
      <c r="JX38" s="119">
        <v>0</v>
      </c>
      <c r="JY38" s="119">
        <v>0</v>
      </c>
      <c r="JZ38" s="120">
        <v>0</v>
      </c>
      <c r="KA38" s="321">
        <v>0</v>
      </c>
      <c r="KB38" s="234">
        <v>0</v>
      </c>
      <c r="KC38" s="230">
        <v>0</v>
      </c>
      <c r="KD38" s="120">
        <v>0</v>
      </c>
      <c r="KE38" s="118">
        <v>0</v>
      </c>
      <c r="KF38" s="119">
        <v>0</v>
      </c>
      <c r="KG38" s="119">
        <v>0</v>
      </c>
      <c r="KH38" s="119">
        <v>0</v>
      </c>
      <c r="KI38" s="119">
        <v>0</v>
      </c>
      <c r="KJ38" s="119">
        <v>0</v>
      </c>
      <c r="KK38" s="120">
        <v>0</v>
      </c>
      <c r="KL38" s="143">
        <v>0</v>
      </c>
      <c r="KM38" s="232">
        <v>0</v>
      </c>
      <c r="KN38" s="236">
        <v>0</v>
      </c>
      <c r="KO38" s="237">
        <v>0</v>
      </c>
      <c r="KP38" s="140"/>
      <c r="KQ38" s="119">
        <v>0</v>
      </c>
      <c r="KR38" s="119">
        <v>0</v>
      </c>
      <c r="KS38" s="119">
        <v>234850</v>
      </c>
      <c r="KT38" s="119">
        <v>0</v>
      </c>
      <c r="KU38" s="119">
        <v>0</v>
      </c>
      <c r="KV38" s="120">
        <v>234850</v>
      </c>
      <c r="KW38" s="321">
        <v>234850</v>
      </c>
      <c r="KX38" s="142">
        <v>0</v>
      </c>
      <c r="KY38" s="119">
        <v>0</v>
      </c>
      <c r="KZ38" s="120">
        <v>0</v>
      </c>
      <c r="LA38" s="145"/>
      <c r="LB38" s="119">
        <v>0</v>
      </c>
      <c r="LC38" s="119">
        <v>0</v>
      </c>
      <c r="LD38" s="119">
        <v>0</v>
      </c>
      <c r="LE38" s="119">
        <v>0</v>
      </c>
      <c r="LF38" s="119">
        <v>0</v>
      </c>
      <c r="LG38" s="120">
        <v>0</v>
      </c>
      <c r="LH38" s="121">
        <v>0</v>
      </c>
      <c r="LI38" s="142">
        <v>0</v>
      </c>
      <c r="LJ38" s="119">
        <v>0</v>
      </c>
      <c r="LK38" s="120">
        <v>0</v>
      </c>
      <c r="LL38" s="145"/>
      <c r="LM38" s="119">
        <v>0</v>
      </c>
      <c r="LN38" s="119">
        <v>0</v>
      </c>
      <c r="LO38" s="119">
        <v>0</v>
      </c>
      <c r="LP38" s="119">
        <v>0</v>
      </c>
      <c r="LQ38" s="119">
        <v>0</v>
      </c>
      <c r="LR38" s="120">
        <v>0</v>
      </c>
      <c r="LS38" s="321">
        <v>0</v>
      </c>
      <c r="LT38" s="142">
        <v>0</v>
      </c>
      <c r="LU38" s="119">
        <v>0</v>
      </c>
      <c r="LV38" s="120">
        <v>0</v>
      </c>
      <c r="LW38" s="145"/>
      <c r="LX38" s="119">
        <v>147049</v>
      </c>
      <c r="LY38" s="119">
        <v>0</v>
      </c>
      <c r="LZ38" s="119">
        <v>239596</v>
      </c>
      <c r="MA38" s="119">
        <v>0</v>
      </c>
      <c r="MB38" s="119">
        <v>0</v>
      </c>
      <c r="MC38" s="120">
        <v>386645</v>
      </c>
      <c r="MD38" s="121">
        <v>386645</v>
      </c>
      <c r="ME38" s="142">
        <v>0</v>
      </c>
      <c r="MF38" s="119">
        <v>0</v>
      </c>
      <c r="MG38" s="120">
        <v>0</v>
      </c>
      <c r="MH38" s="145"/>
      <c r="MI38" s="119">
        <v>0</v>
      </c>
      <c r="MJ38" s="119">
        <v>0</v>
      </c>
      <c r="MK38" s="119">
        <v>302674</v>
      </c>
      <c r="ML38" s="119">
        <v>319751</v>
      </c>
      <c r="MM38" s="119">
        <v>296014</v>
      </c>
      <c r="MN38" s="120">
        <v>918439</v>
      </c>
      <c r="MO38" s="143">
        <v>918439</v>
      </c>
      <c r="MP38" s="142">
        <v>0</v>
      </c>
      <c r="MQ38" s="119">
        <v>0</v>
      </c>
      <c r="MR38" s="120">
        <v>0</v>
      </c>
      <c r="MS38" s="145"/>
      <c r="MT38" s="119">
        <v>0</v>
      </c>
      <c r="MU38" s="119">
        <v>0</v>
      </c>
      <c r="MV38" s="119">
        <v>0</v>
      </c>
      <c r="MW38" s="119">
        <v>0</v>
      </c>
      <c r="MX38" s="119">
        <v>0</v>
      </c>
      <c r="MY38" s="120">
        <v>0</v>
      </c>
      <c r="MZ38" s="143">
        <v>0</v>
      </c>
      <c r="NA38" s="142">
        <v>0</v>
      </c>
      <c r="NB38" s="119">
        <v>0</v>
      </c>
      <c r="NC38" s="120">
        <v>0</v>
      </c>
      <c r="ND38" s="145"/>
      <c r="NE38" s="119">
        <v>0</v>
      </c>
      <c r="NF38" s="119">
        <v>0</v>
      </c>
      <c r="NG38" s="119">
        <v>0</v>
      </c>
      <c r="NH38" s="119">
        <v>0</v>
      </c>
      <c r="NI38" s="119">
        <v>296014</v>
      </c>
      <c r="NJ38" s="120">
        <v>296014</v>
      </c>
      <c r="NK38" s="321">
        <v>296014</v>
      </c>
      <c r="NL38" s="142">
        <v>0</v>
      </c>
      <c r="NM38" s="119">
        <v>0</v>
      </c>
      <c r="NN38" s="120">
        <v>0</v>
      </c>
      <c r="NO38" s="145"/>
      <c r="NP38" s="119">
        <v>0</v>
      </c>
      <c r="NQ38" s="119">
        <v>0</v>
      </c>
      <c r="NR38" s="119">
        <v>0</v>
      </c>
      <c r="NS38" s="119">
        <v>0</v>
      </c>
      <c r="NT38" s="119">
        <v>0</v>
      </c>
      <c r="NU38" s="120">
        <v>0</v>
      </c>
      <c r="NV38" s="121">
        <v>0</v>
      </c>
      <c r="NW38" s="142">
        <v>0</v>
      </c>
      <c r="NX38" s="119">
        <v>0</v>
      </c>
      <c r="NY38" s="120">
        <v>0</v>
      </c>
      <c r="NZ38" s="145"/>
      <c r="OA38" s="119">
        <v>0</v>
      </c>
      <c r="OB38" s="119">
        <v>0</v>
      </c>
      <c r="OC38" s="119">
        <v>302674</v>
      </c>
      <c r="OD38" s="119">
        <v>319751</v>
      </c>
      <c r="OE38" s="119">
        <v>0</v>
      </c>
      <c r="OF38" s="120">
        <v>622425</v>
      </c>
      <c r="OG38" s="121">
        <v>622425</v>
      </c>
      <c r="OH38" s="142">
        <v>49701</v>
      </c>
      <c r="OI38" s="119">
        <v>78348</v>
      </c>
      <c r="OJ38" s="141">
        <v>128049</v>
      </c>
      <c r="OK38" s="118">
        <v>0</v>
      </c>
      <c r="OL38" s="119">
        <v>353437</v>
      </c>
      <c r="OM38" s="119">
        <v>205408</v>
      </c>
      <c r="ON38" s="119">
        <v>799024</v>
      </c>
      <c r="OO38" s="119">
        <v>319751</v>
      </c>
      <c r="OP38" s="119">
        <v>296014</v>
      </c>
      <c r="OQ38" s="120">
        <v>1973634</v>
      </c>
      <c r="OR38" s="143">
        <v>2101683</v>
      </c>
    </row>
    <row r="39" spans="1:408" ht="20.25" customHeight="1" x14ac:dyDescent="0.2">
      <c r="A39" s="126" t="s">
        <v>34</v>
      </c>
      <c r="B39" s="110">
        <v>0</v>
      </c>
      <c r="C39" s="114">
        <v>18112</v>
      </c>
      <c r="D39" s="174">
        <v>18112</v>
      </c>
      <c r="E39" s="175">
        <v>0</v>
      </c>
      <c r="F39" s="176">
        <v>335732</v>
      </c>
      <c r="G39" s="176">
        <v>216760</v>
      </c>
      <c r="H39" s="176">
        <v>285880</v>
      </c>
      <c r="I39" s="176">
        <v>0</v>
      </c>
      <c r="J39" s="176">
        <v>234528</v>
      </c>
      <c r="K39" s="177">
        <v>1072900</v>
      </c>
      <c r="L39" s="116">
        <v>1091012</v>
      </c>
      <c r="M39" s="110">
        <v>0</v>
      </c>
      <c r="N39" s="114">
        <v>18112</v>
      </c>
      <c r="O39" s="113">
        <v>18112</v>
      </c>
      <c r="P39" s="110">
        <v>0</v>
      </c>
      <c r="Q39" s="114">
        <v>50784</v>
      </c>
      <c r="R39" s="114">
        <v>58616</v>
      </c>
      <c r="S39" s="114">
        <v>26048</v>
      </c>
      <c r="T39" s="114">
        <v>0</v>
      </c>
      <c r="U39" s="114">
        <v>4144</v>
      </c>
      <c r="V39" s="113">
        <v>139592</v>
      </c>
      <c r="W39" s="116">
        <v>157704</v>
      </c>
      <c r="X39" s="110">
        <v>0</v>
      </c>
      <c r="Y39" s="114">
        <v>0</v>
      </c>
      <c r="Z39" s="113">
        <v>0</v>
      </c>
      <c r="AA39" s="110">
        <v>0</v>
      </c>
      <c r="AB39" s="114">
        <v>16200</v>
      </c>
      <c r="AC39" s="114">
        <v>0</v>
      </c>
      <c r="AD39" s="114">
        <v>0</v>
      </c>
      <c r="AE39" s="114">
        <v>0</v>
      </c>
      <c r="AF39" s="114">
        <v>0</v>
      </c>
      <c r="AG39" s="113">
        <v>16200</v>
      </c>
      <c r="AH39" s="116">
        <v>16200</v>
      </c>
      <c r="AI39" s="110">
        <v>0</v>
      </c>
      <c r="AJ39" s="114">
        <v>0</v>
      </c>
      <c r="AK39" s="113">
        <v>0</v>
      </c>
      <c r="AL39" s="110">
        <v>0</v>
      </c>
      <c r="AM39" s="114">
        <v>0</v>
      </c>
      <c r="AN39" s="114">
        <v>0</v>
      </c>
      <c r="AO39" s="114">
        <v>0</v>
      </c>
      <c r="AP39" s="114">
        <v>0</v>
      </c>
      <c r="AQ39" s="114">
        <v>0</v>
      </c>
      <c r="AR39" s="113">
        <v>0</v>
      </c>
      <c r="AS39" s="116">
        <v>0</v>
      </c>
      <c r="AT39" s="110">
        <v>0</v>
      </c>
      <c r="AU39" s="114">
        <v>18112</v>
      </c>
      <c r="AV39" s="113">
        <v>18112</v>
      </c>
      <c r="AW39" s="110">
        <v>0</v>
      </c>
      <c r="AX39" s="114">
        <v>16112</v>
      </c>
      <c r="AY39" s="114">
        <v>11280</v>
      </c>
      <c r="AZ39" s="114">
        <v>0</v>
      </c>
      <c r="BA39" s="114">
        <v>0</v>
      </c>
      <c r="BB39" s="114">
        <v>0</v>
      </c>
      <c r="BC39" s="113">
        <v>27392</v>
      </c>
      <c r="BD39" s="116">
        <v>45504</v>
      </c>
      <c r="BE39" s="110">
        <v>0</v>
      </c>
      <c r="BF39" s="114">
        <v>0</v>
      </c>
      <c r="BG39" s="112">
        <v>0</v>
      </c>
      <c r="BH39" s="111">
        <v>0</v>
      </c>
      <c r="BI39" s="114">
        <v>0</v>
      </c>
      <c r="BJ39" s="114">
        <v>42568</v>
      </c>
      <c r="BK39" s="114">
        <v>0</v>
      </c>
      <c r="BL39" s="114">
        <v>0</v>
      </c>
      <c r="BM39" s="114">
        <v>0</v>
      </c>
      <c r="BN39" s="113">
        <v>42568</v>
      </c>
      <c r="BO39" s="116">
        <v>42568</v>
      </c>
      <c r="BP39" s="110">
        <v>0</v>
      </c>
      <c r="BQ39" s="114">
        <v>0</v>
      </c>
      <c r="BR39" s="113">
        <v>0</v>
      </c>
      <c r="BS39" s="110">
        <v>0</v>
      </c>
      <c r="BT39" s="114">
        <v>18472</v>
      </c>
      <c r="BU39" s="114">
        <v>4768</v>
      </c>
      <c r="BV39" s="114">
        <v>26048</v>
      </c>
      <c r="BW39" s="114">
        <v>0</v>
      </c>
      <c r="BX39" s="114">
        <v>4144</v>
      </c>
      <c r="BY39" s="113">
        <v>53432</v>
      </c>
      <c r="BZ39" s="116">
        <v>53432</v>
      </c>
      <c r="CA39" s="110">
        <v>0</v>
      </c>
      <c r="CB39" s="114">
        <v>0</v>
      </c>
      <c r="CC39" s="113">
        <v>0</v>
      </c>
      <c r="CD39" s="110">
        <v>0</v>
      </c>
      <c r="CE39" s="114">
        <v>125400</v>
      </c>
      <c r="CF39" s="114">
        <v>116304</v>
      </c>
      <c r="CG39" s="114">
        <v>0</v>
      </c>
      <c r="CH39" s="114">
        <v>0</v>
      </c>
      <c r="CI39" s="114">
        <v>0</v>
      </c>
      <c r="CJ39" s="113">
        <v>241704</v>
      </c>
      <c r="CK39" s="116">
        <v>241704</v>
      </c>
      <c r="CL39" s="110">
        <v>0</v>
      </c>
      <c r="CM39" s="114">
        <v>0</v>
      </c>
      <c r="CN39" s="113">
        <v>0</v>
      </c>
      <c r="CO39" s="111">
        <v>0</v>
      </c>
      <c r="CP39" s="114">
        <v>101040</v>
      </c>
      <c r="CQ39" s="114">
        <v>63040</v>
      </c>
      <c r="CR39" s="114">
        <v>0</v>
      </c>
      <c r="CS39" s="114">
        <v>0</v>
      </c>
      <c r="CT39" s="114">
        <v>0</v>
      </c>
      <c r="CU39" s="113">
        <v>164080</v>
      </c>
      <c r="CV39" s="116">
        <v>164080</v>
      </c>
      <c r="CW39" s="110">
        <v>0</v>
      </c>
      <c r="CX39" s="114">
        <v>0</v>
      </c>
      <c r="CY39" s="113">
        <v>0</v>
      </c>
      <c r="CZ39" s="110">
        <v>0</v>
      </c>
      <c r="DA39" s="114">
        <v>24360</v>
      </c>
      <c r="DB39" s="114">
        <v>53264</v>
      </c>
      <c r="DC39" s="114">
        <v>0</v>
      </c>
      <c r="DD39" s="114">
        <v>0</v>
      </c>
      <c r="DE39" s="114">
        <v>0</v>
      </c>
      <c r="DF39" s="113">
        <v>77624</v>
      </c>
      <c r="DG39" s="116">
        <v>77624</v>
      </c>
      <c r="DH39" s="110">
        <v>0</v>
      </c>
      <c r="DI39" s="114">
        <v>0</v>
      </c>
      <c r="DJ39" s="112">
        <v>0</v>
      </c>
      <c r="DK39" s="111">
        <v>0</v>
      </c>
      <c r="DL39" s="114">
        <v>0</v>
      </c>
      <c r="DM39" s="114">
        <v>0</v>
      </c>
      <c r="DN39" s="114">
        <v>0</v>
      </c>
      <c r="DO39" s="114">
        <v>0</v>
      </c>
      <c r="DP39" s="114">
        <v>0</v>
      </c>
      <c r="DQ39" s="113">
        <v>0</v>
      </c>
      <c r="DR39" s="116">
        <v>0</v>
      </c>
      <c r="DS39" s="110">
        <v>0</v>
      </c>
      <c r="DT39" s="114">
        <v>0</v>
      </c>
      <c r="DU39" s="113">
        <v>0</v>
      </c>
      <c r="DV39" s="110">
        <v>0</v>
      </c>
      <c r="DW39" s="114">
        <v>0</v>
      </c>
      <c r="DX39" s="114">
        <v>0</v>
      </c>
      <c r="DY39" s="114">
        <v>0</v>
      </c>
      <c r="DZ39" s="114">
        <v>0</v>
      </c>
      <c r="EA39" s="114">
        <v>0</v>
      </c>
      <c r="EB39" s="113">
        <v>0</v>
      </c>
      <c r="EC39" s="116">
        <v>0</v>
      </c>
      <c r="ED39" s="110">
        <v>0</v>
      </c>
      <c r="EE39" s="112">
        <v>0</v>
      </c>
      <c r="EF39" s="113">
        <v>0</v>
      </c>
      <c r="EG39" s="110">
        <v>0</v>
      </c>
      <c r="EH39" s="114">
        <v>0</v>
      </c>
      <c r="EI39" s="114">
        <v>0</v>
      </c>
      <c r="EJ39" s="114">
        <v>0</v>
      </c>
      <c r="EK39" s="114">
        <v>0</v>
      </c>
      <c r="EL39" s="114">
        <v>0</v>
      </c>
      <c r="EM39" s="112">
        <v>0</v>
      </c>
      <c r="EN39" s="116">
        <v>0</v>
      </c>
      <c r="EO39" s="110">
        <v>0</v>
      </c>
      <c r="EP39" s="114">
        <v>0</v>
      </c>
      <c r="EQ39" s="112">
        <v>0</v>
      </c>
      <c r="ER39" s="111">
        <v>0</v>
      </c>
      <c r="ES39" s="114">
        <v>0</v>
      </c>
      <c r="ET39" s="114">
        <v>0</v>
      </c>
      <c r="EU39" s="114">
        <v>0</v>
      </c>
      <c r="EV39" s="114">
        <v>0</v>
      </c>
      <c r="EW39" s="114">
        <v>0</v>
      </c>
      <c r="EX39" s="113">
        <v>0</v>
      </c>
      <c r="EY39" s="116">
        <v>0</v>
      </c>
      <c r="EZ39" s="110">
        <v>0</v>
      </c>
      <c r="FA39" s="114">
        <v>0</v>
      </c>
      <c r="FB39" s="112">
        <v>0</v>
      </c>
      <c r="FC39" s="348"/>
      <c r="FD39" s="114">
        <v>0</v>
      </c>
      <c r="FE39" s="114">
        <v>0</v>
      </c>
      <c r="FF39" s="114">
        <v>0</v>
      </c>
      <c r="FG39" s="114">
        <v>0</v>
      </c>
      <c r="FH39" s="114">
        <v>0</v>
      </c>
      <c r="FI39" s="113">
        <v>0</v>
      </c>
      <c r="FJ39" s="116">
        <v>0</v>
      </c>
      <c r="FK39" s="110">
        <v>0</v>
      </c>
      <c r="FL39" s="114">
        <v>0</v>
      </c>
      <c r="FM39" s="113">
        <v>0</v>
      </c>
      <c r="FN39" s="110">
        <v>0</v>
      </c>
      <c r="FO39" s="114">
        <v>11200</v>
      </c>
      <c r="FP39" s="114">
        <v>41840</v>
      </c>
      <c r="FQ39" s="114">
        <v>80240</v>
      </c>
      <c r="FR39" s="114">
        <v>0</v>
      </c>
      <c r="FS39" s="114">
        <v>0</v>
      </c>
      <c r="FT39" s="113">
        <v>133280</v>
      </c>
      <c r="FU39" s="116">
        <v>133280</v>
      </c>
      <c r="FV39" s="115">
        <v>0</v>
      </c>
      <c r="FW39" s="114">
        <v>0</v>
      </c>
      <c r="FX39" s="112">
        <v>0</v>
      </c>
      <c r="FY39" s="111">
        <v>0</v>
      </c>
      <c r="FZ39" s="114">
        <v>11200</v>
      </c>
      <c r="GA39" s="114">
        <v>4000</v>
      </c>
      <c r="GB39" s="114">
        <v>40464</v>
      </c>
      <c r="GC39" s="114">
        <v>0</v>
      </c>
      <c r="GD39" s="114">
        <v>0</v>
      </c>
      <c r="GE39" s="113">
        <v>55664</v>
      </c>
      <c r="GF39" s="319">
        <v>55664</v>
      </c>
      <c r="GG39" s="115">
        <v>0</v>
      </c>
      <c r="GH39" s="114">
        <v>0</v>
      </c>
      <c r="GI39" s="112">
        <v>0</v>
      </c>
      <c r="GJ39" s="111">
        <v>0</v>
      </c>
      <c r="GK39" s="114">
        <v>0</v>
      </c>
      <c r="GL39" s="114">
        <v>0</v>
      </c>
      <c r="GM39" s="114">
        <v>39776</v>
      </c>
      <c r="GN39" s="114">
        <v>0</v>
      </c>
      <c r="GO39" s="114">
        <v>0</v>
      </c>
      <c r="GP39" s="113">
        <v>39776</v>
      </c>
      <c r="GQ39" s="116">
        <v>39776</v>
      </c>
      <c r="GR39" s="110">
        <v>0</v>
      </c>
      <c r="GS39" s="114">
        <v>0</v>
      </c>
      <c r="GT39" s="113">
        <v>0</v>
      </c>
      <c r="GU39" s="110">
        <v>0</v>
      </c>
      <c r="GV39" s="114">
        <v>0</v>
      </c>
      <c r="GW39" s="114">
        <v>37840</v>
      </c>
      <c r="GX39" s="114">
        <v>0</v>
      </c>
      <c r="GY39" s="114">
        <v>0</v>
      </c>
      <c r="GZ39" s="114">
        <v>0</v>
      </c>
      <c r="HA39" s="112">
        <v>37840</v>
      </c>
      <c r="HB39" s="116">
        <v>37840</v>
      </c>
      <c r="HC39" s="110">
        <v>0</v>
      </c>
      <c r="HD39" s="114">
        <v>0</v>
      </c>
      <c r="HE39" s="112">
        <v>0</v>
      </c>
      <c r="HF39" s="111">
        <v>0</v>
      </c>
      <c r="HG39" s="114">
        <v>148348</v>
      </c>
      <c r="HH39" s="114">
        <v>0</v>
      </c>
      <c r="HI39" s="114">
        <v>179592</v>
      </c>
      <c r="HJ39" s="114">
        <v>0</v>
      </c>
      <c r="HK39" s="114">
        <v>230384</v>
      </c>
      <c r="HL39" s="113">
        <v>558324</v>
      </c>
      <c r="HM39" s="109">
        <v>558324</v>
      </c>
      <c r="HN39" s="329"/>
      <c r="HO39" s="330"/>
      <c r="HP39" s="331"/>
      <c r="HQ39" s="332"/>
      <c r="HR39" s="330"/>
      <c r="HS39" s="330"/>
      <c r="HT39" s="330"/>
      <c r="HU39" s="330"/>
      <c r="HV39" s="330"/>
      <c r="HW39" s="333"/>
      <c r="HX39" s="334"/>
      <c r="HY39" s="131">
        <v>0</v>
      </c>
      <c r="HZ39" s="132">
        <v>0</v>
      </c>
      <c r="IA39" s="133">
        <v>0</v>
      </c>
      <c r="IB39" s="146">
        <v>0</v>
      </c>
      <c r="IC39" s="132">
        <v>250280</v>
      </c>
      <c r="ID39" s="147">
        <v>0</v>
      </c>
      <c r="IE39" s="133">
        <v>246008</v>
      </c>
      <c r="IF39" s="132">
        <v>0</v>
      </c>
      <c r="IG39" s="133">
        <v>0</v>
      </c>
      <c r="IH39" s="148">
        <v>496288</v>
      </c>
      <c r="II39" s="139">
        <v>496288</v>
      </c>
      <c r="IJ39" s="232">
        <v>0</v>
      </c>
      <c r="IK39" s="236">
        <v>0</v>
      </c>
      <c r="IL39" s="237">
        <v>0</v>
      </c>
      <c r="IM39" s="140"/>
      <c r="IN39" s="119">
        <v>0</v>
      </c>
      <c r="IO39" s="119">
        <v>0</v>
      </c>
      <c r="IP39" s="119">
        <v>0</v>
      </c>
      <c r="IQ39" s="119">
        <v>0</v>
      </c>
      <c r="IR39" s="119">
        <v>0</v>
      </c>
      <c r="IS39" s="141">
        <v>0</v>
      </c>
      <c r="IT39" s="321">
        <v>0</v>
      </c>
      <c r="IU39" s="142">
        <v>0</v>
      </c>
      <c r="IV39" s="119">
        <v>0</v>
      </c>
      <c r="IW39" s="120">
        <v>0</v>
      </c>
      <c r="IX39" s="144"/>
      <c r="IY39" s="119">
        <v>0</v>
      </c>
      <c r="IZ39" s="119">
        <v>0</v>
      </c>
      <c r="JA39" s="119">
        <v>0</v>
      </c>
      <c r="JB39" s="119">
        <v>0</v>
      </c>
      <c r="JC39" s="119">
        <v>0</v>
      </c>
      <c r="JD39" s="120">
        <v>0</v>
      </c>
      <c r="JE39" s="121">
        <v>0</v>
      </c>
      <c r="JF39" s="142">
        <v>0</v>
      </c>
      <c r="JG39" s="119">
        <v>0</v>
      </c>
      <c r="JH39" s="141">
        <v>0</v>
      </c>
      <c r="JI39" s="118">
        <v>0</v>
      </c>
      <c r="JJ39" s="119">
        <v>139568</v>
      </c>
      <c r="JK39" s="119">
        <v>0</v>
      </c>
      <c r="JL39" s="119">
        <v>0</v>
      </c>
      <c r="JM39" s="119">
        <v>0</v>
      </c>
      <c r="JN39" s="119">
        <v>0</v>
      </c>
      <c r="JO39" s="120">
        <v>139568</v>
      </c>
      <c r="JP39" s="321">
        <v>139568</v>
      </c>
      <c r="JQ39" s="142">
        <v>0</v>
      </c>
      <c r="JR39" s="119">
        <v>0</v>
      </c>
      <c r="JS39" s="141">
        <v>0</v>
      </c>
      <c r="JT39" s="118">
        <v>0</v>
      </c>
      <c r="JU39" s="119">
        <v>0</v>
      </c>
      <c r="JV39" s="119">
        <v>0</v>
      </c>
      <c r="JW39" s="119">
        <v>0</v>
      </c>
      <c r="JX39" s="119">
        <v>0</v>
      </c>
      <c r="JY39" s="119">
        <v>0</v>
      </c>
      <c r="JZ39" s="120">
        <v>0</v>
      </c>
      <c r="KA39" s="321">
        <v>0</v>
      </c>
      <c r="KB39" s="234">
        <v>0</v>
      </c>
      <c r="KC39" s="230">
        <v>0</v>
      </c>
      <c r="KD39" s="120">
        <v>0</v>
      </c>
      <c r="KE39" s="118">
        <v>0</v>
      </c>
      <c r="KF39" s="119">
        <v>110712</v>
      </c>
      <c r="KG39" s="119">
        <v>0</v>
      </c>
      <c r="KH39" s="119">
        <v>0</v>
      </c>
      <c r="KI39" s="119">
        <v>0</v>
      </c>
      <c r="KJ39" s="119">
        <v>0</v>
      </c>
      <c r="KK39" s="120">
        <v>110712</v>
      </c>
      <c r="KL39" s="143">
        <v>110712</v>
      </c>
      <c r="KM39" s="232">
        <v>0</v>
      </c>
      <c r="KN39" s="236">
        <v>0</v>
      </c>
      <c r="KO39" s="237">
        <v>0</v>
      </c>
      <c r="KP39" s="140"/>
      <c r="KQ39" s="119">
        <v>0</v>
      </c>
      <c r="KR39" s="119">
        <v>0</v>
      </c>
      <c r="KS39" s="119">
        <v>0</v>
      </c>
      <c r="KT39" s="119">
        <v>0</v>
      </c>
      <c r="KU39" s="119">
        <v>0</v>
      </c>
      <c r="KV39" s="120">
        <v>0</v>
      </c>
      <c r="KW39" s="321">
        <v>0</v>
      </c>
      <c r="KX39" s="142">
        <v>0</v>
      </c>
      <c r="KY39" s="119">
        <v>0</v>
      </c>
      <c r="KZ39" s="120">
        <v>0</v>
      </c>
      <c r="LA39" s="145"/>
      <c r="LB39" s="119">
        <v>0</v>
      </c>
      <c r="LC39" s="119">
        <v>0</v>
      </c>
      <c r="LD39" s="119">
        <v>0</v>
      </c>
      <c r="LE39" s="119">
        <v>0</v>
      </c>
      <c r="LF39" s="119">
        <v>0</v>
      </c>
      <c r="LG39" s="120">
        <v>0</v>
      </c>
      <c r="LH39" s="121">
        <v>0</v>
      </c>
      <c r="LI39" s="142">
        <v>0</v>
      </c>
      <c r="LJ39" s="119">
        <v>0</v>
      </c>
      <c r="LK39" s="120">
        <v>0</v>
      </c>
      <c r="LL39" s="145"/>
      <c r="LM39" s="119">
        <v>0</v>
      </c>
      <c r="LN39" s="119">
        <v>0</v>
      </c>
      <c r="LO39" s="119">
        <v>0</v>
      </c>
      <c r="LP39" s="119">
        <v>0</v>
      </c>
      <c r="LQ39" s="119">
        <v>0</v>
      </c>
      <c r="LR39" s="120">
        <v>0</v>
      </c>
      <c r="LS39" s="321">
        <v>0</v>
      </c>
      <c r="LT39" s="142">
        <v>0</v>
      </c>
      <c r="LU39" s="119">
        <v>0</v>
      </c>
      <c r="LV39" s="120">
        <v>0</v>
      </c>
      <c r="LW39" s="145"/>
      <c r="LX39" s="119">
        <v>0</v>
      </c>
      <c r="LY39" s="119">
        <v>0</v>
      </c>
      <c r="LZ39" s="119">
        <v>246008</v>
      </c>
      <c r="MA39" s="119">
        <v>0</v>
      </c>
      <c r="MB39" s="119">
        <v>0</v>
      </c>
      <c r="MC39" s="120">
        <v>246008</v>
      </c>
      <c r="MD39" s="121">
        <v>246008</v>
      </c>
      <c r="ME39" s="142">
        <v>0</v>
      </c>
      <c r="MF39" s="119">
        <v>0</v>
      </c>
      <c r="MG39" s="120">
        <v>0</v>
      </c>
      <c r="MH39" s="145"/>
      <c r="MI39" s="119">
        <v>0</v>
      </c>
      <c r="MJ39" s="119">
        <v>0</v>
      </c>
      <c r="MK39" s="119">
        <v>208320</v>
      </c>
      <c r="ML39" s="119">
        <v>0</v>
      </c>
      <c r="MM39" s="119">
        <v>0</v>
      </c>
      <c r="MN39" s="120">
        <v>208320</v>
      </c>
      <c r="MO39" s="143">
        <v>208320</v>
      </c>
      <c r="MP39" s="142">
        <v>0</v>
      </c>
      <c r="MQ39" s="119">
        <v>0</v>
      </c>
      <c r="MR39" s="120">
        <v>0</v>
      </c>
      <c r="MS39" s="145"/>
      <c r="MT39" s="119">
        <v>0</v>
      </c>
      <c r="MU39" s="119">
        <v>0</v>
      </c>
      <c r="MV39" s="119">
        <v>208320</v>
      </c>
      <c r="MW39" s="119">
        <v>0</v>
      </c>
      <c r="MX39" s="119">
        <v>0</v>
      </c>
      <c r="MY39" s="120">
        <v>208320</v>
      </c>
      <c r="MZ39" s="143">
        <v>208320</v>
      </c>
      <c r="NA39" s="142">
        <v>0</v>
      </c>
      <c r="NB39" s="119">
        <v>0</v>
      </c>
      <c r="NC39" s="120">
        <v>0</v>
      </c>
      <c r="ND39" s="145"/>
      <c r="NE39" s="119">
        <v>0</v>
      </c>
      <c r="NF39" s="119">
        <v>0</v>
      </c>
      <c r="NG39" s="119">
        <v>0</v>
      </c>
      <c r="NH39" s="119">
        <v>0</v>
      </c>
      <c r="NI39" s="119">
        <v>0</v>
      </c>
      <c r="NJ39" s="120">
        <v>0</v>
      </c>
      <c r="NK39" s="321">
        <v>0</v>
      </c>
      <c r="NL39" s="142">
        <v>0</v>
      </c>
      <c r="NM39" s="119">
        <v>0</v>
      </c>
      <c r="NN39" s="120">
        <v>0</v>
      </c>
      <c r="NO39" s="145"/>
      <c r="NP39" s="119">
        <v>0</v>
      </c>
      <c r="NQ39" s="119">
        <v>0</v>
      </c>
      <c r="NR39" s="119">
        <v>0</v>
      </c>
      <c r="NS39" s="119">
        <v>0</v>
      </c>
      <c r="NT39" s="119">
        <v>0</v>
      </c>
      <c r="NU39" s="120">
        <v>0</v>
      </c>
      <c r="NV39" s="121">
        <v>0</v>
      </c>
      <c r="NW39" s="142">
        <v>0</v>
      </c>
      <c r="NX39" s="119">
        <v>0</v>
      </c>
      <c r="NY39" s="120">
        <v>0</v>
      </c>
      <c r="NZ39" s="145"/>
      <c r="OA39" s="119">
        <v>0</v>
      </c>
      <c r="OB39" s="119">
        <v>0</v>
      </c>
      <c r="OC39" s="119">
        <v>0</v>
      </c>
      <c r="OD39" s="119">
        <v>0</v>
      </c>
      <c r="OE39" s="119">
        <v>0</v>
      </c>
      <c r="OF39" s="120">
        <v>0</v>
      </c>
      <c r="OG39" s="121">
        <v>0</v>
      </c>
      <c r="OH39" s="142">
        <v>0</v>
      </c>
      <c r="OI39" s="119">
        <v>18112</v>
      </c>
      <c r="OJ39" s="141">
        <v>18112</v>
      </c>
      <c r="OK39" s="118">
        <v>0</v>
      </c>
      <c r="OL39" s="119">
        <v>586012</v>
      </c>
      <c r="OM39" s="119">
        <v>216760</v>
      </c>
      <c r="ON39" s="119">
        <v>740208</v>
      </c>
      <c r="OO39" s="119">
        <v>0</v>
      </c>
      <c r="OP39" s="119">
        <v>234528</v>
      </c>
      <c r="OQ39" s="120">
        <v>1777508</v>
      </c>
      <c r="OR39" s="143">
        <v>1795620</v>
      </c>
    </row>
    <row r="40" spans="1:408" ht="20.25" customHeight="1" x14ac:dyDescent="0.2">
      <c r="A40" s="126" t="s">
        <v>35</v>
      </c>
      <c r="B40" s="110">
        <v>252131</v>
      </c>
      <c r="C40" s="114">
        <v>24096</v>
      </c>
      <c r="D40" s="113">
        <v>276227</v>
      </c>
      <c r="E40" s="109">
        <v>0</v>
      </c>
      <c r="F40" s="114">
        <v>1281208</v>
      </c>
      <c r="G40" s="114">
        <v>1662226</v>
      </c>
      <c r="H40" s="114">
        <v>585939</v>
      </c>
      <c r="I40" s="114">
        <v>831563</v>
      </c>
      <c r="J40" s="114">
        <v>548978</v>
      </c>
      <c r="K40" s="173">
        <v>4909914</v>
      </c>
      <c r="L40" s="116">
        <v>5186141</v>
      </c>
      <c r="M40" s="110">
        <v>38160</v>
      </c>
      <c r="N40" s="114">
        <v>22496</v>
      </c>
      <c r="O40" s="113">
        <v>60656</v>
      </c>
      <c r="P40" s="110">
        <v>0</v>
      </c>
      <c r="Q40" s="114">
        <v>206928</v>
      </c>
      <c r="R40" s="114">
        <v>614990</v>
      </c>
      <c r="S40" s="114">
        <v>96272</v>
      </c>
      <c r="T40" s="114">
        <v>69216</v>
      </c>
      <c r="U40" s="114">
        <v>305814</v>
      </c>
      <c r="V40" s="113">
        <v>1293220</v>
      </c>
      <c r="W40" s="116">
        <v>1353876</v>
      </c>
      <c r="X40" s="110">
        <v>0</v>
      </c>
      <c r="Y40" s="114">
        <v>0</v>
      </c>
      <c r="Z40" s="113">
        <v>0</v>
      </c>
      <c r="AA40" s="110">
        <v>0</v>
      </c>
      <c r="AB40" s="114">
        <v>84160</v>
      </c>
      <c r="AC40" s="114">
        <v>225269</v>
      </c>
      <c r="AD40" s="114">
        <v>0</v>
      </c>
      <c r="AE40" s="114">
        <v>0</v>
      </c>
      <c r="AF40" s="114">
        <v>175950</v>
      </c>
      <c r="AG40" s="113">
        <v>485379</v>
      </c>
      <c r="AH40" s="116">
        <v>485379</v>
      </c>
      <c r="AI40" s="110">
        <v>0</v>
      </c>
      <c r="AJ40" s="114">
        <v>0</v>
      </c>
      <c r="AK40" s="113">
        <v>0</v>
      </c>
      <c r="AL40" s="110">
        <v>0</v>
      </c>
      <c r="AM40" s="114">
        <v>0</v>
      </c>
      <c r="AN40" s="114">
        <v>0</v>
      </c>
      <c r="AO40" s="114">
        <v>0</v>
      </c>
      <c r="AP40" s="114">
        <v>0</v>
      </c>
      <c r="AQ40" s="114">
        <v>97344</v>
      </c>
      <c r="AR40" s="113">
        <v>97344</v>
      </c>
      <c r="AS40" s="116">
        <v>97344</v>
      </c>
      <c r="AT40" s="110">
        <v>0</v>
      </c>
      <c r="AU40" s="114">
        <v>0</v>
      </c>
      <c r="AV40" s="113">
        <v>0</v>
      </c>
      <c r="AW40" s="110">
        <v>0</v>
      </c>
      <c r="AX40" s="114">
        <v>0</v>
      </c>
      <c r="AY40" s="114">
        <v>211265</v>
      </c>
      <c r="AZ40" s="114">
        <v>0</v>
      </c>
      <c r="BA40" s="114">
        <v>0</v>
      </c>
      <c r="BB40" s="114">
        <v>0</v>
      </c>
      <c r="BC40" s="113">
        <v>211265</v>
      </c>
      <c r="BD40" s="116">
        <v>211265</v>
      </c>
      <c r="BE40" s="110">
        <v>0</v>
      </c>
      <c r="BF40" s="114">
        <v>0</v>
      </c>
      <c r="BG40" s="112">
        <v>0</v>
      </c>
      <c r="BH40" s="111">
        <v>0</v>
      </c>
      <c r="BI40" s="114">
        <v>64816</v>
      </c>
      <c r="BJ40" s="114">
        <v>38240</v>
      </c>
      <c r="BK40" s="114">
        <v>43680</v>
      </c>
      <c r="BL40" s="114">
        <v>0</v>
      </c>
      <c r="BM40" s="114">
        <v>0</v>
      </c>
      <c r="BN40" s="113">
        <v>146736</v>
      </c>
      <c r="BO40" s="116">
        <v>146736</v>
      </c>
      <c r="BP40" s="110">
        <v>38160</v>
      </c>
      <c r="BQ40" s="114">
        <v>22496</v>
      </c>
      <c r="BR40" s="113">
        <v>60656</v>
      </c>
      <c r="BS40" s="110">
        <v>0</v>
      </c>
      <c r="BT40" s="114">
        <v>57952</v>
      </c>
      <c r="BU40" s="114">
        <v>140216</v>
      </c>
      <c r="BV40" s="114">
        <v>52592</v>
      </c>
      <c r="BW40" s="114">
        <v>69216</v>
      </c>
      <c r="BX40" s="114">
        <v>32520</v>
      </c>
      <c r="BY40" s="113">
        <v>352496</v>
      </c>
      <c r="BZ40" s="116">
        <v>413152</v>
      </c>
      <c r="CA40" s="110">
        <v>0</v>
      </c>
      <c r="CB40" s="114">
        <v>0</v>
      </c>
      <c r="CC40" s="113">
        <v>0</v>
      </c>
      <c r="CD40" s="110">
        <v>0</v>
      </c>
      <c r="CE40" s="114">
        <v>377424</v>
      </c>
      <c r="CF40" s="114">
        <v>463032</v>
      </c>
      <c r="CG40" s="114">
        <v>112784</v>
      </c>
      <c r="CH40" s="114">
        <v>129688</v>
      </c>
      <c r="CI40" s="114">
        <v>0</v>
      </c>
      <c r="CJ40" s="113">
        <v>1082928</v>
      </c>
      <c r="CK40" s="116">
        <v>1082928</v>
      </c>
      <c r="CL40" s="110">
        <v>0</v>
      </c>
      <c r="CM40" s="114">
        <v>0</v>
      </c>
      <c r="CN40" s="113">
        <v>0</v>
      </c>
      <c r="CO40" s="111">
        <v>0</v>
      </c>
      <c r="CP40" s="114">
        <v>318896</v>
      </c>
      <c r="CQ40" s="114">
        <v>353992</v>
      </c>
      <c r="CR40" s="114">
        <v>112784</v>
      </c>
      <c r="CS40" s="114">
        <v>0</v>
      </c>
      <c r="CT40" s="114">
        <v>0</v>
      </c>
      <c r="CU40" s="113">
        <v>785672</v>
      </c>
      <c r="CV40" s="116">
        <v>785672</v>
      </c>
      <c r="CW40" s="110">
        <v>0</v>
      </c>
      <c r="CX40" s="114">
        <v>0</v>
      </c>
      <c r="CY40" s="113">
        <v>0</v>
      </c>
      <c r="CZ40" s="110">
        <v>0</v>
      </c>
      <c r="DA40" s="114">
        <v>58528</v>
      </c>
      <c r="DB40" s="114">
        <v>109040</v>
      </c>
      <c r="DC40" s="114">
        <v>0</v>
      </c>
      <c r="DD40" s="114">
        <v>129688</v>
      </c>
      <c r="DE40" s="114">
        <v>0</v>
      </c>
      <c r="DF40" s="113">
        <v>297256</v>
      </c>
      <c r="DG40" s="116">
        <v>297256</v>
      </c>
      <c r="DH40" s="110">
        <v>0</v>
      </c>
      <c r="DI40" s="114">
        <v>0</v>
      </c>
      <c r="DJ40" s="112">
        <v>0</v>
      </c>
      <c r="DK40" s="111">
        <v>0</v>
      </c>
      <c r="DL40" s="114">
        <v>0</v>
      </c>
      <c r="DM40" s="114">
        <v>0</v>
      </c>
      <c r="DN40" s="114">
        <v>0</v>
      </c>
      <c r="DO40" s="114">
        <v>0</v>
      </c>
      <c r="DP40" s="114">
        <v>0</v>
      </c>
      <c r="DQ40" s="113">
        <v>0</v>
      </c>
      <c r="DR40" s="116">
        <v>0</v>
      </c>
      <c r="DS40" s="110">
        <v>0</v>
      </c>
      <c r="DT40" s="114">
        <v>0</v>
      </c>
      <c r="DU40" s="113">
        <v>0</v>
      </c>
      <c r="DV40" s="110">
        <v>0</v>
      </c>
      <c r="DW40" s="114">
        <v>0</v>
      </c>
      <c r="DX40" s="114">
        <v>0</v>
      </c>
      <c r="DY40" s="114">
        <v>0</v>
      </c>
      <c r="DZ40" s="114">
        <v>0</v>
      </c>
      <c r="EA40" s="114">
        <v>0</v>
      </c>
      <c r="EB40" s="113">
        <v>0</v>
      </c>
      <c r="EC40" s="116">
        <v>0</v>
      </c>
      <c r="ED40" s="110">
        <v>0</v>
      </c>
      <c r="EE40" s="112">
        <v>0</v>
      </c>
      <c r="EF40" s="113">
        <v>0</v>
      </c>
      <c r="EG40" s="110">
        <v>0</v>
      </c>
      <c r="EH40" s="114">
        <v>0</v>
      </c>
      <c r="EI40" s="114">
        <v>0</v>
      </c>
      <c r="EJ40" s="114">
        <v>0</v>
      </c>
      <c r="EK40" s="114">
        <v>0</v>
      </c>
      <c r="EL40" s="114">
        <v>0</v>
      </c>
      <c r="EM40" s="112">
        <v>0</v>
      </c>
      <c r="EN40" s="116">
        <v>0</v>
      </c>
      <c r="EO40" s="110">
        <v>0</v>
      </c>
      <c r="EP40" s="114">
        <v>0</v>
      </c>
      <c r="EQ40" s="112">
        <v>0</v>
      </c>
      <c r="ER40" s="111">
        <v>0</v>
      </c>
      <c r="ES40" s="114">
        <v>0</v>
      </c>
      <c r="ET40" s="114">
        <v>0</v>
      </c>
      <c r="EU40" s="114">
        <v>0</v>
      </c>
      <c r="EV40" s="114">
        <v>0</v>
      </c>
      <c r="EW40" s="114">
        <v>0</v>
      </c>
      <c r="EX40" s="113">
        <v>0</v>
      </c>
      <c r="EY40" s="116">
        <v>0</v>
      </c>
      <c r="EZ40" s="110">
        <v>0</v>
      </c>
      <c r="FA40" s="114">
        <v>0</v>
      </c>
      <c r="FB40" s="112">
        <v>0</v>
      </c>
      <c r="FC40" s="348"/>
      <c r="FD40" s="114">
        <v>0</v>
      </c>
      <c r="FE40" s="114">
        <v>0</v>
      </c>
      <c r="FF40" s="114">
        <v>0</v>
      </c>
      <c r="FG40" s="114">
        <v>0</v>
      </c>
      <c r="FH40" s="114">
        <v>0</v>
      </c>
      <c r="FI40" s="113">
        <v>0</v>
      </c>
      <c r="FJ40" s="116">
        <v>0</v>
      </c>
      <c r="FK40" s="110">
        <v>800</v>
      </c>
      <c r="FL40" s="114">
        <v>1600</v>
      </c>
      <c r="FM40" s="113">
        <v>2400</v>
      </c>
      <c r="FN40" s="110">
        <v>0</v>
      </c>
      <c r="FO40" s="114">
        <v>96240</v>
      </c>
      <c r="FP40" s="114">
        <v>257748</v>
      </c>
      <c r="FQ40" s="114">
        <v>2800</v>
      </c>
      <c r="FR40" s="114">
        <v>26104</v>
      </c>
      <c r="FS40" s="114">
        <v>8800</v>
      </c>
      <c r="FT40" s="113">
        <v>391692</v>
      </c>
      <c r="FU40" s="116">
        <v>394092</v>
      </c>
      <c r="FV40" s="115">
        <v>800</v>
      </c>
      <c r="FW40" s="114">
        <v>1600</v>
      </c>
      <c r="FX40" s="112">
        <v>2400</v>
      </c>
      <c r="FY40" s="111">
        <v>0</v>
      </c>
      <c r="FZ40" s="114">
        <v>26720</v>
      </c>
      <c r="GA40" s="114">
        <v>112240</v>
      </c>
      <c r="GB40" s="114">
        <v>2800</v>
      </c>
      <c r="GC40" s="114">
        <v>26104</v>
      </c>
      <c r="GD40" s="114">
        <v>8800</v>
      </c>
      <c r="GE40" s="113">
        <v>176664</v>
      </c>
      <c r="GF40" s="319">
        <v>179064</v>
      </c>
      <c r="GG40" s="115">
        <v>0</v>
      </c>
      <c r="GH40" s="114">
        <v>0</v>
      </c>
      <c r="GI40" s="112">
        <v>0</v>
      </c>
      <c r="GJ40" s="111">
        <v>0</v>
      </c>
      <c r="GK40" s="114">
        <v>0</v>
      </c>
      <c r="GL40" s="114">
        <v>0</v>
      </c>
      <c r="GM40" s="114">
        <v>0</v>
      </c>
      <c r="GN40" s="114">
        <v>0</v>
      </c>
      <c r="GO40" s="114">
        <v>0</v>
      </c>
      <c r="GP40" s="113">
        <v>0</v>
      </c>
      <c r="GQ40" s="116">
        <v>0</v>
      </c>
      <c r="GR40" s="110">
        <v>0</v>
      </c>
      <c r="GS40" s="114">
        <v>0</v>
      </c>
      <c r="GT40" s="113">
        <v>0</v>
      </c>
      <c r="GU40" s="110">
        <v>0</v>
      </c>
      <c r="GV40" s="114">
        <v>69520</v>
      </c>
      <c r="GW40" s="114">
        <v>145508</v>
      </c>
      <c r="GX40" s="114">
        <v>0</v>
      </c>
      <c r="GY40" s="114">
        <v>0</v>
      </c>
      <c r="GZ40" s="114">
        <v>0</v>
      </c>
      <c r="HA40" s="112">
        <v>215028</v>
      </c>
      <c r="HB40" s="116">
        <v>215028</v>
      </c>
      <c r="HC40" s="110">
        <v>213171</v>
      </c>
      <c r="HD40" s="114">
        <v>0</v>
      </c>
      <c r="HE40" s="112">
        <v>213171</v>
      </c>
      <c r="HF40" s="111">
        <v>0</v>
      </c>
      <c r="HG40" s="114">
        <v>600616</v>
      </c>
      <c r="HH40" s="114">
        <v>326456</v>
      </c>
      <c r="HI40" s="114">
        <v>374083</v>
      </c>
      <c r="HJ40" s="114">
        <v>606555</v>
      </c>
      <c r="HK40" s="114">
        <v>234364</v>
      </c>
      <c r="HL40" s="113">
        <v>2142074</v>
      </c>
      <c r="HM40" s="109">
        <v>2355245</v>
      </c>
      <c r="HN40" s="329"/>
      <c r="HO40" s="330"/>
      <c r="HP40" s="331"/>
      <c r="HQ40" s="332"/>
      <c r="HR40" s="330"/>
      <c r="HS40" s="330"/>
      <c r="HT40" s="330"/>
      <c r="HU40" s="330"/>
      <c r="HV40" s="330"/>
      <c r="HW40" s="333"/>
      <c r="HX40" s="334"/>
      <c r="HY40" s="150">
        <v>0</v>
      </c>
      <c r="HZ40" s="135">
        <v>0</v>
      </c>
      <c r="IA40" s="150">
        <v>0</v>
      </c>
      <c r="IB40" s="146">
        <v>0</v>
      </c>
      <c r="IC40" s="132">
        <v>126224</v>
      </c>
      <c r="ID40" s="147">
        <v>447888</v>
      </c>
      <c r="IE40" s="133">
        <v>0</v>
      </c>
      <c r="IF40" s="132">
        <v>0</v>
      </c>
      <c r="IG40" s="133">
        <v>0</v>
      </c>
      <c r="IH40" s="148">
        <v>574112</v>
      </c>
      <c r="II40" s="150">
        <v>574112</v>
      </c>
      <c r="IJ40" s="232">
        <v>0</v>
      </c>
      <c r="IK40" s="236">
        <v>0</v>
      </c>
      <c r="IL40" s="237">
        <v>0</v>
      </c>
      <c r="IM40" s="140"/>
      <c r="IN40" s="119">
        <v>0</v>
      </c>
      <c r="IO40" s="119">
        <v>61720</v>
      </c>
      <c r="IP40" s="119">
        <v>0</v>
      </c>
      <c r="IQ40" s="119">
        <v>0</v>
      </c>
      <c r="IR40" s="119">
        <v>0</v>
      </c>
      <c r="IS40" s="141">
        <v>61720</v>
      </c>
      <c r="IT40" s="321">
        <v>61720</v>
      </c>
      <c r="IU40" s="142">
        <v>0</v>
      </c>
      <c r="IV40" s="119">
        <v>0</v>
      </c>
      <c r="IW40" s="120">
        <v>0</v>
      </c>
      <c r="IX40" s="144"/>
      <c r="IY40" s="119">
        <v>0</v>
      </c>
      <c r="IZ40" s="119">
        <v>0</v>
      </c>
      <c r="JA40" s="119">
        <v>0</v>
      </c>
      <c r="JB40" s="119">
        <v>0</v>
      </c>
      <c r="JC40" s="119">
        <v>0</v>
      </c>
      <c r="JD40" s="120">
        <v>0</v>
      </c>
      <c r="JE40" s="121">
        <v>0</v>
      </c>
      <c r="JF40" s="142">
        <v>0</v>
      </c>
      <c r="JG40" s="119">
        <v>0</v>
      </c>
      <c r="JH40" s="141">
        <v>0</v>
      </c>
      <c r="JI40" s="118">
        <v>0</v>
      </c>
      <c r="JJ40" s="119">
        <v>0</v>
      </c>
      <c r="JK40" s="119">
        <v>110432</v>
      </c>
      <c r="JL40" s="119">
        <v>0</v>
      </c>
      <c r="JM40" s="119">
        <v>0</v>
      </c>
      <c r="JN40" s="119">
        <v>0</v>
      </c>
      <c r="JO40" s="120">
        <v>110432</v>
      </c>
      <c r="JP40" s="321">
        <v>110432</v>
      </c>
      <c r="JQ40" s="142">
        <v>0</v>
      </c>
      <c r="JR40" s="119">
        <v>0</v>
      </c>
      <c r="JS40" s="141">
        <v>0</v>
      </c>
      <c r="JT40" s="118">
        <v>0</v>
      </c>
      <c r="JU40" s="119">
        <v>0</v>
      </c>
      <c r="JV40" s="119">
        <v>0</v>
      </c>
      <c r="JW40" s="119">
        <v>0</v>
      </c>
      <c r="JX40" s="119">
        <v>0</v>
      </c>
      <c r="JY40" s="119">
        <v>0</v>
      </c>
      <c r="JZ40" s="120">
        <v>0</v>
      </c>
      <c r="KA40" s="321">
        <v>0</v>
      </c>
      <c r="KB40" s="234">
        <v>0</v>
      </c>
      <c r="KC40" s="230">
        <v>0</v>
      </c>
      <c r="KD40" s="120">
        <v>0</v>
      </c>
      <c r="KE40" s="118">
        <v>0</v>
      </c>
      <c r="KF40" s="119">
        <v>126224</v>
      </c>
      <c r="KG40" s="119">
        <v>45488</v>
      </c>
      <c r="KH40" s="119">
        <v>0</v>
      </c>
      <c r="KI40" s="119">
        <v>0</v>
      </c>
      <c r="KJ40" s="119">
        <v>0</v>
      </c>
      <c r="KK40" s="120">
        <v>171712</v>
      </c>
      <c r="KL40" s="143">
        <v>171712</v>
      </c>
      <c r="KM40" s="232">
        <v>0</v>
      </c>
      <c r="KN40" s="236">
        <v>0</v>
      </c>
      <c r="KO40" s="237">
        <v>0</v>
      </c>
      <c r="KP40" s="140"/>
      <c r="KQ40" s="119">
        <v>0</v>
      </c>
      <c r="KR40" s="119">
        <v>230248</v>
      </c>
      <c r="KS40" s="119">
        <v>0</v>
      </c>
      <c r="KT40" s="119">
        <v>0</v>
      </c>
      <c r="KU40" s="119">
        <v>0</v>
      </c>
      <c r="KV40" s="120">
        <v>230248</v>
      </c>
      <c r="KW40" s="321">
        <v>230248</v>
      </c>
      <c r="KX40" s="142">
        <v>0</v>
      </c>
      <c r="KY40" s="119">
        <v>0</v>
      </c>
      <c r="KZ40" s="120">
        <v>0</v>
      </c>
      <c r="LA40" s="145"/>
      <c r="LB40" s="119">
        <v>0</v>
      </c>
      <c r="LC40" s="119">
        <v>0</v>
      </c>
      <c r="LD40" s="119">
        <v>0</v>
      </c>
      <c r="LE40" s="119">
        <v>0</v>
      </c>
      <c r="LF40" s="119">
        <v>0</v>
      </c>
      <c r="LG40" s="120">
        <v>0</v>
      </c>
      <c r="LH40" s="121">
        <v>0</v>
      </c>
      <c r="LI40" s="142">
        <v>0</v>
      </c>
      <c r="LJ40" s="119">
        <v>0</v>
      </c>
      <c r="LK40" s="120">
        <v>0</v>
      </c>
      <c r="LL40" s="145"/>
      <c r="LM40" s="119">
        <v>0</v>
      </c>
      <c r="LN40" s="119">
        <v>0</v>
      </c>
      <c r="LO40" s="119">
        <v>0</v>
      </c>
      <c r="LP40" s="119">
        <v>0</v>
      </c>
      <c r="LQ40" s="119">
        <v>0</v>
      </c>
      <c r="LR40" s="120">
        <v>0</v>
      </c>
      <c r="LS40" s="321">
        <v>0</v>
      </c>
      <c r="LT40" s="142">
        <v>0</v>
      </c>
      <c r="LU40" s="119">
        <v>0</v>
      </c>
      <c r="LV40" s="120">
        <v>0</v>
      </c>
      <c r="LW40" s="145"/>
      <c r="LX40" s="119">
        <v>0</v>
      </c>
      <c r="LY40" s="119">
        <v>0</v>
      </c>
      <c r="LZ40" s="119">
        <v>0</v>
      </c>
      <c r="MA40" s="119">
        <v>0</v>
      </c>
      <c r="MB40" s="119">
        <v>0</v>
      </c>
      <c r="MC40" s="120">
        <v>0</v>
      </c>
      <c r="MD40" s="121">
        <v>0</v>
      </c>
      <c r="ME40" s="142">
        <v>0</v>
      </c>
      <c r="MF40" s="119">
        <v>0</v>
      </c>
      <c r="MG40" s="120">
        <v>0</v>
      </c>
      <c r="MH40" s="145"/>
      <c r="MI40" s="119">
        <v>0</v>
      </c>
      <c r="MJ40" s="119">
        <v>0</v>
      </c>
      <c r="MK40" s="119">
        <v>265088</v>
      </c>
      <c r="ML40" s="119">
        <v>1004416</v>
      </c>
      <c r="MM40" s="119">
        <v>530672</v>
      </c>
      <c r="MN40" s="120">
        <v>1800176</v>
      </c>
      <c r="MO40" s="143">
        <v>1800176</v>
      </c>
      <c r="MP40" s="142">
        <v>0</v>
      </c>
      <c r="MQ40" s="119">
        <v>0</v>
      </c>
      <c r="MR40" s="120">
        <v>0</v>
      </c>
      <c r="MS40" s="145"/>
      <c r="MT40" s="119">
        <v>0</v>
      </c>
      <c r="MU40" s="119">
        <v>0</v>
      </c>
      <c r="MV40" s="119">
        <v>0</v>
      </c>
      <c r="MW40" s="119">
        <v>731712</v>
      </c>
      <c r="MX40" s="119">
        <v>244288</v>
      </c>
      <c r="MY40" s="120">
        <v>976000</v>
      </c>
      <c r="MZ40" s="143">
        <v>976000</v>
      </c>
      <c r="NA40" s="142">
        <v>0</v>
      </c>
      <c r="NB40" s="119">
        <v>0</v>
      </c>
      <c r="NC40" s="120">
        <v>0</v>
      </c>
      <c r="ND40" s="145"/>
      <c r="NE40" s="119">
        <v>0</v>
      </c>
      <c r="NF40" s="119">
        <v>0</v>
      </c>
      <c r="NG40" s="119">
        <v>265088</v>
      </c>
      <c r="NH40" s="119">
        <v>272704</v>
      </c>
      <c r="NI40" s="119">
        <v>286384</v>
      </c>
      <c r="NJ40" s="120">
        <v>824176</v>
      </c>
      <c r="NK40" s="321">
        <v>824176</v>
      </c>
      <c r="NL40" s="142">
        <v>0</v>
      </c>
      <c r="NM40" s="119">
        <v>0</v>
      </c>
      <c r="NN40" s="120">
        <v>0</v>
      </c>
      <c r="NO40" s="145"/>
      <c r="NP40" s="119">
        <v>0</v>
      </c>
      <c r="NQ40" s="119">
        <v>0</v>
      </c>
      <c r="NR40" s="119">
        <v>0</v>
      </c>
      <c r="NS40" s="119">
        <v>0</v>
      </c>
      <c r="NT40" s="119">
        <v>0</v>
      </c>
      <c r="NU40" s="120">
        <v>0</v>
      </c>
      <c r="NV40" s="121">
        <v>0</v>
      </c>
      <c r="NW40" s="142">
        <v>0</v>
      </c>
      <c r="NX40" s="119">
        <v>0</v>
      </c>
      <c r="NY40" s="120">
        <v>0</v>
      </c>
      <c r="NZ40" s="145"/>
      <c r="OA40" s="119">
        <v>0</v>
      </c>
      <c r="OB40" s="119">
        <v>0</v>
      </c>
      <c r="OC40" s="119">
        <v>0</v>
      </c>
      <c r="OD40" s="119">
        <v>0</v>
      </c>
      <c r="OE40" s="119">
        <v>0</v>
      </c>
      <c r="OF40" s="120">
        <v>0</v>
      </c>
      <c r="OG40" s="121">
        <v>0</v>
      </c>
      <c r="OH40" s="142">
        <v>252131</v>
      </c>
      <c r="OI40" s="119">
        <v>24096</v>
      </c>
      <c r="OJ40" s="141">
        <v>276227</v>
      </c>
      <c r="OK40" s="118">
        <v>0</v>
      </c>
      <c r="OL40" s="119">
        <v>1407432</v>
      </c>
      <c r="OM40" s="119">
        <v>2110114</v>
      </c>
      <c r="ON40" s="119">
        <v>851027</v>
      </c>
      <c r="OO40" s="119">
        <v>1835979</v>
      </c>
      <c r="OP40" s="119">
        <v>1079650</v>
      </c>
      <c r="OQ40" s="120">
        <v>7284202</v>
      </c>
      <c r="OR40" s="143">
        <v>7560429</v>
      </c>
    </row>
    <row r="41" spans="1:408" ht="20.25" customHeight="1" x14ac:dyDescent="0.2">
      <c r="A41" s="126" t="s">
        <v>36</v>
      </c>
      <c r="B41" s="110">
        <v>400</v>
      </c>
      <c r="C41" s="114">
        <v>71088</v>
      </c>
      <c r="D41" s="113">
        <v>71488</v>
      </c>
      <c r="E41" s="109">
        <v>0</v>
      </c>
      <c r="F41" s="114">
        <v>364585</v>
      </c>
      <c r="G41" s="114">
        <v>272306</v>
      </c>
      <c r="H41" s="114">
        <v>385516</v>
      </c>
      <c r="I41" s="114">
        <v>421621</v>
      </c>
      <c r="J41" s="114">
        <v>35536</v>
      </c>
      <c r="K41" s="173">
        <v>1479564</v>
      </c>
      <c r="L41" s="116">
        <v>1551052</v>
      </c>
      <c r="M41" s="110">
        <v>0</v>
      </c>
      <c r="N41" s="114">
        <v>4128</v>
      </c>
      <c r="O41" s="113">
        <v>4128</v>
      </c>
      <c r="P41" s="110">
        <v>0</v>
      </c>
      <c r="Q41" s="114">
        <v>268798</v>
      </c>
      <c r="R41" s="114">
        <v>53669</v>
      </c>
      <c r="S41" s="114">
        <v>102501</v>
      </c>
      <c r="T41" s="114">
        <v>289582</v>
      </c>
      <c r="U41" s="114">
        <v>0</v>
      </c>
      <c r="V41" s="113">
        <v>714550</v>
      </c>
      <c r="W41" s="116">
        <v>718678</v>
      </c>
      <c r="X41" s="110">
        <v>0</v>
      </c>
      <c r="Y41" s="114">
        <v>0</v>
      </c>
      <c r="Z41" s="113">
        <v>0</v>
      </c>
      <c r="AA41" s="110">
        <v>0</v>
      </c>
      <c r="AB41" s="114">
        <v>122593</v>
      </c>
      <c r="AC41" s="114">
        <v>9081</v>
      </c>
      <c r="AD41" s="114">
        <v>0</v>
      </c>
      <c r="AE41" s="114">
        <v>0</v>
      </c>
      <c r="AF41" s="114">
        <v>0</v>
      </c>
      <c r="AG41" s="113">
        <v>131674</v>
      </c>
      <c r="AH41" s="116">
        <v>131674</v>
      </c>
      <c r="AI41" s="110">
        <v>0</v>
      </c>
      <c r="AJ41" s="114">
        <v>0</v>
      </c>
      <c r="AK41" s="113">
        <v>0</v>
      </c>
      <c r="AL41" s="110">
        <v>0</v>
      </c>
      <c r="AM41" s="114">
        <v>0</v>
      </c>
      <c r="AN41" s="114">
        <v>0</v>
      </c>
      <c r="AO41" s="114">
        <v>0</v>
      </c>
      <c r="AP41" s="114">
        <v>46238</v>
      </c>
      <c r="AQ41" s="114">
        <v>0</v>
      </c>
      <c r="AR41" s="113">
        <v>46238</v>
      </c>
      <c r="AS41" s="116">
        <v>46238</v>
      </c>
      <c r="AT41" s="110">
        <v>0</v>
      </c>
      <c r="AU41" s="114">
        <v>0</v>
      </c>
      <c r="AV41" s="113">
        <v>0</v>
      </c>
      <c r="AW41" s="110">
        <v>0</v>
      </c>
      <c r="AX41" s="114">
        <v>125277</v>
      </c>
      <c r="AY41" s="114">
        <v>31548</v>
      </c>
      <c r="AZ41" s="114">
        <v>56957</v>
      </c>
      <c r="BA41" s="114">
        <v>239216</v>
      </c>
      <c r="BB41" s="114">
        <v>0</v>
      </c>
      <c r="BC41" s="113">
        <v>452998</v>
      </c>
      <c r="BD41" s="116">
        <v>452998</v>
      </c>
      <c r="BE41" s="110">
        <v>0</v>
      </c>
      <c r="BF41" s="114">
        <v>0</v>
      </c>
      <c r="BG41" s="112">
        <v>0</v>
      </c>
      <c r="BH41" s="111">
        <v>0</v>
      </c>
      <c r="BI41" s="114">
        <v>0</v>
      </c>
      <c r="BJ41" s="114">
        <v>0</v>
      </c>
      <c r="BK41" s="114">
        <v>0</v>
      </c>
      <c r="BL41" s="114">
        <v>0</v>
      </c>
      <c r="BM41" s="114">
        <v>0</v>
      </c>
      <c r="BN41" s="113">
        <v>0</v>
      </c>
      <c r="BO41" s="116">
        <v>0</v>
      </c>
      <c r="BP41" s="110">
        <v>0</v>
      </c>
      <c r="BQ41" s="114">
        <v>4128</v>
      </c>
      <c r="BR41" s="113">
        <v>4128</v>
      </c>
      <c r="BS41" s="110">
        <v>0</v>
      </c>
      <c r="BT41" s="114">
        <v>20928</v>
      </c>
      <c r="BU41" s="114">
        <v>13040</v>
      </c>
      <c r="BV41" s="114">
        <v>45544</v>
      </c>
      <c r="BW41" s="114">
        <v>4128</v>
      </c>
      <c r="BX41" s="114">
        <v>0</v>
      </c>
      <c r="BY41" s="113">
        <v>83640</v>
      </c>
      <c r="BZ41" s="116">
        <v>87768</v>
      </c>
      <c r="CA41" s="110">
        <v>0</v>
      </c>
      <c r="CB41" s="114">
        <v>37312</v>
      </c>
      <c r="CC41" s="113">
        <v>37312</v>
      </c>
      <c r="CD41" s="110">
        <v>0</v>
      </c>
      <c r="CE41" s="114">
        <v>54155</v>
      </c>
      <c r="CF41" s="114">
        <v>165293</v>
      </c>
      <c r="CG41" s="114">
        <v>62531</v>
      </c>
      <c r="CH41" s="114">
        <v>28364</v>
      </c>
      <c r="CI41" s="114">
        <v>0</v>
      </c>
      <c r="CJ41" s="113">
        <v>310343</v>
      </c>
      <c r="CK41" s="116">
        <v>347655</v>
      </c>
      <c r="CL41" s="110">
        <v>0</v>
      </c>
      <c r="CM41" s="114">
        <v>0</v>
      </c>
      <c r="CN41" s="113">
        <v>0</v>
      </c>
      <c r="CO41" s="111">
        <v>0</v>
      </c>
      <c r="CP41" s="114">
        <v>54155</v>
      </c>
      <c r="CQ41" s="114">
        <v>92186</v>
      </c>
      <c r="CR41" s="114">
        <v>0</v>
      </c>
      <c r="CS41" s="114">
        <v>28364</v>
      </c>
      <c r="CT41" s="114">
        <v>0</v>
      </c>
      <c r="CU41" s="113">
        <v>174705</v>
      </c>
      <c r="CV41" s="116">
        <v>174705</v>
      </c>
      <c r="CW41" s="110">
        <v>0</v>
      </c>
      <c r="CX41" s="114">
        <v>37312</v>
      </c>
      <c r="CY41" s="113">
        <v>37312</v>
      </c>
      <c r="CZ41" s="110">
        <v>0</v>
      </c>
      <c r="DA41" s="114">
        <v>0</v>
      </c>
      <c r="DB41" s="114">
        <v>73107</v>
      </c>
      <c r="DC41" s="114">
        <v>62531</v>
      </c>
      <c r="DD41" s="114">
        <v>0</v>
      </c>
      <c r="DE41" s="114">
        <v>0</v>
      </c>
      <c r="DF41" s="113">
        <v>135638</v>
      </c>
      <c r="DG41" s="116">
        <v>172950</v>
      </c>
      <c r="DH41" s="110">
        <v>0</v>
      </c>
      <c r="DI41" s="114">
        <v>0</v>
      </c>
      <c r="DJ41" s="112">
        <v>0</v>
      </c>
      <c r="DK41" s="111">
        <v>0</v>
      </c>
      <c r="DL41" s="114">
        <v>0</v>
      </c>
      <c r="DM41" s="114">
        <v>0</v>
      </c>
      <c r="DN41" s="114">
        <v>0</v>
      </c>
      <c r="DO41" s="114">
        <v>50715</v>
      </c>
      <c r="DP41" s="114">
        <v>0</v>
      </c>
      <c r="DQ41" s="113">
        <v>50715</v>
      </c>
      <c r="DR41" s="116">
        <v>50715</v>
      </c>
      <c r="DS41" s="110">
        <v>0</v>
      </c>
      <c r="DT41" s="114">
        <v>0</v>
      </c>
      <c r="DU41" s="113">
        <v>0</v>
      </c>
      <c r="DV41" s="110">
        <v>0</v>
      </c>
      <c r="DW41" s="114">
        <v>0</v>
      </c>
      <c r="DX41" s="114">
        <v>0</v>
      </c>
      <c r="DY41" s="114">
        <v>0</v>
      </c>
      <c r="DZ41" s="114">
        <v>50715</v>
      </c>
      <c r="EA41" s="114">
        <v>0</v>
      </c>
      <c r="EB41" s="113">
        <v>50715</v>
      </c>
      <c r="EC41" s="116">
        <v>50715</v>
      </c>
      <c r="ED41" s="110">
        <v>0</v>
      </c>
      <c r="EE41" s="112">
        <v>0</v>
      </c>
      <c r="EF41" s="113">
        <v>0</v>
      </c>
      <c r="EG41" s="110">
        <v>0</v>
      </c>
      <c r="EH41" s="114">
        <v>0</v>
      </c>
      <c r="EI41" s="114">
        <v>0</v>
      </c>
      <c r="EJ41" s="114">
        <v>0</v>
      </c>
      <c r="EK41" s="114">
        <v>0</v>
      </c>
      <c r="EL41" s="114">
        <v>0</v>
      </c>
      <c r="EM41" s="112">
        <v>0</v>
      </c>
      <c r="EN41" s="116">
        <v>0</v>
      </c>
      <c r="EO41" s="110">
        <v>0</v>
      </c>
      <c r="EP41" s="114">
        <v>0</v>
      </c>
      <c r="EQ41" s="112">
        <v>0</v>
      </c>
      <c r="ER41" s="111">
        <v>0</v>
      </c>
      <c r="ES41" s="114">
        <v>0</v>
      </c>
      <c r="ET41" s="114">
        <v>0</v>
      </c>
      <c r="EU41" s="114">
        <v>0</v>
      </c>
      <c r="EV41" s="114">
        <v>0</v>
      </c>
      <c r="EW41" s="114">
        <v>0</v>
      </c>
      <c r="EX41" s="113">
        <v>0</v>
      </c>
      <c r="EY41" s="116">
        <v>0</v>
      </c>
      <c r="EZ41" s="110">
        <v>0</v>
      </c>
      <c r="FA41" s="114">
        <v>0</v>
      </c>
      <c r="FB41" s="112">
        <v>0</v>
      </c>
      <c r="FC41" s="348"/>
      <c r="FD41" s="114">
        <v>0</v>
      </c>
      <c r="FE41" s="114">
        <v>0</v>
      </c>
      <c r="FF41" s="114">
        <v>0</v>
      </c>
      <c r="FG41" s="114">
        <v>0</v>
      </c>
      <c r="FH41" s="114">
        <v>0</v>
      </c>
      <c r="FI41" s="113">
        <v>0</v>
      </c>
      <c r="FJ41" s="116">
        <v>0</v>
      </c>
      <c r="FK41" s="110">
        <v>400</v>
      </c>
      <c r="FL41" s="114">
        <v>29648</v>
      </c>
      <c r="FM41" s="113">
        <v>30048</v>
      </c>
      <c r="FN41" s="110">
        <v>0</v>
      </c>
      <c r="FO41" s="114">
        <v>41632</v>
      </c>
      <c r="FP41" s="114">
        <v>53344</v>
      </c>
      <c r="FQ41" s="114">
        <v>31440</v>
      </c>
      <c r="FR41" s="114">
        <v>52960</v>
      </c>
      <c r="FS41" s="114">
        <v>35536</v>
      </c>
      <c r="FT41" s="113">
        <v>214912</v>
      </c>
      <c r="FU41" s="116">
        <v>244960</v>
      </c>
      <c r="FV41" s="115">
        <v>400</v>
      </c>
      <c r="FW41" s="114">
        <v>29648</v>
      </c>
      <c r="FX41" s="112">
        <v>30048</v>
      </c>
      <c r="FY41" s="111">
        <v>0</v>
      </c>
      <c r="FZ41" s="114">
        <v>41632</v>
      </c>
      <c r="GA41" s="114">
        <v>53344</v>
      </c>
      <c r="GB41" s="114">
        <v>31440</v>
      </c>
      <c r="GC41" s="114">
        <v>52960</v>
      </c>
      <c r="GD41" s="114">
        <v>35536</v>
      </c>
      <c r="GE41" s="113">
        <v>214912</v>
      </c>
      <c r="GF41" s="319">
        <v>244960</v>
      </c>
      <c r="GG41" s="115">
        <v>0</v>
      </c>
      <c r="GH41" s="114">
        <v>0</v>
      </c>
      <c r="GI41" s="112">
        <v>0</v>
      </c>
      <c r="GJ41" s="111">
        <v>0</v>
      </c>
      <c r="GK41" s="114">
        <v>0</v>
      </c>
      <c r="GL41" s="114">
        <v>0</v>
      </c>
      <c r="GM41" s="114">
        <v>0</v>
      </c>
      <c r="GN41" s="114">
        <v>0</v>
      </c>
      <c r="GO41" s="114">
        <v>0</v>
      </c>
      <c r="GP41" s="113">
        <v>0</v>
      </c>
      <c r="GQ41" s="116">
        <v>0</v>
      </c>
      <c r="GR41" s="110">
        <v>0</v>
      </c>
      <c r="GS41" s="114">
        <v>0</v>
      </c>
      <c r="GT41" s="113">
        <v>0</v>
      </c>
      <c r="GU41" s="110">
        <v>0</v>
      </c>
      <c r="GV41" s="114">
        <v>0</v>
      </c>
      <c r="GW41" s="114">
        <v>0</v>
      </c>
      <c r="GX41" s="114">
        <v>0</v>
      </c>
      <c r="GY41" s="114">
        <v>0</v>
      </c>
      <c r="GZ41" s="114">
        <v>0</v>
      </c>
      <c r="HA41" s="112">
        <v>0</v>
      </c>
      <c r="HB41" s="116">
        <v>0</v>
      </c>
      <c r="HC41" s="110">
        <v>0</v>
      </c>
      <c r="HD41" s="114">
        <v>0</v>
      </c>
      <c r="HE41" s="112">
        <v>0</v>
      </c>
      <c r="HF41" s="111">
        <v>0</v>
      </c>
      <c r="HG41" s="114">
        <v>0</v>
      </c>
      <c r="HH41" s="114">
        <v>0</v>
      </c>
      <c r="HI41" s="114">
        <v>189044</v>
      </c>
      <c r="HJ41" s="114">
        <v>0</v>
      </c>
      <c r="HK41" s="114">
        <v>0</v>
      </c>
      <c r="HL41" s="113">
        <v>189044</v>
      </c>
      <c r="HM41" s="109">
        <v>189044</v>
      </c>
      <c r="HN41" s="329"/>
      <c r="HO41" s="330"/>
      <c r="HP41" s="331"/>
      <c r="HQ41" s="332"/>
      <c r="HR41" s="330"/>
      <c r="HS41" s="330"/>
      <c r="HT41" s="330"/>
      <c r="HU41" s="330"/>
      <c r="HV41" s="330"/>
      <c r="HW41" s="333"/>
      <c r="HX41" s="334"/>
      <c r="HY41" s="131">
        <v>0</v>
      </c>
      <c r="HZ41" s="132">
        <v>0</v>
      </c>
      <c r="IA41" s="133">
        <v>0</v>
      </c>
      <c r="IB41" s="146">
        <v>0</v>
      </c>
      <c r="IC41" s="132">
        <v>86791</v>
      </c>
      <c r="ID41" s="147">
        <v>271507</v>
      </c>
      <c r="IE41" s="133">
        <v>271497</v>
      </c>
      <c r="IF41" s="132">
        <v>240624</v>
      </c>
      <c r="IG41" s="133">
        <v>236970</v>
      </c>
      <c r="IH41" s="148">
        <v>1107389</v>
      </c>
      <c r="II41" s="139">
        <v>1107389</v>
      </c>
      <c r="IJ41" s="232">
        <v>0</v>
      </c>
      <c r="IK41" s="236">
        <v>0</v>
      </c>
      <c r="IL41" s="237">
        <v>0</v>
      </c>
      <c r="IM41" s="140"/>
      <c r="IN41" s="119">
        <v>0</v>
      </c>
      <c r="IO41" s="119">
        <v>0</v>
      </c>
      <c r="IP41" s="119">
        <v>0</v>
      </c>
      <c r="IQ41" s="119">
        <v>0</v>
      </c>
      <c r="IR41" s="119">
        <v>0</v>
      </c>
      <c r="IS41" s="141">
        <v>0</v>
      </c>
      <c r="IT41" s="321">
        <v>0</v>
      </c>
      <c r="IU41" s="142">
        <v>0</v>
      </c>
      <c r="IV41" s="119">
        <v>0</v>
      </c>
      <c r="IW41" s="120">
        <v>0</v>
      </c>
      <c r="IX41" s="144"/>
      <c r="IY41" s="119">
        <v>0</v>
      </c>
      <c r="IZ41" s="119">
        <v>0</v>
      </c>
      <c r="JA41" s="119">
        <v>0</v>
      </c>
      <c r="JB41" s="119">
        <v>0</v>
      </c>
      <c r="JC41" s="119">
        <v>0</v>
      </c>
      <c r="JD41" s="120">
        <v>0</v>
      </c>
      <c r="JE41" s="121">
        <v>0</v>
      </c>
      <c r="JF41" s="142">
        <v>0</v>
      </c>
      <c r="JG41" s="119">
        <v>0</v>
      </c>
      <c r="JH41" s="141">
        <v>0</v>
      </c>
      <c r="JI41" s="118">
        <v>0</v>
      </c>
      <c r="JJ41" s="119">
        <v>86791</v>
      </c>
      <c r="JK41" s="119">
        <v>36583</v>
      </c>
      <c r="JL41" s="119">
        <v>0</v>
      </c>
      <c r="JM41" s="119">
        <v>0</v>
      </c>
      <c r="JN41" s="119">
        <v>236970</v>
      </c>
      <c r="JO41" s="120">
        <v>360344</v>
      </c>
      <c r="JP41" s="321">
        <v>360344</v>
      </c>
      <c r="JQ41" s="142">
        <v>0</v>
      </c>
      <c r="JR41" s="119">
        <v>0</v>
      </c>
      <c r="JS41" s="141">
        <v>0</v>
      </c>
      <c r="JT41" s="118">
        <v>0</v>
      </c>
      <c r="JU41" s="119">
        <v>0</v>
      </c>
      <c r="JV41" s="119">
        <v>0</v>
      </c>
      <c r="JW41" s="119">
        <v>0</v>
      </c>
      <c r="JX41" s="119">
        <v>0</v>
      </c>
      <c r="JY41" s="119">
        <v>0</v>
      </c>
      <c r="JZ41" s="120">
        <v>0</v>
      </c>
      <c r="KA41" s="321">
        <v>0</v>
      </c>
      <c r="KB41" s="234">
        <v>0</v>
      </c>
      <c r="KC41" s="230">
        <v>0</v>
      </c>
      <c r="KD41" s="120">
        <v>0</v>
      </c>
      <c r="KE41" s="118">
        <v>0</v>
      </c>
      <c r="KF41" s="119">
        <v>0</v>
      </c>
      <c r="KG41" s="119">
        <v>0</v>
      </c>
      <c r="KH41" s="119">
        <v>0</v>
      </c>
      <c r="KI41" s="119">
        <v>240624</v>
      </c>
      <c r="KJ41" s="119">
        <v>0</v>
      </c>
      <c r="KK41" s="120">
        <v>240624</v>
      </c>
      <c r="KL41" s="143">
        <v>240624</v>
      </c>
      <c r="KM41" s="232">
        <v>0</v>
      </c>
      <c r="KN41" s="236">
        <v>0</v>
      </c>
      <c r="KO41" s="237">
        <v>0</v>
      </c>
      <c r="KP41" s="140"/>
      <c r="KQ41" s="119">
        <v>0</v>
      </c>
      <c r="KR41" s="119">
        <v>234924</v>
      </c>
      <c r="KS41" s="119">
        <v>271497</v>
      </c>
      <c r="KT41" s="119">
        <v>0</v>
      </c>
      <c r="KU41" s="119">
        <v>0</v>
      </c>
      <c r="KV41" s="120">
        <v>506421</v>
      </c>
      <c r="KW41" s="321">
        <v>506421</v>
      </c>
      <c r="KX41" s="142">
        <v>0</v>
      </c>
      <c r="KY41" s="119">
        <v>0</v>
      </c>
      <c r="KZ41" s="120">
        <v>0</v>
      </c>
      <c r="LA41" s="145"/>
      <c r="LB41" s="119">
        <v>0</v>
      </c>
      <c r="LC41" s="119">
        <v>0</v>
      </c>
      <c r="LD41" s="119">
        <v>0</v>
      </c>
      <c r="LE41" s="119">
        <v>0</v>
      </c>
      <c r="LF41" s="119">
        <v>0</v>
      </c>
      <c r="LG41" s="120">
        <v>0</v>
      </c>
      <c r="LH41" s="121">
        <v>0</v>
      </c>
      <c r="LI41" s="142">
        <v>0</v>
      </c>
      <c r="LJ41" s="119">
        <v>0</v>
      </c>
      <c r="LK41" s="120">
        <v>0</v>
      </c>
      <c r="LL41" s="145"/>
      <c r="LM41" s="119">
        <v>0</v>
      </c>
      <c r="LN41" s="119">
        <v>0</v>
      </c>
      <c r="LO41" s="119">
        <v>0</v>
      </c>
      <c r="LP41" s="119">
        <v>0</v>
      </c>
      <c r="LQ41" s="119">
        <v>0</v>
      </c>
      <c r="LR41" s="120">
        <v>0</v>
      </c>
      <c r="LS41" s="321">
        <v>0</v>
      </c>
      <c r="LT41" s="142">
        <v>0</v>
      </c>
      <c r="LU41" s="119">
        <v>0</v>
      </c>
      <c r="LV41" s="120">
        <v>0</v>
      </c>
      <c r="LW41" s="145"/>
      <c r="LX41" s="119">
        <v>0</v>
      </c>
      <c r="LY41" s="119">
        <v>0</v>
      </c>
      <c r="LZ41" s="119">
        <v>0</v>
      </c>
      <c r="MA41" s="119">
        <v>0</v>
      </c>
      <c r="MB41" s="119">
        <v>0</v>
      </c>
      <c r="MC41" s="120">
        <v>0</v>
      </c>
      <c r="MD41" s="121">
        <v>0</v>
      </c>
      <c r="ME41" s="142">
        <v>0</v>
      </c>
      <c r="MF41" s="119">
        <v>0</v>
      </c>
      <c r="MG41" s="120">
        <v>0</v>
      </c>
      <c r="MH41" s="145"/>
      <c r="MI41" s="119">
        <v>0</v>
      </c>
      <c r="MJ41" s="119">
        <v>523035</v>
      </c>
      <c r="MK41" s="119">
        <v>493995</v>
      </c>
      <c r="ML41" s="119">
        <v>1314735</v>
      </c>
      <c r="MM41" s="119">
        <v>1070240</v>
      </c>
      <c r="MN41" s="120">
        <v>3402005</v>
      </c>
      <c r="MO41" s="143">
        <v>3402005</v>
      </c>
      <c r="MP41" s="142">
        <v>0</v>
      </c>
      <c r="MQ41" s="119">
        <v>0</v>
      </c>
      <c r="MR41" s="120">
        <v>0</v>
      </c>
      <c r="MS41" s="145"/>
      <c r="MT41" s="119">
        <v>0</v>
      </c>
      <c r="MU41" s="119">
        <v>0</v>
      </c>
      <c r="MV41" s="119">
        <v>0</v>
      </c>
      <c r="MW41" s="119">
        <v>1314735</v>
      </c>
      <c r="MX41" s="119">
        <v>1070240</v>
      </c>
      <c r="MY41" s="120">
        <v>2384975</v>
      </c>
      <c r="MZ41" s="143">
        <v>2384975</v>
      </c>
      <c r="NA41" s="142">
        <v>0</v>
      </c>
      <c r="NB41" s="119">
        <v>0</v>
      </c>
      <c r="NC41" s="120">
        <v>0</v>
      </c>
      <c r="ND41" s="145"/>
      <c r="NE41" s="119">
        <v>0</v>
      </c>
      <c r="NF41" s="119">
        <v>523035</v>
      </c>
      <c r="NG41" s="119">
        <v>493995</v>
      </c>
      <c r="NH41" s="119">
        <v>0</v>
      </c>
      <c r="NI41" s="119">
        <v>0</v>
      </c>
      <c r="NJ41" s="120">
        <v>1017030</v>
      </c>
      <c r="NK41" s="321">
        <v>1017030</v>
      </c>
      <c r="NL41" s="142">
        <v>0</v>
      </c>
      <c r="NM41" s="119">
        <v>0</v>
      </c>
      <c r="NN41" s="120">
        <v>0</v>
      </c>
      <c r="NO41" s="145"/>
      <c r="NP41" s="119">
        <v>0</v>
      </c>
      <c r="NQ41" s="119">
        <v>0</v>
      </c>
      <c r="NR41" s="119">
        <v>0</v>
      </c>
      <c r="NS41" s="119">
        <v>0</v>
      </c>
      <c r="NT41" s="119">
        <v>0</v>
      </c>
      <c r="NU41" s="120">
        <v>0</v>
      </c>
      <c r="NV41" s="121">
        <v>0</v>
      </c>
      <c r="NW41" s="142">
        <v>0</v>
      </c>
      <c r="NX41" s="119">
        <v>0</v>
      </c>
      <c r="NY41" s="120">
        <v>0</v>
      </c>
      <c r="NZ41" s="145"/>
      <c r="OA41" s="119">
        <v>0</v>
      </c>
      <c r="OB41" s="119">
        <v>0</v>
      </c>
      <c r="OC41" s="119">
        <v>0</v>
      </c>
      <c r="OD41" s="119">
        <v>0</v>
      </c>
      <c r="OE41" s="119">
        <v>0</v>
      </c>
      <c r="OF41" s="120">
        <v>0</v>
      </c>
      <c r="OG41" s="121">
        <v>0</v>
      </c>
      <c r="OH41" s="142">
        <v>400</v>
      </c>
      <c r="OI41" s="119">
        <v>71088</v>
      </c>
      <c r="OJ41" s="141">
        <v>71488</v>
      </c>
      <c r="OK41" s="118">
        <v>0</v>
      </c>
      <c r="OL41" s="119">
        <v>451376</v>
      </c>
      <c r="OM41" s="119">
        <v>1066848</v>
      </c>
      <c r="ON41" s="119">
        <v>1151008</v>
      </c>
      <c r="OO41" s="119">
        <v>1976980</v>
      </c>
      <c r="OP41" s="119">
        <v>1342746</v>
      </c>
      <c r="OQ41" s="120">
        <v>5988958</v>
      </c>
      <c r="OR41" s="143">
        <v>6060446</v>
      </c>
    </row>
    <row r="42" spans="1:408" ht="20.25" customHeight="1" thickBot="1" x14ac:dyDescent="0.25">
      <c r="A42" s="127" t="s">
        <v>37</v>
      </c>
      <c r="B42" s="117">
        <v>3200</v>
      </c>
      <c r="C42" s="178">
        <v>0</v>
      </c>
      <c r="D42" s="179">
        <v>3200</v>
      </c>
      <c r="E42" s="180">
        <v>0</v>
      </c>
      <c r="F42" s="178">
        <v>55015</v>
      </c>
      <c r="G42" s="178">
        <v>114295</v>
      </c>
      <c r="H42" s="178">
        <v>0</v>
      </c>
      <c r="I42" s="178">
        <v>0</v>
      </c>
      <c r="J42" s="178">
        <v>237318</v>
      </c>
      <c r="K42" s="180">
        <v>406628</v>
      </c>
      <c r="L42" s="181">
        <v>409828</v>
      </c>
      <c r="M42" s="117">
        <v>0</v>
      </c>
      <c r="N42" s="178">
        <v>0</v>
      </c>
      <c r="O42" s="179">
        <v>0</v>
      </c>
      <c r="P42" s="117">
        <v>0</v>
      </c>
      <c r="Q42" s="178">
        <v>33259</v>
      </c>
      <c r="R42" s="178">
        <v>9602</v>
      </c>
      <c r="S42" s="178">
        <v>0</v>
      </c>
      <c r="T42" s="178">
        <v>0</v>
      </c>
      <c r="U42" s="178">
        <v>6240</v>
      </c>
      <c r="V42" s="179">
        <v>49101</v>
      </c>
      <c r="W42" s="181">
        <v>49101</v>
      </c>
      <c r="X42" s="117">
        <v>0</v>
      </c>
      <c r="Y42" s="178">
        <v>0</v>
      </c>
      <c r="Z42" s="179">
        <v>0</v>
      </c>
      <c r="AA42" s="117">
        <v>0</v>
      </c>
      <c r="AB42" s="178">
        <v>0</v>
      </c>
      <c r="AC42" s="178">
        <v>0</v>
      </c>
      <c r="AD42" s="178">
        <v>0</v>
      </c>
      <c r="AE42" s="178">
        <v>0</v>
      </c>
      <c r="AF42" s="178">
        <v>0</v>
      </c>
      <c r="AG42" s="179">
        <v>0</v>
      </c>
      <c r="AH42" s="181">
        <v>0</v>
      </c>
      <c r="AI42" s="117">
        <v>0</v>
      </c>
      <c r="AJ42" s="178">
        <v>0</v>
      </c>
      <c r="AK42" s="179">
        <v>0</v>
      </c>
      <c r="AL42" s="117">
        <v>0</v>
      </c>
      <c r="AM42" s="178">
        <v>0</v>
      </c>
      <c r="AN42" s="178">
        <v>0</v>
      </c>
      <c r="AO42" s="178">
        <v>0</v>
      </c>
      <c r="AP42" s="178">
        <v>0</v>
      </c>
      <c r="AQ42" s="178">
        <v>0</v>
      </c>
      <c r="AR42" s="179">
        <v>0</v>
      </c>
      <c r="AS42" s="181">
        <v>0</v>
      </c>
      <c r="AT42" s="117">
        <v>0</v>
      </c>
      <c r="AU42" s="178">
        <v>0</v>
      </c>
      <c r="AV42" s="179">
        <v>0</v>
      </c>
      <c r="AW42" s="117">
        <v>0</v>
      </c>
      <c r="AX42" s="178">
        <v>0</v>
      </c>
      <c r="AY42" s="178">
        <v>0</v>
      </c>
      <c r="AZ42" s="178">
        <v>0</v>
      </c>
      <c r="BA42" s="178">
        <v>0</v>
      </c>
      <c r="BB42" s="178">
        <v>0</v>
      </c>
      <c r="BC42" s="179">
        <v>0</v>
      </c>
      <c r="BD42" s="181">
        <v>0</v>
      </c>
      <c r="BE42" s="117">
        <v>0</v>
      </c>
      <c r="BF42" s="178">
        <v>0</v>
      </c>
      <c r="BG42" s="183">
        <v>0</v>
      </c>
      <c r="BH42" s="182">
        <v>0</v>
      </c>
      <c r="BI42" s="178">
        <v>33259</v>
      </c>
      <c r="BJ42" s="178">
        <v>9602</v>
      </c>
      <c r="BK42" s="178">
        <v>0</v>
      </c>
      <c r="BL42" s="178">
        <v>0</v>
      </c>
      <c r="BM42" s="178">
        <v>0</v>
      </c>
      <c r="BN42" s="179">
        <v>42861</v>
      </c>
      <c r="BO42" s="181">
        <v>42861</v>
      </c>
      <c r="BP42" s="117">
        <v>0</v>
      </c>
      <c r="BQ42" s="178">
        <v>0</v>
      </c>
      <c r="BR42" s="179">
        <v>0</v>
      </c>
      <c r="BS42" s="117">
        <v>0</v>
      </c>
      <c r="BT42" s="178">
        <v>0</v>
      </c>
      <c r="BU42" s="178">
        <v>0</v>
      </c>
      <c r="BV42" s="178">
        <v>0</v>
      </c>
      <c r="BW42" s="178">
        <v>0</v>
      </c>
      <c r="BX42" s="178">
        <v>6240</v>
      </c>
      <c r="BY42" s="179">
        <v>6240</v>
      </c>
      <c r="BZ42" s="181">
        <v>6240</v>
      </c>
      <c r="CA42" s="117">
        <v>0</v>
      </c>
      <c r="CB42" s="178">
        <v>0</v>
      </c>
      <c r="CC42" s="179">
        <v>0</v>
      </c>
      <c r="CD42" s="117">
        <v>0</v>
      </c>
      <c r="CE42" s="178">
        <v>16956</v>
      </c>
      <c r="CF42" s="178">
        <v>85685</v>
      </c>
      <c r="CG42" s="178">
        <v>0</v>
      </c>
      <c r="CH42" s="178">
        <v>0</v>
      </c>
      <c r="CI42" s="178">
        <v>0</v>
      </c>
      <c r="CJ42" s="179">
        <v>102641</v>
      </c>
      <c r="CK42" s="181">
        <v>102641</v>
      </c>
      <c r="CL42" s="117">
        <v>0</v>
      </c>
      <c r="CM42" s="178">
        <v>0</v>
      </c>
      <c r="CN42" s="179">
        <v>0</v>
      </c>
      <c r="CO42" s="182">
        <v>0</v>
      </c>
      <c r="CP42" s="178">
        <v>16956</v>
      </c>
      <c r="CQ42" s="178">
        <v>85685</v>
      </c>
      <c r="CR42" s="178">
        <v>0</v>
      </c>
      <c r="CS42" s="178">
        <v>0</v>
      </c>
      <c r="CT42" s="178">
        <v>0</v>
      </c>
      <c r="CU42" s="179">
        <v>102641</v>
      </c>
      <c r="CV42" s="181">
        <v>102641</v>
      </c>
      <c r="CW42" s="117">
        <v>0</v>
      </c>
      <c r="CX42" s="178">
        <v>0</v>
      </c>
      <c r="CY42" s="179">
        <v>0</v>
      </c>
      <c r="CZ42" s="117">
        <v>0</v>
      </c>
      <c r="DA42" s="178">
        <v>0</v>
      </c>
      <c r="DB42" s="178">
        <v>0</v>
      </c>
      <c r="DC42" s="178">
        <v>0</v>
      </c>
      <c r="DD42" s="178">
        <v>0</v>
      </c>
      <c r="DE42" s="178">
        <v>0</v>
      </c>
      <c r="DF42" s="179">
        <v>0</v>
      </c>
      <c r="DG42" s="181">
        <v>0</v>
      </c>
      <c r="DH42" s="117">
        <v>0</v>
      </c>
      <c r="DI42" s="178">
        <v>0</v>
      </c>
      <c r="DJ42" s="183">
        <v>0</v>
      </c>
      <c r="DK42" s="182">
        <v>0</v>
      </c>
      <c r="DL42" s="178">
        <v>0</v>
      </c>
      <c r="DM42" s="178">
        <v>0</v>
      </c>
      <c r="DN42" s="178">
        <v>0</v>
      </c>
      <c r="DO42" s="178">
        <v>0</v>
      </c>
      <c r="DP42" s="178">
        <v>0</v>
      </c>
      <c r="DQ42" s="179">
        <v>0</v>
      </c>
      <c r="DR42" s="181">
        <v>0</v>
      </c>
      <c r="DS42" s="117">
        <v>0</v>
      </c>
      <c r="DT42" s="178">
        <v>0</v>
      </c>
      <c r="DU42" s="179">
        <v>0</v>
      </c>
      <c r="DV42" s="117">
        <v>0</v>
      </c>
      <c r="DW42" s="178">
        <v>0</v>
      </c>
      <c r="DX42" s="178">
        <v>0</v>
      </c>
      <c r="DY42" s="178">
        <v>0</v>
      </c>
      <c r="DZ42" s="178">
        <v>0</v>
      </c>
      <c r="EA42" s="178">
        <v>0</v>
      </c>
      <c r="EB42" s="179">
        <v>0</v>
      </c>
      <c r="EC42" s="181">
        <v>0</v>
      </c>
      <c r="ED42" s="117">
        <v>0</v>
      </c>
      <c r="EE42" s="183">
        <v>0</v>
      </c>
      <c r="EF42" s="179">
        <v>0</v>
      </c>
      <c r="EG42" s="117">
        <v>0</v>
      </c>
      <c r="EH42" s="178">
        <v>0</v>
      </c>
      <c r="EI42" s="178">
        <v>0</v>
      </c>
      <c r="EJ42" s="178">
        <v>0</v>
      </c>
      <c r="EK42" s="178">
        <v>0</v>
      </c>
      <c r="EL42" s="178">
        <v>0</v>
      </c>
      <c r="EM42" s="183">
        <v>0</v>
      </c>
      <c r="EN42" s="181">
        <v>0</v>
      </c>
      <c r="EO42" s="117">
        <v>0</v>
      </c>
      <c r="EP42" s="178">
        <v>0</v>
      </c>
      <c r="EQ42" s="183">
        <v>0</v>
      </c>
      <c r="ER42" s="182">
        <v>0</v>
      </c>
      <c r="ES42" s="178">
        <v>0</v>
      </c>
      <c r="ET42" s="178">
        <v>0</v>
      </c>
      <c r="EU42" s="178">
        <v>0</v>
      </c>
      <c r="EV42" s="178">
        <v>0</v>
      </c>
      <c r="EW42" s="178">
        <v>0</v>
      </c>
      <c r="EX42" s="179">
        <v>0</v>
      </c>
      <c r="EY42" s="181">
        <v>0</v>
      </c>
      <c r="EZ42" s="117">
        <v>0</v>
      </c>
      <c r="FA42" s="178">
        <v>0</v>
      </c>
      <c r="FB42" s="183">
        <v>0</v>
      </c>
      <c r="FC42" s="349"/>
      <c r="FD42" s="178">
        <v>0</v>
      </c>
      <c r="FE42" s="178">
        <v>0</v>
      </c>
      <c r="FF42" s="178">
        <v>0</v>
      </c>
      <c r="FG42" s="178">
        <v>0</v>
      </c>
      <c r="FH42" s="178">
        <v>0</v>
      </c>
      <c r="FI42" s="179">
        <v>0</v>
      </c>
      <c r="FJ42" s="181">
        <v>0</v>
      </c>
      <c r="FK42" s="117">
        <v>3200</v>
      </c>
      <c r="FL42" s="178">
        <v>0</v>
      </c>
      <c r="FM42" s="179">
        <v>3200</v>
      </c>
      <c r="FN42" s="117">
        <v>0</v>
      </c>
      <c r="FO42" s="178">
        <v>4800</v>
      </c>
      <c r="FP42" s="178">
        <v>19008</v>
      </c>
      <c r="FQ42" s="178">
        <v>0</v>
      </c>
      <c r="FR42" s="178">
        <v>0</v>
      </c>
      <c r="FS42" s="178">
        <v>0</v>
      </c>
      <c r="FT42" s="179">
        <v>23808</v>
      </c>
      <c r="FU42" s="181">
        <v>27008</v>
      </c>
      <c r="FV42" s="184">
        <v>3200</v>
      </c>
      <c r="FW42" s="178">
        <v>0</v>
      </c>
      <c r="FX42" s="183">
        <v>3200</v>
      </c>
      <c r="FY42" s="182">
        <v>0</v>
      </c>
      <c r="FZ42" s="178">
        <v>4800</v>
      </c>
      <c r="GA42" s="178">
        <v>19008</v>
      </c>
      <c r="GB42" s="178">
        <v>0</v>
      </c>
      <c r="GC42" s="178">
        <v>0</v>
      </c>
      <c r="GD42" s="178">
        <v>0</v>
      </c>
      <c r="GE42" s="179">
        <v>23808</v>
      </c>
      <c r="GF42" s="320">
        <v>27008</v>
      </c>
      <c r="GG42" s="184">
        <v>0</v>
      </c>
      <c r="GH42" s="178">
        <v>0</v>
      </c>
      <c r="GI42" s="183">
        <v>0</v>
      </c>
      <c r="GJ42" s="182">
        <v>0</v>
      </c>
      <c r="GK42" s="178">
        <v>0</v>
      </c>
      <c r="GL42" s="178">
        <v>0</v>
      </c>
      <c r="GM42" s="178">
        <v>0</v>
      </c>
      <c r="GN42" s="178">
        <v>0</v>
      </c>
      <c r="GO42" s="178">
        <v>0</v>
      </c>
      <c r="GP42" s="179">
        <v>0</v>
      </c>
      <c r="GQ42" s="181">
        <v>0</v>
      </c>
      <c r="GR42" s="117">
        <v>0</v>
      </c>
      <c r="GS42" s="178">
        <v>0</v>
      </c>
      <c r="GT42" s="179">
        <v>0</v>
      </c>
      <c r="GU42" s="117">
        <v>0</v>
      </c>
      <c r="GV42" s="178">
        <v>0</v>
      </c>
      <c r="GW42" s="178">
        <v>0</v>
      </c>
      <c r="GX42" s="178">
        <v>0</v>
      </c>
      <c r="GY42" s="178">
        <v>0</v>
      </c>
      <c r="GZ42" s="178">
        <v>0</v>
      </c>
      <c r="HA42" s="183">
        <v>0</v>
      </c>
      <c r="HB42" s="181">
        <v>0</v>
      </c>
      <c r="HC42" s="117">
        <v>0</v>
      </c>
      <c r="HD42" s="178">
        <v>0</v>
      </c>
      <c r="HE42" s="183">
        <v>0</v>
      </c>
      <c r="HF42" s="182">
        <v>0</v>
      </c>
      <c r="HG42" s="178">
        <v>0</v>
      </c>
      <c r="HH42" s="178">
        <v>0</v>
      </c>
      <c r="HI42" s="178">
        <v>0</v>
      </c>
      <c r="HJ42" s="178">
        <v>0</v>
      </c>
      <c r="HK42" s="178">
        <v>231078</v>
      </c>
      <c r="HL42" s="179">
        <v>231078</v>
      </c>
      <c r="HM42" s="180">
        <v>231078</v>
      </c>
      <c r="HN42" s="335"/>
      <c r="HO42" s="336"/>
      <c r="HP42" s="337"/>
      <c r="HQ42" s="338"/>
      <c r="HR42" s="336"/>
      <c r="HS42" s="336"/>
      <c r="HT42" s="336"/>
      <c r="HU42" s="336"/>
      <c r="HV42" s="336"/>
      <c r="HW42" s="339"/>
      <c r="HX42" s="340"/>
      <c r="HY42" s="151">
        <v>0</v>
      </c>
      <c r="HZ42" s="152">
        <v>0</v>
      </c>
      <c r="IA42" s="153">
        <v>0</v>
      </c>
      <c r="IB42" s="154">
        <v>0</v>
      </c>
      <c r="IC42" s="155">
        <v>0</v>
      </c>
      <c r="ID42" s="156">
        <v>0</v>
      </c>
      <c r="IE42" s="157">
        <v>0</v>
      </c>
      <c r="IF42" s="155">
        <v>0</v>
      </c>
      <c r="IG42" s="157">
        <v>0</v>
      </c>
      <c r="IH42" s="158">
        <v>0</v>
      </c>
      <c r="II42" s="159">
        <v>0</v>
      </c>
      <c r="IJ42" s="233">
        <v>0</v>
      </c>
      <c r="IK42" s="238">
        <v>0</v>
      </c>
      <c r="IL42" s="239">
        <v>0</v>
      </c>
      <c r="IM42" s="160"/>
      <c r="IN42" s="161">
        <v>0</v>
      </c>
      <c r="IO42" s="161">
        <v>0</v>
      </c>
      <c r="IP42" s="161">
        <v>0</v>
      </c>
      <c r="IQ42" s="161">
        <v>0</v>
      </c>
      <c r="IR42" s="161">
        <v>0</v>
      </c>
      <c r="IS42" s="162">
        <v>0</v>
      </c>
      <c r="IT42" s="322">
        <v>0</v>
      </c>
      <c r="IU42" s="163">
        <v>0</v>
      </c>
      <c r="IV42" s="161">
        <v>0</v>
      </c>
      <c r="IW42" s="165">
        <v>0</v>
      </c>
      <c r="IX42" s="168"/>
      <c r="IY42" s="161">
        <v>0</v>
      </c>
      <c r="IZ42" s="161">
        <v>0</v>
      </c>
      <c r="JA42" s="161">
        <v>0</v>
      </c>
      <c r="JB42" s="161">
        <v>0</v>
      </c>
      <c r="JC42" s="161">
        <v>0</v>
      </c>
      <c r="JD42" s="165">
        <v>0</v>
      </c>
      <c r="JE42" s="166">
        <v>0</v>
      </c>
      <c r="JF42" s="163">
        <v>0</v>
      </c>
      <c r="JG42" s="161">
        <v>0</v>
      </c>
      <c r="JH42" s="162">
        <v>0</v>
      </c>
      <c r="JI42" s="164">
        <v>0</v>
      </c>
      <c r="JJ42" s="161">
        <v>0</v>
      </c>
      <c r="JK42" s="161">
        <v>0</v>
      </c>
      <c r="JL42" s="161">
        <v>0</v>
      </c>
      <c r="JM42" s="161">
        <v>0</v>
      </c>
      <c r="JN42" s="161">
        <v>0</v>
      </c>
      <c r="JO42" s="165">
        <v>0</v>
      </c>
      <c r="JP42" s="322">
        <v>0</v>
      </c>
      <c r="JQ42" s="163">
        <v>0</v>
      </c>
      <c r="JR42" s="161">
        <v>0</v>
      </c>
      <c r="JS42" s="162">
        <v>0</v>
      </c>
      <c r="JT42" s="164">
        <v>0</v>
      </c>
      <c r="JU42" s="161">
        <v>0</v>
      </c>
      <c r="JV42" s="161">
        <v>0</v>
      </c>
      <c r="JW42" s="161">
        <v>0</v>
      </c>
      <c r="JX42" s="161">
        <v>0</v>
      </c>
      <c r="JY42" s="161">
        <v>0</v>
      </c>
      <c r="JZ42" s="165">
        <v>0</v>
      </c>
      <c r="KA42" s="322">
        <v>0</v>
      </c>
      <c r="KB42" s="235">
        <v>0</v>
      </c>
      <c r="KC42" s="231">
        <v>0</v>
      </c>
      <c r="KD42" s="165">
        <v>0</v>
      </c>
      <c r="KE42" s="164">
        <v>0</v>
      </c>
      <c r="KF42" s="161">
        <v>0</v>
      </c>
      <c r="KG42" s="161">
        <v>0</v>
      </c>
      <c r="KH42" s="161">
        <v>0</v>
      </c>
      <c r="KI42" s="161">
        <v>0</v>
      </c>
      <c r="KJ42" s="161">
        <v>0</v>
      </c>
      <c r="KK42" s="165">
        <v>0</v>
      </c>
      <c r="KL42" s="167">
        <v>0</v>
      </c>
      <c r="KM42" s="233">
        <v>0</v>
      </c>
      <c r="KN42" s="238">
        <v>0</v>
      </c>
      <c r="KO42" s="239">
        <v>0</v>
      </c>
      <c r="KP42" s="160"/>
      <c r="KQ42" s="161">
        <v>0</v>
      </c>
      <c r="KR42" s="161">
        <v>0</v>
      </c>
      <c r="KS42" s="161">
        <v>0</v>
      </c>
      <c r="KT42" s="161">
        <v>0</v>
      </c>
      <c r="KU42" s="161">
        <v>0</v>
      </c>
      <c r="KV42" s="165">
        <v>0</v>
      </c>
      <c r="KW42" s="322">
        <v>0</v>
      </c>
      <c r="KX42" s="163">
        <v>0</v>
      </c>
      <c r="KY42" s="161">
        <v>0</v>
      </c>
      <c r="KZ42" s="165">
        <v>0</v>
      </c>
      <c r="LA42" s="169"/>
      <c r="LB42" s="161">
        <v>0</v>
      </c>
      <c r="LC42" s="161">
        <v>0</v>
      </c>
      <c r="LD42" s="161">
        <v>0</v>
      </c>
      <c r="LE42" s="161">
        <v>0</v>
      </c>
      <c r="LF42" s="161">
        <v>0</v>
      </c>
      <c r="LG42" s="165">
        <v>0</v>
      </c>
      <c r="LH42" s="166">
        <v>0</v>
      </c>
      <c r="LI42" s="163">
        <v>0</v>
      </c>
      <c r="LJ42" s="161">
        <v>0</v>
      </c>
      <c r="LK42" s="165">
        <v>0</v>
      </c>
      <c r="LL42" s="169"/>
      <c r="LM42" s="161">
        <v>0</v>
      </c>
      <c r="LN42" s="161">
        <v>0</v>
      </c>
      <c r="LO42" s="161">
        <v>0</v>
      </c>
      <c r="LP42" s="161">
        <v>0</v>
      </c>
      <c r="LQ42" s="161">
        <v>0</v>
      </c>
      <c r="LR42" s="165">
        <v>0</v>
      </c>
      <c r="LS42" s="322">
        <v>0</v>
      </c>
      <c r="LT42" s="163">
        <v>0</v>
      </c>
      <c r="LU42" s="161">
        <v>0</v>
      </c>
      <c r="LV42" s="165">
        <v>0</v>
      </c>
      <c r="LW42" s="169"/>
      <c r="LX42" s="161">
        <v>0</v>
      </c>
      <c r="LY42" s="161">
        <v>0</v>
      </c>
      <c r="LZ42" s="161">
        <v>0</v>
      </c>
      <c r="MA42" s="161">
        <v>0</v>
      </c>
      <c r="MB42" s="161">
        <v>0</v>
      </c>
      <c r="MC42" s="165">
        <v>0</v>
      </c>
      <c r="MD42" s="166">
        <v>0</v>
      </c>
      <c r="ME42" s="163">
        <v>0</v>
      </c>
      <c r="MF42" s="161">
        <v>0</v>
      </c>
      <c r="MG42" s="165">
        <v>0</v>
      </c>
      <c r="MH42" s="169"/>
      <c r="MI42" s="161">
        <v>0</v>
      </c>
      <c r="MJ42" s="161">
        <v>0</v>
      </c>
      <c r="MK42" s="161">
        <v>222848</v>
      </c>
      <c r="ML42" s="161">
        <v>0</v>
      </c>
      <c r="MM42" s="161">
        <v>267867</v>
      </c>
      <c r="MN42" s="165">
        <v>490715</v>
      </c>
      <c r="MO42" s="167">
        <v>490715</v>
      </c>
      <c r="MP42" s="163">
        <v>0</v>
      </c>
      <c r="MQ42" s="161">
        <v>0</v>
      </c>
      <c r="MR42" s="165">
        <v>0</v>
      </c>
      <c r="MS42" s="169"/>
      <c r="MT42" s="161">
        <v>0</v>
      </c>
      <c r="MU42" s="161">
        <v>0</v>
      </c>
      <c r="MV42" s="161">
        <v>222848</v>
      </c>
      <c r="MW42" s="161">
        <v>0</v>
      </c>
      <c r="MX42" s="161">
        <v>267867</v>
      </c>
      <c r="MY42" s="165">
        <v>490715</v>
      </c>
      <c r="MZ42" s="167">
        <v>490715</v>
      </c>
      <c r="NA42" s="163">
        <v>0</v>
      </c>
      <c r="NB42" s="161">
        <v>0</v>
      </c>
      <c r="NC42" s="165">
        <v>0</v>
      </c>
      <c r="ND42" s="169"/>
      <c r="NE42" s="161">
        <v>0</v>
      </c>
      <c r="NF42" s="161">
        <v>0</v>
      </c>
      <c r="NG42" s="161">
        <v>0</v>
      </c>
      <c r="NH42" s="161">
        <v>0</v>
      </c>
      <c r="NI42" s="161">
        <v>0</v>
      </c>
      <c r="NJ42" s="165">
        <v>0</v>
      </c>
      <c r="NK42" s="322">
        <v>0</v>
      </c>
      <c r="NL42" s="163">
        <v>0</v>
      </c>
      <c r="NM42" s="161">
        <v>0</v>
      </c>
      <c r="NN42" s="165">
        <v>0</v>
      </c>
      <c r="NO42" s="169"/>
      <c r="NP42" s="161">
        <v>0</v>
      </c>
      <c r="NQ42" s="161">
        <v>0</v>
      </c>
      <c r="NR42" s="161">
        <v>0</v>
      </c>
      <c r="NS42" s="161">
        <v>0</v>
      </c>
      <c r="NT42" s="161">
        <v>0</v>
      </c>
      <c r="NU42" s="165">
        <v>0</v>
      </c>
      <c r="NV42" s="166">
        <v>0</v>
      </c>
      <c r="NW42" s="163">
        <v>0</v>
      </c>
      <c r="NX42" s="161">
        <v>0</v>
      </c>
      <c r="NY42" s="165">
        <v>0</v>
      </c>
      <c r="NZ42" s="169"/>
      <c r="OA42" s="161">
        <v>0</v>
      </c>
      <c r="OB42" s="161">
        <v>0</v>
      </c>
      <c r="OC42" s="161">
        <v>0</v>
      </c>
      <c r="OD42" s="161">
        <v>0</v>
      </c>
      <c r="OE42" s="161">
        <v>0</v>
      </c>
      <c r="OF42" s="165">
        <v>0</v>
      </c>
      <c r="OG42" s="166">
        <v>0</v>
      </c>
      <c r="OH42" s="163">
        <v>3200</v>
      </c>
      <c r="OI42" s="161">
        <v>0</v>
      </c>
      <c r="OJ42" s="162">
        <v>3200</v>
      </c>
      <c r="OK42" s="164">
        <v>0</v>
      </c>
      <c r="OL42" s="161">
        <v>55015</v>
      </c>
      <c r="OM42" s="161">
        <v>114295</v>
      </c>
      <c r="ON42" s="161">
        <v>222848</v>
      </c>
      <c r="OO42" s="161">
        <v>0</v>
      </c>
      <c r="OP42" s="161">
        <v>505185</v>
      </c>
      <c r="OQ42" s="165">
        <v>897343</v>
      </c>
      <c r="OR42" s="167">
        <v>900543</v>
      </c>
    </row>
    <row r="43" spans="1:408" x14ac:dyDescent="0.2">
      <c r="A43" s="44" t="s">
        <v>84</v>
      </c>
    </row>
  </sheetData>
  <mergeCells count="158">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S7:LS8"/>
    <mergeCell ref="LT7:LV7"/>
    <mergeCell ref="KM7:KO7"/>
    <mergeCell ref="KP7:KV7"/>
    <mergeCell ref="KW7:KW8"/>
    <mergeCell ref="KX7:KZ7"/>
    <mergeCell ref="LA7:LG7"/>
    <mergeCell ref="MP7:MR7"/>
    <mergeCell ref="MS7:MY7"/>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DH5:FJ5"/>
    <mergeCell ref="A4:A8"/>
    <mergeCell ref="B4:L6"/>
    <mergeCell ref="M4:HX4"/>
    <mergeCell ref="M5:BZ5"/>
    <mergeCell ref="CA5:DG5"/>
    <mergeCell ref="FK5:HB5"/>
    <mergeCell ref="HC5:HM6"/>
    <mergeCell ref="HN5:HX6"/>
    <mergeCell ref="ED6:EN6"/>
    <mergeCell ref="M6:W6"/>
    <mergeCell ref="X6:AH6"/>
    <mergeCell ref="AI6:AS6"/>
    <mergeCell ref="AT6:BD6"/>
    <mergeCell ref="BE6:BO6"/>
    <mergeCell ref="BP6:BZ6"/>
    <mergeCell ref="CA6:CK6"/>
    <mergeCell ref="CL6:CV6"/>
    <mergeCell ref="CW6:DG6"/>
    <mergeCell ref="DH6:DR6"/>
    <mergeCell ref="DS6:EC6"/>
    <mergeCell ref="B7:D7"/>
    <mergeCell ref="E7:K7"/>
    <mergeCell ref="L7:L8"/>
    <mergeCell ref="M7:O7"/>
    <mergeCell ref="P7:V7"/>
    <mergeCell ref="BH7:BN7"/>
    <mergeCell ref="W7:W8"/>
    <mergeCell ref="X7:Z7"/>
    <mergeCell ref="AA7:AG7"/>
    <mergeCell ref="AH7:AH8"/>
    <mergeCell ref="AI7:AK7"/>
    <mergeCell ref="AL7:AR7"/>
    <mergeCell ref="AS7:AS8"/>
    <mergeCell ref="AT7:AV7"/>
    <mergeCell ref="AW7:BC7"/>
    <mergeCell ref="EO7:EQ7"/>
    <mergeCell ref="BD7:BD8"/>
    <mergeCell ref="BE7:BG7"/>
    <mergeCell ref="CZ7:DF7"/>
    <mergeCell ref="BO7:BO8"/>
    <mergeCell ref="BP7:BR7"/>
    <mergeCell ref="BS7:BY7"/>
    <mergeCell ref="BZ7:BZ8"/>
    <mergeCell ref="CA7:CC7"/>
    <mergeCell ref="CD7:CJ7"/>
    <mergeCell ref="CK7:CK8"/>
    <mergeCell ref="CL7:CN7"/>
    <mergeCell ref="CO7:CU7"/>
    <mergeCell ref="CV7:CV8"/>
    <mergeCell ref="CW7:CY7"/>
    <mergeCell ref="DV7:EB7"/>
    <mergeCell ref="EC7:EC8"/>
    <mergeCell ref="ED7:EF7"/>
    <mergeCell ref="DG7:DG8"/>
    <mergeCell ref="DH7:DJ7"/>
    <mergeCell ref="DK7:DQ7"/>
    <mergeCell ref="DR7:DR8"/>
    <mergeCell ref="GG6:GQ6"/>
    <mergeCell ref="GQ7:GQ8"/>
    <mergeCell ref="GR7:GT7"/>
    <mergeCell ref="ER7:EX7"/>
    <mergeCell ref="EZ7:FB7"/>
    <mergeCell ref="FC7:FI7"/>
    <mergeCell ref="FJ7:FJ8"/>
    <mergeCell ref="GR6:HB6"/>
    <mergeCell ref="EZ6:FJ6"/>
    <mergeCell ref="F1:G1"/>
    <mergeCell ref="HX7:HX8"/>
    <mergeCell ref="HB7:HB8"/>
    <mergeCell ref="HC7:HE7"/>
    <mergeCell ref="HF7:HL7"/>
    <mergeCell ref="HM7:HM8"/>
    <mergeCell ref="HN7:HP7"/>
    <mergeCell ref="HQ7:HW7"/>
    <mergeCell ref="GU7:HA7"/>
    <mergeCell ref="EY7:EY8"/>
    <mergeCell ref="FK7:FM7"/>
    <mergeCell ref="FN7:FT7"/>
    <mergeCell ref="FU7:FU8"/>
    <mergeCell ref="FV7:FX7"/>
    <mergeCell ref="FY7:GE7"/>
    <mergeCell ref="GF7:GF8"/>
    <mergeCell ref="EG7:EM7"/>
    <mergeCell ref="EN7:EN8"/>
    <mergeCell ref="DS7:DU7"/>
    <mergeCell ref="GG7:GI7"/>
    <mergeCell ref="GJ7:GP7"/>
    <mergeCell ref="EO6:EY6"/>
    <mergeCell ref="FK6:FU6"/>
    <mergeCell ref="FV6:GF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8.21875"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25" customWidth="1"/>
    <col min="82" max="82" width="7.6640625" style="325" customWidth="1"/>
    <col min="83" max="83" width="9.88671875" style="325" customWidth="1"/>
    <col min="84" max="84" width="10" style="325" customWidth="1"/>
    <col min="85" max="85" width="9.77734375" style="325" customWidth="1"/>
    <col min="86" max="86" width="9.21875" style="325" customWidth="1"/>
    <col min="87" max="87" width="8.77734375" style="325" customWidth="1"/>
    <col min="88" max="88" width="9.88671875" style="325" customWidth="1"/>
    <col min="89" max="89" width="9.77734375" style="325"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25" customWidth="1"/>
    <col min="115" max="115" width="7.21875" style="325" customWidth="1"/>
    <col min="116" max="120" width="8.21875" style="325" customWidth="1"/>
    <col min="121" max="121" width="10.109375" style="325" customWidth="1"/>
    <col min="122" max="122" width="9.77734375" style="325"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25" customWidth="1"/>
    <col min="170" max="170" width="6.6640625" style="325" customWidth="1"/>
    <col min="171" max="175" width="8.21875" style="325" customWidth="1"/>
    <col min="176" max="176" width="10.109375" style="325" customWidth="1"/>
    <col min="177" max="177" width="9.88671875" style="325"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368">
        <f>第１表!F2</f>
        <v>4</v>
      </c>
      <c r="E1" s="251">
        <f>第１表!G2</f>
        <v>6</v>
      </c>
      <c r="F1" s="646">
        <f>IF(E1&lt;3,E1-2+12,E1-2)</f>
        <v>4</v>
      </c>
      <c r="G1" s="646"/>
      <c r="IA1" s="368"/>
      <c r="IB1" s="253"/>
      <c r="IC1" s="611"/>
      <c r="ID1" s="611"/>
    </row>
    <row r="2" spans="1:408" ht="21.75" customHeight="1" x14ac:dyDescent="0.2">
      <c r="A2" s="20" t="s">
        <v>147</v>
      </c>
      <c r="D2" s="250"/>
      <c r="E2" s="251"/>
      <c r="F2" s="355"/>
      <c r="G2" s="355"/>
      <c r="IA2" s="252"/>
      <c r="IB2" s="253"/>
      <c r="IC2" s="371"/>
      <c r="ID2" s="371"/>
    </row>
    <row r="3" spans="1:408" ht="24" customHeight="1" thickBot="1" x14ac:dyDescent="0.25">
      <c r="A3" s="20" t="s">
        <v>156</v>
      </c>
    </row>
    <row r="4" spans="1:408" ht="18" customHeight="1" thickBot="1" x14ac:dyDescent="0.25">
      <c r="A4" s="706" t="s">
        <v>42</v>
      </c>
      <c r="B4" s="709" t="s">
        <v>63</v>
      </c>
      <c r="C4" s="709"/>
      <c r="D4" s="709"/>
      <c r="E4" s="709"/>
      <c r="F4" s="709"/>
      <c r="G4" s="709"/>
      <c r="H4" s="709"/>
      <c r="I4" s="709"/>
      <c r="J4" s="709"/>
      <c r="K4" s="709"/>
      <c r="L4" s="709"/>
      <c r="M4" s="712"/>
      <c r="N4" s="712"/>
      <c r="O4" s="712"/>
      <c r="P4" s="712"/>
      <c r="Q4" s="712"/>
      <c r="R4" s="712"/>
      <c r="S4" s="712"/>
      <c r="T4" s="712"/>
      <c r="U4" s="712"/>
      <c r="V4" s="712"/>
      <c r="W4" s="712"/>
      <c r="X4" s="712"/>
      <c r="Y4" s="712"/>
      <c r="Z4" s="712"/>
      <c r="AA4" s="712"/>
      <c r="AB4" s="712"/>
      <c r="AC4" s="712"/>
      <c r="AD4" s="712"/>
      <c r="AE4" s="712"/>
      <c r="AF4" s="712"/>
      <c r="AG4" s="712"/>
      <c r="AH4" s="712"/>
      <c r="AI4" s="712"/>
      <c r="AJ4" s="712"/>
      <c r="AK4" s="712"/>
      <c r="AL4" s="712"/>
      <c r="AM4" s="712"/>
      <c r="AN4" s="712"/>
      <c r="AO4" s="712"/>
      <c r="AP4" s="712"/>
      <c r="AQ4" s="712"/>
      <c r="AR4" s="712"/>
      <c r="AS4" s="712"/>
      <c r="AT4" s="712"/>
      <c r="AU4" s="712"/>
      <c r="AV4" s="712"/>
      <c r="AW4" s="712"/>
      <c r="AX4" s="712"/>
      <c r="AY4" s="712"/>
      <c r="AZ4" s="712"/>
      <c r="BA4" s="712"/>
      <c r="BB4" s="712"/>
      <c r="BC4" s="712"/>
      <c r="BD4" s="712"/>
      <c r="BE4" s="712"/>
      <c r="BF4" s="712"/>
      <c r="BG4" s="712"/>
      <c r="BH4" s="712"/>
      <c r="BI4" s="712"/>
      <c r="BJ4" s="712"/>
      <c r="BK4" s="712"/>
      <c r="BL4" s="712"/>
      <c r="BM4" s="712"/>
      <c r="BN4" s="712"/>
      <c r="BO4" s="712"/>
      <c r="BP4" s="712"/>
      <c r="BQ4" s="712"/>
      <c r="BR4" s="712"/>
      <c r="BS4" s="712"/>
      <c r="BT4" s="712"/>
      <c r="BU4" s="712"/>
      <c r="BV4" s="712"/>
      <c r="BW4" s="712"/>
      <c r="BX4" s="712"/>
      <c r="BY4" s="712"/>
      <c r="BZ4" s="712"/>
      <c r="CA4" s="712"/>
      <c r="CB4" s="712"/>
      <c r="CC4" s="712"/>
      <c r="CD4" s="712"/>
      <c r="CE4" s="712"/>
      <c r="CF4" s="712"/>
      <c r="CG4" s="712"/>
      <c r="CH4" s="712"/>
      <c r="CI4" s="712"/>
      <c r="CJ4" s="712"/>
      <c r="CK4" s="712"/>
      <c r="CL4" s="712"/>
      <c r="CM4" s="712"/>
      <c r="CN4" s="712"/>
      <c r="CO4" s="712"/>
      <c r="CP4" s="712"/>
      <c r="CQ4" s="712"/>
      <c r="CR4" s="712"/>
      <c r="CS4" s="712"/>
      <c r="CT4" s="712"/>
      <c r="CU4" s="712"/>
      <c r="CV4" s="712"/>
      <c r="CW4" s="712"/>
      <c r="CX4" s="712"/>
      <c r="CY4" s="712"/>
      <c r="CZ4" s="712"/>
      <c r="DA4" s="712"/>
      <c r="DB4" s="712"/>
      <c r="DC4" s="712"/>
      <c r="DD4" s="712"/>
      <c r="DE4" s="712"/>
      <c r="DF4" s="712"/>
      <c r="DG4" s="712"/>
      <c r="DH4" s="712"/>
      <c r="DI4" s="712"/>
      <c r="DJ4" s="712"/>
      <c r="DK4" s="712"/>
      <c r="DL4" s="712"/>
      <c r="DM4" s="712"/>
      <c r="DN4" s="712"/>
      <c r="DO4" s="712"/>
      <c r="DP4" s="712"/>
      <c r="DQ4" s="712"/>
      <c r="DR4" s="712"/>
      <c r="DS4" s="712"/>
      <c r="DT4" s="712"/>
      <c r="DU4" s="712"/>
      <c r="DV4" s="712"/>
      <c r="DW4" s="712"/>
      <c r="DX4" s="712"/>
      <c r="DY4" s="712"/>
      <c r="DZ4" s="712"/>
      <c r="EA4" s="712"/>
      <c r="EB4" s="712"/>
      <c r="EC4" s="712"/>
      <c r="ED4" s="712"/>
      <c r="EE4" s="712"/>
      <c r="EF4" s="712"/>
      <c r="EG4" s="712"/>
      <c r="EH4" s="712"/>
      <c r="EI4" s="712"/>
      <c r="EJ4" s="712"/>
      <c r="EK4" s="712"/>
      <c r="EL4" s="712"/>
      <c r="EM4" s="712"/>
      <c r="EN4" s="712"/>
      <c r="EO4" s="712"/>
      <c r="EP4" s="712"/>
      <c r="EQ4" s="712"/>
      <c r="ER4" s="712"/>
      <c r="ES4" s="712"/>
      <c r="ET4" s="712"/>
      <c r="EU4" s="712"/>
      <c r="EV4" s="712"/>
      <c r="EW4" s="712"/>
      <c r="EX4" s="712"/>
      <c r="EY4" s="712"/>
      <c r="EZ4" s="712"/>
      <c r="FA4" s="712"/>
      <c r="FB4" s="712"/>
      <c r="FC4" s="712"/>
      <c r="FD4" s="712"/>
      <c r="FE4" s="712"/>
      <c r="FF4" s="712"/>
      <c r="FG4" s="712"/>
      <c r="FH4" s="712"/>
      <c r="FI4" s="712"/>
      <c r="FJ4" s="712"/>
      <c r="FK4" s="712"/>
      <c r="FL4" s="712"/>
      <c r="FM4" s="712"/>
      <c r="FN4" s="712"/>
      <c r="FO4" s="712"/>
      <c r="FP4" s="712"/>
      <c r="FQ4" s="712"/>
      <c r="FR4" s="712"/>
      <c r="FS4" s="712"/>
      <c r="FT4" s="712"/>
      <c r="FU4" s="712"/>
      <c r="FV4" s="712"/>
      <c r="FW4" s="712"/>
      <c r="FX4" s="712"/>
      <c r="FY4" s="712"/>
      <c r="FZ4" s="712"/>
      <c r="GA4" s="712"/>
      <c r="GB4" s="712"/>
      <c r="GC4" s="712"/>
      <c r="GD4" s="712"/>
      <c r="GE4" s="712"/>
      <c r="GF4" s="712"/>
      <c r="GG4" s="712"/>
      <c r="GH4" s="712"/>
      <c r="GI4" s="712"/>
      <c r="GJ4" s="712"/>
      <c r="GK4" s="712"/>
      <c r="GL4" s="712"/>
      <c r="GM4" s="712"/>
      <c r="GN4" s="712"/>
      <c r="GO4" s="712"/>
      <c r="GP4" s="712"/>
      <c r="GQ4" s="712"/>
      <c r="GR4" s="712"/>
      <c r="GS4" s="712"/>
      <c r="GT4" s="712"/>
      <c r="GU4" s="712"/>
      <c r="GV4" s="712"/>
      <c r="GW4" s="712"/>
      <c r="GX4" s="712"/>
      <c r="GY4" s="712"/>
      <c r="GZ4" s="712"/>
      <c r="HA4" s="712"/>
      <c r="HB4" s="712"/>
      <c r="HC4" s="712"/>
      <c r="HD4" s="712"/>
      <c r="HE4" s="712"/>
      <c r="HF4" s="712"/>
      <c r="HG4" s="712"/>
      <c r="HH4" s="712"/>
      <c r="HI4" s="712"/>
      <c r="HJ4" s="712"/>
      <c r="HK4" s="712"/>
      <c r="HL4" s="712"/>
      <c r="HM4" s="712"/>
      <c r="HN4" s="712"/>
      <c r="HO4" s="712"/>
      <c r="HP4" s="712"/>
      <c r="HQ4" s="712"/>
      <c r="HR4" s="712"/>
      <c r="HS4" s="712"/>
      <c r="HT4" s="712"/>
      <c r="HU4" s="712"/>
      <c r="HV4" s="712"/>
      <c r="HW4" s="712"/>
      <c r="HX4" s="713"/>
      <c r="HY4" s="608" t="s">
        <v>85</v>
      </c>
      <c r="HZ4" s="609"/>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10"/>
      <c r="ME4" s="608" t="s">
        <v>86</v>
      </c>
      <c r="MF4" s="609"/>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10"/>
      <c r="OH4" s="599" t="s">
        <v>60</v>
      </c>
      <c r="OI4" s="503"/>
      <c r="OJ4" s="503"/>
      <c r="OK4" s="503"/>
      <c r="OL4" s="503"/>
      <c r="OM4" s="503"/>
      <c r="ON4" s="503"/>
      <c r="OO4" s="503"/>
      <c r="OP4" s="503"/>
      <c r="OQ4" s="503"/>
      <c r="OR4" s="504"/>
    </row>
    <row r="5" spans="1:408" ht="18" customHeight="1" thickBot="1" x14ac:dyDescent="0.25">
      <c r="A5" s="707"/>
      <c r="B5" s="710"/>
      <c r="C5" s="710"/>
      <c r="D5" s="710"/>
      <c r="E5" s="710"/>
      <c r="F5" s="710"/>
      <c r="G5" s="710"/>
      <c r="H5" s="710"/>
      <c r="I5" s="710"/>
      <c r="J5" s="710"/>
      <c r="K5" s="710"/>
      <c r="L5" s="710"/>
      <c r="M5" s="714" t="s">
        <v>64</v>
      </c>
      <c r="N5" s="715"/>
      <c r="O5" s="715"/>
      <c r="P5" s="715"/>
      <c r="Q5" s="715"/>
      <c r="R5" s="715"/>
      <c r="S5" s="715"/>
      <c r="T5" s="715"/>
      <c r="U5" s="715"/>
      <c r="V5" s="715"/>
      <c r="W5" s="715"/>
      <c r="X5" s="715"/>
      <c r="Y5" s="715"/>
      <c r="Z5" s="715"/>
      <c r="AA5" s="715"/>
      <c r="AB5" s="715"/>
      <c r="AC5" s="715"/>
      <c r="AD5" s="715"/>
      <c r="AE5" s="715"/>
      <c r="AF5" s="715"/>
      <c r="AG5" s="715"/>
      <c r="AH5" s="715"/>
      <c r="AI5" s="715"/>
      <c r="AJ5" s="715"/>
      <c r="AK5" s="715"/>
      <c r="AL5" s="715"/>
      <c r="AM5" s="715"/>
      <c r="AN5" s="715"/>
      <c r="AO5" s="715"/>
      <c r="AP5" s="715"/>
      <c r="AQ5" s="715"/>
      <c r="AR5" s="715"/>
      <c r="AS5" s="715"/>
      <c r="AT5" s="715"/>
      <c r="AU5" s="715"/>
      <c r="AV5" s="715"/>
      <c r="AW5" s="715"/>
      <c r="AX5" s="715"/>
      <c r="AY5" s="715"/>
      <c r="AZ5" s="715"/>
      <c r="BA5" s="715"/>
      <c r="BB5" s="715"/>
      <c r="BC5" s="715"/>
      <c r="BD5" s="715"/>
      <c r="BE5" s="715"/>
      <c r="BF5" s="715"/>
      <c r="BG5" s="715"/>
      <c r="BH5" s="715"/>
      <c r="BI5" s="715"/>
      <c r="BJ5" s="715"/>
      <c r="BK5" s="715"/>
      <c r="BL5" s="715"/>
      <c r="BM5" s="715"/>
      <c r="BN5" s="715"/>
      <c r="BO5" s="715"/>
      <c r="BP5" s="715"/>
      <c r="BQ5" s="715"/>
      <c r="BR5" s="715"/>
      <c r="BS5" s="715"/>
      <c r="BT5" s="715"/>
      <c r="BU5" s="715"/>
      <c r="BV5" s="715"/>
      <c r="BW5" s="715"/>
      <c r="BX5" s="715"/>
      <c r="BY5" s="715"/>
      <c r="BZ5" s="716"/>
      <c r="CA5" s="714" t="s">
        <v>65</v>
      </c>
      <c r="CB5" s="715"/>
      <c r="CC5" s="715"/>
      <c r="CD5" s="715"/>
      <c r="CE5" s="715"/>
      <c r="CF5" s="715"/>
      <c r="CG5" s="715"/>
      <c r="CH5" s="715"/>
      <c r="CI5" s="715"/>
      <c r="CJ5" s="715"/>
      <c r="CK5" s="715"/>
      <c r="CL5" s="715"/>
      <c r="CM5" s="715"/>
      <c r="CN5" s="715"/>
      <c r="CO5" s="715"/>
      <c r="CP5" s="715"/>
      <c r="CQ5" s="715"/>
      <c r="CR5" s="715"/>
      <c r="CS5" s="715"/>
      <c r="CT5" s="715"/>
      <c r="CU5" s="715"/>
      <c r="CV5" s="715"/>
      <c r="CW5" s="715"/>
      <c r="CX5" s="715"/>
      <c r="CY5" s="715"/>
      <c r="CZ5" s="715"/>
      <c r="DA5" s="715"/>
      <c r="DB5" s="715"/>
      <c r="DC5" s="715"/>
      <c r="DD5" s="715"/>
      <c r="DE5" s="715"/>
      <c r="DF5" s="715"/>
      <c r="DG5" s="716"/>
      <c r="DH5" s="520" t="s">
        <v>66</v>
      </c>
      <c r="DI5" s="521"/>
      <c r="DJ5" s="521"/>
      <c r="DK5" s="521"/>
      <c r="DL5" s="521"/>
      <c r="DM5" s="521"/>
      <c r="DN5" s="521"/>
      <c r="DO5" s="521"/>
      <c r="DP5" s="521"/>
      <c r="DQ5" s="521"/>
      <c r="DR5" s="521"/>
      <c r="DS5" s="521"/>
      <c r="DT5" s="521"/>
      <c r="DU5" s="521"/>
      <c r="DV5" s="521"/>
      <c r="DW5" s="521"/>
      <c r="DX5" s="521"/>
      <c r="DY5" s="521"/>
      <c r="DZ5" s="521"/>
      <c r="EA5" s="521"/>
      <c r="EB5" s="521"/>
      <c r="EC5" s="521"/>
      <c r="ED5" s="521"/>
      <c r="EE5" s="521"/>
      <c r="EF5" s="521"/>
      <c r="EG5" s="521"/>
      <c r="EH5" s="521"/>
      <c r="EI5" s="521"/>
      <c r="EJ5" s="521"/>
      <c r="EK5" s="521"/>
      <c r="EL5" s="521"/>
      <c r="EM5" s="521"/>
      <c r="EN5" s="521"/>
      <c r="EO5" s="521"/>
      <c r="EP5" s="521"/>
      <c r="EQ5" s="521"/>
      <c r="ER5" s="521"/>
      <c r="ES5" s="521"/>
      <c r="ET5" s="521"/>
      <c r="EU5" s="521"/>
      <c r="EV5" s="521"/>
      <c r="EW5" s="521"/>
      <c r="EX5" s="521"/>
      <c r="EY5" s="521"/>
      <c r="EZ5" s="521"/>
      <c r="FA5" s="521"/>
      <c r="FB5" s="521"/>
      <c r="FC5" s="521"/>
      <c r="FD5" s="521"/>
      <c r="FE5" s="521"/>
      <c r="FF5" s="521"/>
      <c r="FG5" s="521"/>
      <c r="FH5" s="521"/>
      <c r="FI5" s="521"/>
      <c r="FJ5" s="522"/>
      <c r="FK5" s="714" t="s">
        <v>67</v>
      </c>
      <c r="FL5" s="715"/>
      <c r="FM5" s="715"/>
      <c r="FN5" s="715"/>
      <c r="FO5" s="715"/>
      <c r="FP5" s="715"/>
      <c r="FQ5" s="715"/>
      <c r="FR5" s="715"/>
      <c r="FS5" s="715"/>
      <c r="FT5" s="715"/>
      <c r="FU5" s="715"/>
      <c r="FV5" s="715"/>
      <c r="FW5" s="715"/>
      <c r="FX5" s="715"/>
      <c r="FY5" s="715"/>
      <c r="FZ5" s="715"/>
      <c r="GA5" s="715"/>
      <c r="GB5" s="715"/>
      <c r="GC5" s="715"/>
      <c r="GD5" s="715"/>
      <c r="GE5" s="715"/>
      <c r="GF5" s="715"/>
      <c r="GG5" s="715"/>
      <c r="GH5" s="715"/>
      <c r="GI5" s="715"/>
      <c r="GJ5" s="715"/>
      <c r="GK5" s="715"/>
      <c r="GL5" s="715"/>
      <c r="GM5" s="715"/>
      <c r="GN5" s="715"/>
      <c r="GO5" s="715"/>
      <c r="GP5" s="715"/>
      <c r="GQ5" s="715"/>
      <c r="GR5" s="715"/>
      <c r="GS5" s="715"/>
      <c r="GT5" s="715"/>
      <c r="GU5" s="715"/>
      <c r="GV5" s="715"/>
      <c r="GW5" s="715"/>
      <c r="GX5" s="715"/>
      <c r="GY5" s="715"/>
      <c r="GZ5" s="715"/>
      <c r="HA5" s="715"/>
      <c r="HB5" s="716"/>
      <c r="HC5" s="717" t="s">
        <v>68</v>
      </c>
      <c r="HD5" s="718"/>
      <c r="HE5" s="718"/>
      <c r="HF5" s="718"/>
      <c r="HG5" s="718"/>
      <c r="HH5" s="718"/>
      <c r="HI5" s="718"/>
      <c r="HJ5" s="718"/>
      <c r="HK5" s="718"/>
      <c r="HL5" s="718"/>
      <c r="HM5" s="719"/>
      <c r="HN5" s="717" t="s">
        <v>69</v>
      </c>
      <c r="HO5" s="718"/>
      <c r="HP5" s="718"/>
      <c r="HQ5" s="718"/>
      <c r="HR5" s="718"/>
      <c r="HS5" s="718"/>
      <c r="HT5" s="718"/>
      <c r="HU5" s="718"/>
      <c r="HV5" s="718"/>
      <c r="HW5" s="718"/>
      <c r="HX5" s="719"/>
      <c r="HY5" s="659"/>
      <c r="HZ5" s="660"/>
      <c r="IA5" s="660"/>
      <c r="IB5" s="660"/>
      <c r="IC5" s="660"/>
      <c r="ID5" s="660"/>
      <c r="IE5" s="660"/>
      <c r="IF5" s="660"/>
      <c r="IG5" s="660"/>
      <c r="IH5" s="660"/>
      <c r="II5" s="661"/>
      <c r="IJ5" s="599" t="s">
        <v>94</v>
      </c>
      <c r="IK5" s="503"/>
      <c r="IL5" s="503"/>
      <c r="IM5" s="503"/>
      <c r="IN5" s="503"/>
      <c r="IO5" s="503"/>
      <c r="IP5" s="503"/>
      <c r="IQ5" s="503"/>
      <c r="IR5" s="503"/>
      <c r="IS5" s="503"/>
      <c r="IT5" s="504"/>
      <c r="IU5" s="599" t="s">
        <v>88</v>
      </c>
      <c r="IV5" s="503"/>
      <c r="IW5" s="503"/>
      <c r="IX5" s="503"/>
      <c r="IY5" s="503"/>
      <c r="IZ5" s="503"/>
      <c r="JA5" s="503"/>
      <c r="JB5" s="503"/>
      <c r="JC5" s="503"/>
      <c r="JD5" s="503"/>
      <c r="JE5" s="504"/>
      <c r="JF5" s="662" t="s">
        <v>144</v>
      </c>
      <c r="JG5" s="663"/>
      <c r="JH5" s="663"/>
      <c r="JI5" s="663"/>
      <c r="JJ5" s="663"/>
      <c r="JK5" s="663"/>
      <c r="JL5" s="663"/>
      <c r="JM5" s="663"/>
      <c r="JN5" s="663"/>
      <c r="JO5" s="663"/>
      <c r="JP5" s="664"/>
      <c r="JQ5" s="599" t="s">
        <v>90</v>
      </c>
      <c r="JR5" s="503"/>
      <c r="JS5" s="503"/>
      <c r="JT5" s="503"/>
      <c r="JU5" s="503"/>
      <c r="JV5" s="503"/>
      <c r="JW5" s="503"/>
      <c r="JX5" s="503"/>
      <c r="JY5" s="503"/>
      <c r="JZ5" s="503"/>
      <c r="KA5" s="504"/>
      <c r="KB5" s="599" t="s">
        <v>89</v>
      </c>
      <c r="KC5" s="503"/>
      <c r="KD5" s="503"/>
      <c r="KE5" s="503"/>
      <c r="KF5" s="503"/>
      <c r="KG5" s="503"/>
      <c r="KH5" s="503"/>
      <c r="KI5" s="503"/>
      <c r="KJ5" s="503"/>
      <c r="KK5" s="503"/>
      <c r="KL5" s="504"/>
      <c r="KM5" s="599" t="s">
        <v>91</v>
      </c>
      <c r="KN5" s="503"/>
      <c r="KO5" s="503"/>
      <c r="KP5" s="503"/>
      <c r="KQ5" s="503"/>
      <c r="KR5" s="503"/>
      <c r="KS5" s="503"/>
      <c r="KT5" s="503"/>
      <c r="KU5" s="503"/>
      <c r="KV5" s="503"/>
      <c r="KW5" s="504"/>
      <c r="KX5" s="599" t="s">
        <v>92</v>
      </c>
      <c r="KY5" s="503"/>
      <c r="KZ5" s="503"/>
      <c r="LA5" s="503"/>
      <c r="LB5" s="503"/>
      <c r="LC5" s="503"/>
      <c r="LD5" s="503"/>
      <c r="LE5" s="503"/>
      <c r="LF5" s="503"/>
      <c r="LG5" s="503"/>
      <c r="LH5" s="504"/>
      <c r="LI5" s="668" t="s">
        <v>93</v>
      </c>
      <c r="LJ5" s="669"/>
      <c r="LK5" s="669"/>
      <c r="LL5" s="669"/>
      <c r="LM5" s="669"/>
      <c r="LN5" s="669"/>
      <c r="LO5" s="669"/>
      <c r="LP5" s="669"/>
      <c r="LQ5" s="669"/>
      <c r="LR5" s="669"/>
      <c r="LS5" s="670"/>
      <c r="LT5" s="671" t="s">
        <v>145</v>
      </c>
      <c r="LU5" s="672"/>
      <c r="LV5" s="672"/>
      <c r="LW5" s="672"/>
      <c r="LX5" s="672"/>
      <c r="LY5" s="672"/>
      <c r="LZ5" s="672"/>
      <c r="MA5" s="672"/>
      <c r="MB5" s="672"/>
      <c r="MC5" s="672"/>
      <c r="MD5" s="673"/>
      <c r="ME5" s="659"/>
      <c r="MF5" s="660"/>
      <c r="MG5" s="660"/>
      <c r="MH5" s="660"/>
      <c r="MI5" s="660"/>
      <c r="MJ5" s="660"/>
      <c r="MK5" s="660"/>
      <c r="ML5" s="660"/>
      <c r="MM5" s="660"/>
      <c r="MN5" s="660"/>
      <c r="MO5" s="661"/>
      <c r="MP5" s="599" t="s">
        <v>57</v>
      </c>
      <c r="MQ5" s="503"/>
      <c r="MR5" s="503"/>
      <c r="MS5" s="503"/>
      <c r="MT5" s="503"/>
      <c r="MU5" s="503"/>
      <c r="MV5" s="503"/>
      <c r="MW5" s="503"/>
      <c r="MX5" s="503"/>
      <c r="MY5" s="503"/>
      <c r="MZ5" s="504"/>
      <c r="NA5" s="599" t="s">
        <v>58</v>
      </c>
      <c r="NB5" s="503"/>
      <c r="NC5" s="503"/>
      <c r="ND5" s="503"/>
      <c r="NE5" s="503"/>
      <c r="NF5" s="503"/>
      <c r="NG5" s="503"/>
      <c r="NH5" s="503"/>
      <c r="NI5" s="503"/>
      <c r="NJ5" s="503"/>
      <c r="NK5" s="504"/>
      <c r="NL5" s="599" t="s">
        <v>59</v>
      </c>
      <c r="NM5" s="503"/>
      <c r="NN5" s="503"/>
      <c r="NO5" s="503"/>
      <c r="NP5" s="503"/>
      <c r="NQ5" s="503"/>
      <c r="NR5" s="503"/>
      <c r="NS5" s="503"/>
      <c r="NT5" s="503"/>
      <c r="NU5" s="503"/>
      <c r="NV5" s="504"/>
      <c r="NW5" s="649" t="s">
        <v>151</v>
      </c>
      <c r="NX5" s="650"/>
      <c r="NY5" s="650"/>
      <c r="NZ5" s="650"/>
      <c r="OA5" s="650"/>
      <c r="OB5" s="650"/>
      <c r="OC5" s="650"/>
      <c r="OD5" s="650"/>
      <c r="OE5" s="650"/>
      <c r="OF5" s="650"/>
      <c r="OG5" s="651"/>
      <c r="OH5" s="656"/>
      <c r="OI5" s="657"/>
      <c r="OJ5" s="657"/>
      <c r="OK5" s="657"/>
      <c r="OL5" s="657"/>
      <c r="OM5" s="657"/>
      <c r="ON5" s="657"/>
      <c r="OO5" s="657"/>
      <c r="OP5" s="657"/>
      <c r="OQ5" s="657"/>
      <c r="OR5" s="658"/>
    </row>
    <row r="6" spans="1:408" ht="18" customHeight="1" thickBot="1" x14ac:dyDescent="0.25">
      <c r="A6" s="707"/>
      <c r="B6" s="711"/>
      <c r="C6" s="711"/>
      <c r="D6" s="711"/>
      <c r="E6" s="711"/>
      <c r="F6" s="711"/>
      <c r="G6" s="711"/>
      <c r="H6" s="711"/>
      <c r="I6" s="711"/>
      <c r="J6" s="711"/>
      <c r="K6" s="711"/>
      <c r="L6" s="711"/>
      <c r="M6" s="512"/>
      <c r="N6" s="513"/>
      <c r="O6" s="513"/>
      <c r="P6" s="513"/>
      <c r="Q6" s="513"/>
      <c r="R6" s="513"/>
      <c r="S6" s="513"/>
      <c r="T6" s="513"/>
      <c r="U6" s="513"/>
      <c r="V6" s="513"/>
      <c r="W6" s="514"/>
      <c r="X6" s="699" t="s">
        <v>70</v>
      </c>
      <c r="Y6" s="516"/>
      <c r="Z6" s="516"/>
      <c r="AA6" s="516"/>
      <c r="AB6" s="516"/>
      <c r="AC6" s="516"/>
      <c r="AD6" s="516"/>
      <c r="AE6" s="516"/>
      <c r="AF6" s="516"/>
      <c r="AG6" s="516"/>
      <c r="AH6" s="517"/>
      <c r="AI6" s="694" t="s">
        <v>71</v>
      </c>
      <c r="AJ6" s="695"/>
      <c r="AK6" s="695"/>
      <c r="AL6" s="695"/>
      <c r="AM6" s="695"/>
      <c r="AN6" s="695"/>
      <c r="AO6" s="695"/>
      <c r="AP6" s="695"/>
      <c r="AQ6" s="695"/>
      <c r="AR6" s="695"/>
      <c r="AS6" s="696"/>
      <c r="AT6" s="694" t="s">
        <v>72</v>
      </c>
      <c r="AU6" s="695"/>
      <c r="AV6" s="695"/>
      <c r="AW6" s="695"/>
      <c r="AX6" s="695"/>
      <c r="AY6" s="695"/>
      <c r="AZ6" s="695"/>
      <c r="BA6" s="695"/>
      <c r="BB6" s="695"/>
      <c r="BC6" s="695"/>
      <c r="BD6" s="696"/>
      <c r="BE6" s="694" t="s">
        <v>73</v>
      </c>
      <c r="BF6" s="695"/>
      <c r="BG6" s="695"/>
      <c r="BH6" s="695"/>
      <c r="BI6" s="695"/>
      <c r="BJ6" s="695"/>
      <c r="BK6" s="695"/>
      <c r="BL6" s="695"/>
      <c r="BM6" s="695"/>
      <c r="BN6" s="695"/>
      <c r="BO6" s="696"/>
      <c r="BP6" s="694" t="s">
        <v>74</v>
      </c>
      <c r="BQ6" s="695"/>
      <c r="BR6" s="695"/>
      <c r="BS6" s="695"/>
      <c r="BT6" s="695"/>
      <c r="BU6" s="695"/>
      <c r="BV6" s="695"/>
      <c r="BW6" s="695"/>
      <c r="BX6" s="695"/>
      <c r="BY6" s="695"/>
      <c r="BZ6" s="696"/>
      <c r="CA6" s="697"/>
      <c r="CB6" s="698"/>
      <c r="CC6" s="698"/>
      <c r="CD6" s="698"/>
      <c r="CE6" s="698"/>
      <c r="CF6" s="698"/>
      <c r="CG6" s="698"/>
      <c r="CH6" s="698"/>
      <c r="CI6" s="698"/>
      <c r="CJ6" s="698"/>
      <c r="CK6" s="723"/>
      <c r="CL6" s="694" t="s">
        <v>75</v>
      </c>
      <c r="CM6" s="695"/>
      <c r="CN6" s="695"/>
      <c r="CO6" s="695"/>
      <c r="CP6" s="695"/>
      <c r="CQ6" s="695"/>
      <c r="CR6" s="695"/>
      <c r="CS6" s="695"/>
      <c r="CT6" s="695"/>
      <c r="CU6" s="695"/>
      <c r="CV6" s="696"/>
      <c r="CW6" s="694" t="s">
        <v>76</v>
      </c>
      <c r="CX6" s="695"/>
      <c r="CY6" s="695"/>
      <c r="CZ6" s="695"/>
      <c r="DA6" s="695"/>
      <c r="DB6" s="695"/>
      <c r="DC6" s="695"/>
      <c r="DD6" s="695"/>
      <c r="DE6" s="695"/>
      <c r="DF6" s="695"/>
      <c r="DG6" s="696"/>
      <c r="DH6" s="697"/>
      <c r="DI6" s="698"/>
      <c r="DJ6" s="698"/>
      <c r="DK6" s="698"/>
      <c r="DL6" s="698"/>
      <c r="DM6" s="698"/>
      <c r="DN6" s="698"/>
      <c r="DO6" s="698"/>
      <c r="DP6" s="698"/>
      <c r="DQ6" s="698"/>
      <c r="DR6" s="698"/>
      <c r="DS6" s="694" t="s">
        <v>77</v>
      </c>
      <c r="DT6" s="695"/>
      <c r="DU6" s="695"/>
      <c r="DV6" s="695"/>
      <c r="DW6" s="695"/>
      <c r="DX6" s="695"/>
      <c r="DY6" s="695"/>
      <c r="DZ6" s="695"/>
      <c r="EA6" s="695"/>
      <c r="EB6" s="695"/>
      <c r="EC6" s="696"/>
      <c r="ED6" s="694" t="s">
        <v>78</v>
      </c>
      <c r="EE6" s="695"/>
      <c r="EF6" s="695"/>
      <c r="EG6" s="695"/>
      <c r="EH6" s="695"/>
      <c r="EI6" s="695"/>
      <c r="EJ6" s="695"/>
      <c r="EK6" s="695"/>
      <c r="EL6" s="695"/>
      <c r="EM6" s="695"/>
      <c r="EN6" s="696"/>
      <c r="EO6" s="694" t="s">
        <v>79</v>
      </c>
      <c r="EP6" s="695"/>
      <c r="EQ6" s="695"/>
      <c r="ER6" s="695"/>
      <c r="ES6" s="695"/>
      <c r="ET6" s="695"/>
      <c r="EU6" s="695"/>
      <c r="EV6" s="695"/>
      <c r="EW6" s="695"/>
      <c r="EX6" s="695"/>
      <c r="EY6" s="696"/>
      <c r="EZ6" s="618" t="s">
        <v>152</v>
      </c>
      <c r="FA6" s="695"/>
      <c r="FB6" s="695"/>
      <c r="FC6" s="695"/>
      <c r="FD6" s="695"/>
      <c r="FE6" s="695"/>
      <c r="FF6" s="695"/>
      <c r="FG6" s="695"/>
      <c r="FH6" s="695"/>
      <c r="FI6" s="695"/>
      <c r="FJ6" s="696"/>
      <c r="FK6" s="697"/>
      <c r="FL6" s="698"/>
      <c r="FM6" s="698"/>
      <c r="FN6" s="698"/>
      <c r="FO6" s="698"/>
      <c r="FP6" s="698"/>
      <c r="FQ6" s="698"/>
      <c r="FR6" s="698"/>
      <c r="FS6" s="698"/>
      <c r="FT6" s="698"/>
      <c r="FU6" s="698"/>
      <c r="FV6" s="694" t="s">
        <v>80</v>
      </c>
      <c r="FW6" s="695"/>
      <c r="FX6" s="695"/>
      <c r="FY6" s="695"/>
      <c r="FZ6" s="695"/>
      <c r="GA6" s="695"/>
      <c r="GB6" s="695"/>
      <c r="GC6" s="695"/>
      <c r="GD6" s="695"/>
      <c r="GE6" s="695"/>
      <c r="GF6" s="696"/>
      <c r="GG6" s="699" t="s">
        <v>81</v>
      </c>
      <c r="GH6" s="516"/>
      <c r="GI6" s="516"/>
      <c r="GJ6" s="516"/>
      <c r="GK6" s="516"/>
      <c r="GL6" s="516"/>
      <c r="GM6" s="516"/>
      <c r="GN6" s="516"/>
      <c r="GO6" s="516"/>
      <c r="GP6" s="516"/>
      <c r="GQ6" s="517"/>
      <c r="GR6" s="699" t="s">
        <v>82</v>
      </c>
      <c r="GS6" s="516"/>
      <c r="GT6" s="516"/>
      <c r="GU6" s="516"/>
      <c r="GV6" s="516"/>
      <c r="GW6" s="516"/>
      <c r="GX6" s="516"/>
      <c r="GY6" s="516"/>
      <c r="GZ6" s="516"/>
      <c r="HA6" s="516"/>
      <c r="HB6" s="517"/>
      <c r="HC6" s="720"/>
      <c r="HD6" s="721"/>
      <c r="HE6" s="721"/>
      <c r="HF6" s="721"/>
      <c r="HG6" s="721"/>
      <c r="HH6" s="721"/>
      <c r="HI6" s="721"/>
      <c r="HJ6" s="721"/>
      <c r="HK6" s="721"/>
      <c r="HL6" s="721"/>
      <c r="HM6" s="722"/>
      <c r="HN6" s="720"/>
      <c r="HO6" s="721"/>
      <c r="HP6" s="721"/>
      <c r="HQ6" s="721"/>
      <c r="HR6" s="721"/>
      <c r="HS6" s="721"/>
      <c r="HT6" s="721"/>
      <c r="HU6" s="721"/>
      <c r="HV6" s="721"/>
      <c r="HW6" s="721"/>
      <c r="HX6" s="722"/>
      <c r="HY6" s="612"/>
      <c r="HZ6" s="613"/>
      <c r="IA6" s="613"/>
      <c r="IB6" s="613"/>
      <c r="IC6" s="613"/>
      <c r="ID6" s="613"/>
      <c r="IE6" s="613"/>
      <c r="IF6" s="613"/>
      <c r="IG6" s="613"/>
      <c r="IH6" s="613"/>
      <c r="II6" s="614"/>
      <c r="IJ6" s="600"/>
      <c r="IK6" s="593"/>
      <c r="IL6" s="593"/>
      <c r="IM6" s="593"/>
      <c r="IN6" s="593"/>
      <c r="IO6" s="593"/>
      <c r="IP6" s="593"/>
      <c r="IQ6" s="593"/>
      <c r="IR6" s="593"/>
      <c r="IS6" s="593"/>
      <c r="IT6" s="601"/>
      <c r="IU6" s="600"/>
      <c r="IV6" s="593"/>
      <c r="IW6" s="593"/>
      <c r="IX6" s="593"/>
      <c r="IY6" s="593"/>
      <c r="IZ6" s="593"/>
      <c r="JA6" s="593"/>
      <c r="JB6" s="593"/>
      <c r="JC6" s="593"/>
      <c r="JD6" s="593"/>
      <c r="JE6" s="601"/>
      <c r="JF6" s="665"/>
      <c r="JG6" s="666"/>
      <c r="JH6" s="666"/>
      <c r="JI6" s="666"/>
      <c r="JJ6" s="666"/>
      <c r="JK6" s="666"/>
      <c r="JL6" s="666"/>
      <c r="JM6" s="666"/>
      <c r="JN6" s="666"/>
      <c r="JO6" s="666"/>
      <c r="JP6" s="667"/>
      <c r="JQ6" s="600"/>
      <c r="JR6" s="593"/>
      <c r="JS6" s="593"/>
      <c r="JT6" s="593"/>
      <c r="JU6" s="593"/>
      <c r="JV6" s="593"/>
      <c r="JW6" s="593"/>
      <c r="JX6" s="593"/>
      <c r="JY6" s="593"/>
      <c r="JZ6" s="593"/>
      <c r="KA6" s="601"/>
      <c r="KB6" s="600"/>
      <c r="KC6" s="593"/>
      <c r="KD6" s="593"/>
      <c r="KE6" s="593"/>
      <c r="KF6" s="593"/>
      <c r="KG6" s="593"/>
      <c r="KH6" s="593"/>
      <c r="KI6" s="593"/>
      <c r="KJ6" s="593"/>
      <c r="KK6" s="593"/>
      <c r="KL6" s="601"/>
      <c r="KM6" s="600"/>
      <c r="KN6" s="593"/>
      <c r="KO6" s="593"/>
      <c r="KP6" s="593"/>
      <c r="KQ6" s="593"/>
      <c r="KR6" s="593"/>
      <c r="KS6" s="593"/>
      <c r="KT6" s="593"/>
      <c r="KU6" s="593"/>
      <c r="KV6" s="593"/>
      <c r="KW6" s="601"/>
      <c r="KX6" s="600"/>
      <c r="KY6" s="593"/>
      <c r="KZ6" s="593"/>
      <c r="LA6" s="593"/>
      <c r="LB6" s="593"/>
      <c r="LC6" s="593"/>
      <c r="LD6" s="593"/>
      <c r="LE6" s="593"/>
      <c r="LF6" s="593"/>
      <c r="LG6" s="593"/>
      <c r="LH6" s="601"/>
      <c r="LI6" s="612"/>
      <c r="LJ6" s="613"/>
      <c r="LK6" s="613"/>
      <c r="LL6" s="613"/>
      <c r="LM6" s="613"/>
      <c r="LN6" s="613"/>
      <c r="LO6" s="613"/>
      <c r="LP6" s="613"/>
      <c r="LQ6" s="613"/>
      <c r="LR6" s="613"/>
      <c r="LS6" s="614"/>
      <c r="LT6" s="674"/>
      <c r="LU6" s="675"/>
      <c r="LV6" s="675"/>
      <c r="LW6" s="675"/>
      <c r="LX6" s="675"/>
      <c r="LY6" s="675"/>
      <c r="LZ6" s="675"/>
      <c r="MA6" s="675"/>
      <c r="MB6" s="675"/>
      <c r="MC6" s="675"/>
      <c r="MD6" s="676"/>
      <c r="ME6" s="612"/>
      <c r="MF6" s="613"/>
      <c r="MG6" s="613"/>
      <c r="MH6" s="613"/>
      <c r="MI6" s="613"/>
      <c r="MJ6" s="613"/>
      <c r="MK6" s="613"/>
      <c r="ML6" s="613"/>
      <c r="MM6" s="613"/>
      <c r="MN6" s="613"/>
      <c r="MO6" s="614"/>
      <c r="MP6" s="600"/>
      <c r="MQ6" s="593"/>
      <c r="MR6" s="593"/>
      <c r="MS6" s="593"/>
      <c r="MT6" s="593"/>
      <c r="MU6" s="593"/>
      <c r="MV6" s="593"/>
      <c r="MW6" s="593"/>
      <c r="MX6" s="593"/>
      <c r="MY6" s="593"/>
      <c r="MZ6" s="601"/>
      <c r="NA6" s="600"/>
      <c r="NB6" s="593"/>
      <c r="NC6" s="593"/>
      <c r="ND6" s="593"/>
      <c r="NE6" s="593"/>
      <c r="NF6" s="593"/>
      <c r="NG6" s="593"/>
      <c r="NH6" s="593"/>
      <c r="NI6" s="593"/>
      <c r="NJ6" s="593"/>
      <c r="NK6" s="601"/>
      <c r="NL6" s="600"/>
      <c r="NM6" s="593"/>
      <c r="NN6" s="593"/>
      <c r="NO6" s="593"/>
      <c r="NP6" s="593"/>
      <c r="NQ6" s="593"/>
      <c r="NR6" s="593"/>
      <c r="NS6" s="593"/>
      <c r="NT6" s="593"/>
      <c r="NU6" s="593"/>
      <c r="NV6" s="601"/>
      <c r="NW6" s="652"/>
      <c r="NX6" s="653"/>
      <c r="NY6" s="653"/>
      <c r="NZ6" s="653"/>
      <c r="OA6" s="653"/>
      <c r="OB6" s="653"/>
      <c r="OC6" s="653"/>
      <c r="OD6" s="653"/>
      <c r="OE6" s="653"/>
      <c r="OF6" s="653"/>
      <c r="OG6" s="654"/>
      <c r="OH6" s="600"/>
      <c r="OI6" s="593"/>
      <c r="OJ6" s="593"/>
      <c r="OK6" s="593"/>
      <c r="OL6" s="593"/>
      <c r="OM6" s="593"/>
      <c r="ON6" s="593"/>
      <c r="OO6" s="593"/>
      <c r="OP6" s="593"/>
      <c r="OQ6" s="593"/>
      <c r="OR6" s="601"/>
    </row>
    <row r="7" spans="1:408" ht="23.25" customHeight="1" x14ac:dyDescent="0.2">
      <c r="A7" s="707"/>
      <c r="B7" s="692" t="s">
        <v>61</v>
      </c>
      <c r="C7" s="692"/>
      <c r="D7" s="692"/>
      <c r="E7" s="704" t="s">
        <v>62</v>
      </c>
      <c r="F7" s="692"/>
      <c r="G7" s="692"/>
      <c r="H7" s="692"/>
      <c r="I7" s="692"/>
      <c r="J7" s="692"/>
      <c r="K7" s="692"/>
      <c r="L7" s="704" t="s">
        <v>52</v>
      </c>
      <c r="M7" s="703" t="s">
        <v>61</v>
      </c>
      <c r="N7" s="692"/>
      <c r="O7" s="692"/>
      <c r="P7" s="704" t="s">
        <v>62</v>
      </c>
      <c r="Q7" s="692"/>
      <c r="R7" s="692"/>
      <c r="S7" s="692"/>
      <c r="T7" s="692"/>
      <c r="U7" s="692"/>
      <c r="V7" s="705"/>
      <c r="W7" s="700" t="s">
        <v>52</v>
      </c>
      <c r="X7" s="512" t="s">
        <v>61</v>
      </c>
      <c r="Y7" s="513"/>
      <c r="Z7" s="686"/>
      <c r="AA7" s="685" t="s">
        <v>62</v>
      </c>
      <c r="AB7" s="513"/>
      <c r="AC7" s="513"/>
      <c r="AD7" s="513"/>
      <c r="AE7" s="513"/>
      <c r="AF7" s="513"/>
      <c r="AG7" s="686"/>
      <c r="AH7" s="514" t="s">
        <v>52</v>
      </c>
      <c r="AI7" s="680" t="s">
        <v>61</v>
      </c>
      <c r="AJ7" s="681"/>
      <c r="AK7" s="682"/>
      <c r="AL7" s="683" t="s">
        <v>62</v>
      </c>
      <c r="AM7" s="681"/>
      <c r="AN7" s="681"/>
      <c r="AO7" s="681"/>
      <c r="AP7" s="681"/>
      <c r="AQ7" s="681"/>
      <c r="AR7" s="684"/>
      <c r="AS7" s="514" t="s">
        <v>52</v>
      </c>
      <c r="AT7" s="680" t="s">
        <v>61</v>
      </c>
      <c r="AU7" s="681"/>
      <c r="AV7" s="682"/>
      <c r="AW7" s="683" t="s">
        <v>62</v>
      </c>
      <c r="AX7" s="681"/>
      <c r="AY7" s="681"/>
      <c r="AZ7" s="681"/>
      <c r="BA7" s="681"/>
      <c r="BB7" s="681"/>
      <c r="BC7" s="684"/>
      <c r="BD7" s="514" t="s">
        <v>52</v>
      </c>
      <c r="BE7" s="680" t="s">
        <v>61</v>
      </c>
      <c r="BF7" s="681"/>
      <c r="BG7" s="682"/>
      <c r="BH7" s="683" t="s">
        <v>62</v>
      </c>
      <c r="BI7" s="681"/>
      <c r="BJ7" s="681"/>
      <c r="BK7" s="681"/>
      <c r="BL7" s="681"/>
      <c r="BM7" s="681"/>
      <c r="BN7" s="684"/>
      <c r="BO7" s="514" t="s">
        <v>52</v>
      </c>
      <c r="BP7" s="680" t="s">
        <v>61</v>
      </c>
      <c r="BQ7" s="681"/>
      <c r="BR7" s="682"/>
      <c r="BS7" s="683" t="s">
        <v>62</v>
      </c>
      <c r="BT7" s="681"/>
      <c r="BU7" s="681"/>
      <c r="BV7" s="681"/>
      <c r="BW7" s="681"/>
      <c r="BX7" s="681"/>
      <c r="BY7" s="684"/>
      <c r="BZ7" s="514" t="s">
        <v>52</v>
      </c>
      <c r="CA7" s="687" t="s">
        <v>61</v>
      </c>
      <c r="CB7" s="688"/>
      <c r="CC7" s="689"/>
      <c r="CD7" s="690" t="s">
        <v>62</v>
      </c>
      <c r="CE7" s="688"/>
      <c r="CF7" s="688"/>
      <c r="CG7" s="688"/>
      <c r="CH7" s="688"/>
      <c r="CI7" s="688"/>
      <c r="CJ7" s="691"/>
      <c r="CK7" s="700" t="s">
        <v>52</v>
      </c>
      <c r="CL7" s="680" t="s">
        <v>61</v>
      </c>
      <c r="CM7" s="681"/>
      <c r="CN7" s="684"/>
      <c r="CO7" s="683" t="s">
        <v>62</v>
      </c>
      <c r="CP7" s="681"/>
      <c r="CQ7" s="681"/>
      <c r="CR7" s="681"/>
      <c r="CS7" s="681"/>
      <c r="CT7" s="681"/>
      <c r="CU7" s="684"/>
      <c r="CV7" s="702" t="s">
        <v>52</v>
      </c>
      <c r="CW7" s="680" t="s">
        <v>61</v>
      </c>
      <c r="CX7" s="681"/>
      <c r="CY7" s="684"/>
      <c r="CZ7" s="683" t="s">
        <v>62</v>
      </c>
      <c r="DA7" s="681"/>
      <c r="DB7" s="681"/>
      <c r="DC7" s="681"/>
      <c r="DD7" s="681"/>
      <c r="DE7" s="681"/>
      <c r="DF7" s="684"/>
      <c r="DG7" s="702" t="s">
        <v>52</v>
      </c>
      <c r="DH7" s="687" t="s">
        <v>61</v>
      </c>
      <c r="DI7" s="688"/>
      <c r="DJ7" s="691"/>
      <c r="DK7" s="690" t="s">
        <v>62</v>
      </c>
      <c r="DL7" s="688"/>
      <c r="DM7" s="688"/>
      <c r="DN7" s="688"/>
      <c r="DO7" s="688"/>
      <c r="DP7" s="688"/>
      <c r="DQ7" s="691"/>
      <c r="DR7" s="700" t="s">
        <v>52</v>
      </c>
      <c r="DS7" s="680" t="s">
        <v>61</v>
      </c>
      <c r="DT7" s="681"/>
      <c r="DU7" s="682"/>
      <c r="DV7" s="683" t="s">
        <v>62</v>
      </c>
      <c r="DW7" s="681"/>
      <c r="DX7" s="681"/>
      <c r="DY7" s="681"/>
      <c r="DZ7" s="681"/>
      <c r="EA7" s="681"/>
      <c r="EB7" s="684"/>
      <c r="EC7" s="514" t="s">
        <v>52</v>
      </c>
      <c r="ED7" s="680" t="s">
        <v>61</v>
      </c>
      <c r="EE7" s="681"/>
      <c r="EF7" s="682"/>
      <c r="EG7" s="683" t="s">
        <v>62</v>
      </c>
      <c r="EH7" s="681"/>
      <c r="EI7" s="681"/>
      <c r="EJ7" s="681"/>
      <c r="EK7" s="681"/>
      <c r="EL7" s="681"/>
      <c r="EM7" s="684"/>
      <c r="EN7" s="514" t="s">
        <v>52</v>
      </c>
      <c r="EO7" s="680" t="s">
        <v>61</v>
      </c>
      <c r="EP7" s="681"/>
      <c r="EQ7" s="682"/>
      <c r="ER7" s="683" t="s">
        <v>62</v>
      </c>
      <c r="ES7" s="681"/>
      <c r="ET7" s="681"/>
      <c r="EU7" s="681"/>
      <c r="EV7" s="681"/>
      <c r="EW7" s="681"/>
      <c r="EX7" s="684"/>
      <c r="EY7" s="514" t="s">
        <v>52</v>
      </c>
      <c r="EZ7" s="680" t="s">
        <v>61</v>
      </c>
      <c r="FA7" s="681"/>
      <c r="FB7" s="682"/>
      <c r="FC7" s="683" t="s">
        <v>62</v>
      </c>
      <c r="FD7" s="681"/>
      <c r="FE7" s="681"/>
      <c r="FF7" s="681"/>
      <c r="FG7" s="681"/>
      <c r="FH7" s="681"/>
      <c r="FI7" s="684"/>
      <c r="FJ7" s="514" t="s">
        <v>52</v>
      </c>
      <c r="FK7" s="687" t="s">
        <v>61</v>
      </c>
      <c r="FL7" s="688"/>
      <c r="FM7" s="689"/>
      <c r="FN7" s="690" t="s">
        <v>62</v>
      </c>
      <c r="FO7" s="688"/>
      <c r="FP7" s="688"/>
      <c r="FQ7" s="688"/>
      <c r="FR7" s="688"/>
      <c r="FS7" s="688"/>
      <c r="FT7" s="691"/>
      <c r="FU7" s="692" t="s">
        <v>52</v>
      </c>
      <c r="FV7" s="680" t="s">
        <v>61</v>
      </c>
      <c r="FW7" s="681"/>
      <c r="FX7" s="682"/>
      <c r="FY7" s="683" t="s">
        <v>62</v>
      </c>
      <c r="FZ7" s="681"/>
      <c r="GA7" s="681"/>
      <c r="GB7" s="681"/>
      <c r="GC7" s="681"/>
      <c r="GD7" s="681"/>
      <c r="GE7" s="684"/>
      <c r="GF7" s="514" t="s">
        <v>52</v>
      </c>
      <c r="GG7" s="512" t="s">
        <v>61</v>
      </c>
      <c r="GH7" s="513"/>
      <c r="GI7" s="513"/>
      <c r="GJ7" s="685" t="s">
        <v>62</v>
      </c>
      <c r="GK7" s="513"/>
      <c r="GL7" s="513"/>
      <c r="GM7" s="513"/>
      <c r="GN7" s="513"/>
      <c r="GO7" s="513"/>
      <c r="GP7" s="686"/>
      <c r="GQ7" s="678" t="s">
        <v>52</v>
      </c>
      <c r="GR7" s="512" t="s">
        <v>61</v>
      </c>
      <c r="GS7" s="513"/>
      <c r="GT7" s="686"/>
      <c r="GU7" s="685" t="s">
        <v>62</v>
      </c>
      <c r="GV7" s="513"/>
      <c r="GW7" s="513"/>
      <c r="GX7" s="513"/>
      <c r="GY7" s="513"/>
      <c r="GZ7" s="513"/>
      <c r="HA7" s="686"/>
      <c r="HB7" s="678" t="s">
        <v>52</v>
      </c>
      <c r="HC7" s="680" t="s">
        <v>61</v>
      </c>
      <c r="HD7" s="681"/>
      <c r="HE7" s="682"/>
      <c r="HF7" s="683" t="s">
        <v>62</v>
      </c>
      <c r="HG7" s="681"/>
      <c r="HH7" s="681"/>
      <c r="HI7" s="681"/>
      <c r="HJ7" s="681"/>
      <c r="HK7" s="681"/>
      <c r="HL7" s="684"/>
      <c r="HM7" s="514" t="s">
        <v>52</v>
      </c>
      <c r="HN7" s="680" t="s">
        <v>61</v>
      </c>
      <c r="HO7" s="681"/>
      <c r="HP7" s="682"/>
      <c r="HQ7" s="683" t="s">
        <v>62</v>
      </c>
      <c r="HR7" s="681"/>
      <c r="HS7" s="681"/>
      <c r="HT7" s="681"/>
      <c r="HU7" s="681"/>
      <c r="HV7" s="681"/>
      <c r="HW7" s="684"/>
      <c r="HX7" s="514" t="s">
        <v>52</v>
      </c>
      <c r="HY7" s="581" t="s">
        <v>61</v>
      </c>
      <c r="HZ7" s="582"/>
      <c r="IA7" s="583"/>
      <c r="IB7" s="640" t="s">
        <v>62</v>
      </c>
      <c r="IC7" s="582"/>
      <c r="ID7" s="582"/>
      <c r="IE7" s="582"/>
      <c r="IF7" s="582"/>
      <c r="IG7" s="582"/>
      <c r="IH7" s="641"/>
      <c r="II7" s="585" t="s">
        <v>52</v>
      </c>
      <c r="IJ7" s="589" t="s">
        <v>61</v>
      </c>
      <c r="IK7" s="590"/>
      <c r="IL7" s="591"/>
      <c r="IM7" s="638" t="s">
        <v>62</v>
      </c>
      <c r="IN7" s="590"/>
      <c r="IO7" s="590"/>
      <c r="IP7" s="590"/>
      <c r="IQ7" s="590"/>
      <c r="IR7" s="590"/>
      <c r="IS7" s="639"/>
      <c r="IT7" s="601" t="s">
        <v>52</v>
      </c>
      <c r="IU7" s="589" t="s">
        <v>61</v>
      </c>
      <c r="IV7" s="590"/>
      <c r="IW7" s="639"/>
      <c r="IX7" s="638" t="s">
        <v>62</v>
      </c>
      <c r="IY7" s="590"/>
      <c r="IZ7" s="590"/>
      <c r="JA7" s="590"/>
      <c r="JB7" s="590"/>
      <c r="JC7" s="590"/>
      <c r="JD7" s="639"/>
      <c r="JE7" s="601" t="s">
        <v>52</v>
      </c>
      <c r="JF7" s="589" t="s">
        <v>61</v>
      </c>
      <c r="JG7" s="590"/>
      <c r="JH7" s="591"/>
      <c r="JI7" s="638" t="s">
        <v>62</v>
      </c>
      <c r="JJ7" s="590"/>
      <c r="JK7" s="590"/>
      <c r="JL7" s="590"/>
      <c r="JM7" s="590"/>
      <c r="JN7" s="590"/>
      <c r="JO7" s="639"/>
      <c r="JP7" s="647" t="s">
        <v>52</v>
      </c>
      <c r="JQ7" s="589" t="s">
        <v>61</v>
      </c>
      <c r="JR7" s="590"/>
      <c r="JS7" s="591"/>
      <c r="JT7" s="638" t="s">
        <v>62</v>
      </c>
      <c r="JU7" s="590"/>
      <c r="JV7" s="590"/>
      <c r="JW7" s="590"/>
      <c r="JX7" s="590"/>
      <c r="JY7" s="590"/>
      <c r="JZ7" s="639"/>
      <c r="KA7" s="647" t="s">
        <v>52</v>
      </c>
      <c r="KB7" s="589" t="s">
        <v>61</v>
      </c>
      <c r="KC7" s="590"/>
      <c r="KD7" s="591"/>
      <c r="KE7" s="638" t="s">
        <v>62</v>
      </c>
      <c r="KF7" s="590"/>
      <c r="KG7" s="590"/>
      <c r="KH7" s="590"/>
      <c r="KI7" s="590"/>
      <c r="KJ7" s="590"/>
      <c r="KK7" s="639"/>
      <c r="KL7" s="647" t="s">
        <v>52</v>
      </c>
      <c r="KM7" s="589" t="s">
        <v>61</v>
      </c>
      <c r="KN7" s="590"/>
      <c r="KO7" s="591"/>
      <c r="KP7" s="638" t="s">
        <v>62</v>
      </c>
      <c r="KQ7" s="590"/>
      <c r="KR7" s="590"/>
      <c r="KS7" s="590"/>
      <c r="KT7" s="590"/>
      <c r="KU7" s="590"/>
      <c r="KV7" s="639"/>
      <c r="KW7" s="647" t="s">
        <v>52</v>
      </c>
      <c r="KX7" s="589" t="s">
        <v>61</v>
      </c>
      <c r="KY7" s="590"/>
      <c r="KZ7" s="591"/>
      <c r="LA7" s="638" t="s">
        <v>62</v>
      </c>
      <c r="LB7" s="590"/>
      <c r="LC7" s="590"/>
      <c r="LD7" s="590"/>
      <c r="LE7" s="590"/>
      <c r="LF7" s="590"/>
      <c r="LG7" s="639"/>
      <c r="LH7" s="647" t="s">
        <v>52</v>
      </c>
      <c r="LI7" s="589" t="s">
        <v>61</v>
      </c>
      <c r="LJ7" s="590"/>
      <c r="LK7" s="591"/>
      <c r="LL7" s="638" t="s">
        <v>62</v>
      </c>
      <c r="LM7" s="590"/>
      <c r="LN7" s="590"/>
      <c r="LO7" s="590"/>
      <c r="LP7" s="590"/>
      <c r="LQ7" s="590"/>
      <c r="LR7" s="639"/>
      <c r="LS7" s="647" t="s">
        <v>52</v>
      </c>
      <c r="LT7" s="589" t="s">
        <v>61</v>
      </c>
      <c r="LU7" s="590"/>
      <c r="LV7" s="591"/>
      <c r="LW7" s="638" t="s">
        <v>62</v>
      </c>
      <c r="LX7" s="590"/>
      <c r="LY7" s="590"/>
      <c r="LZ7" s="590"/>
      <c r="MA7" s="590"/>
      <c r="MB7" s="590"/>
      <c r="MC7" s="639"/>
      <c r="MD7" s="647" t="s">
        <v>52</v>
      </c>
      <c r="ME7" s="581" t="s">
        <v>61</v>
      </c>
      <c r="MF7" s="582"/>
      <c r="MG7" s="583"/>
      <c r="MH7" s="640" t="s">
        <v>62</v>
      </c>
      <c r="MI7" s="582"/>
      <c r="MJ7" s="582"/>
      <c r="MK7" s="582"/>
      <c r="ML7" s="582"/>
      <c r="MM7" s="582"/>
      <c r="MN7" s="641"/>
      <c r="MO7" s="634" t="s">
        <v>52</v>
      </c>
      <c r="MP7" s="589" t="s">
        <v>61</v>
      </c>
      <c r="MQ7" s="590"/>
      <c r="MR7" s="591"/>
      <c r="MS7" s="638" t="s">
        <v>62</v>
      </c>
      <c r="MT7" s="590"/>
      <c r="MU7" s="590"/>
      <c r="MV7" s="590"/>
      <c r="MW7" s="590"/>
      <c r="MX7" s="590"/>
      <c r="MY7" s="639"/>
      <c r="MZ7" s="647" t="s">
        <v>52</v>
      </c>
      <c r="NA7" s="589" t="s">
        <v>61</v>
      </c>
      <c r="NB7" s="590"/>
      <c r="NC7" s="591"/>
      <c r="ND7" s="638" t="s">
        <v>62</v>
      </c>
      <c r="NE7" s="590"/>
      <c r="NF7" s="590"/>
      <c r="NG7" s="590"/>
      <c r="NH7" s="590"/>
      <c r="NI7" s="590"/>
      <c r="NJ7" s="639"/>
      <c r="NK7" s="647" t="s">
        <v>52</v>
      </c>
      <c r="NL7" s="589" t="s">
        <v>61</v>
      </c>
      <c r="NM7" s="590"/>
      <c r="NN7" s="591"/>
      <c r="NO7" s="638" t="s">
        <v>62</v>
      </c>
      <c r="NP7" s="590"/>
      <c r="NQ7" s="590"/>
      <c r="NR7" s="590"/>
      <c r="NS7" s="590"/>
      <c r="NT7" s="590"/>
      <c r="NU7" s="639"/>
      <c r="NV7" s="647" t="s">
        <v>52</v>
      </c>
      <c r="NW7" s="589" t="s">
        <v>61</v>
      </c>
      <c r="NX7" s="590"/>
      <c r="NY7" s="591"/>
      <c r="NZ7" s="638" t="s">
        <v>62</v>
      </c>
      <c r="OA7" s="590"/>
      <c r="OB7" s="590"/>
      <c r="OC7" s="590"/>
      <c r="OD7" s="590"/>
      <c r="OE7" s="590"/>
      <c r="OF7" s="639"/>
      <c r="OG7" s="647" t="s">
        <v>52</v>
      </c>
      <c r="OH7" s="581" t="s">
        <v>61</v>
      </c>
      <c r="OI7" s="582"/>
      <c r="OJ7" s="583"/>
      <c r="OK7" s="640" t="s">
        <v>62</v>
      </c>
      <c r="OL7" s="582"/>
      <c r="OM7" s="582"/>
      <c r="ON7" s="582"/>
      <c r="OO7" s="582"/>
      <c r="OP7" s="582"/>
      <c r="OQ7" s="641"/>
      <c r="OR7" s="634" t="s">
        <v>52</v>
      </c>
    </row>
    <row r="8" spans="1:408" ht="28.5" customHeight="1" thickBot="1" x14ac:dyDescent="0.25">
      <c r="A8" s="708"/>
      <c r="B8" s="326" t="s">
        <v>43</v>
      </c>
      <c r="C8" s="47" t="s">
        <v>44</v>
      </c>
      <c r="D8" s="327" t="s">
        <v>45</v>
      </c>
      <c r="E8" s="52" t="s">
        <v>83</v>
      </c>
      <c r="F8" s="47" t="s">
        <v>47</v>
      </c>
      <c r="G8" s="47" t="s">
        <v>48</v>
      </c>
      <c r="H8" s="47" t="s">
        <v>49</v>
      </c>
      <c r="I8" s="47" t="s">
        <v>50</v>
      </c>
      <c r="J8" s="47" t="s">
        <v>51</v>
      </c>
      <c r="K8" s="48" t="s">
        <v>45</v>
      </c>
      <c r="L8" s="724"/>
      <c r="M8" s="51" t="s">
        <v>43</v>
      </c>
      <c r="N8" s="47" t="s">
        <v>44</v>
      </c>
      <c r="O8" s="48" t="s">
        <v>45</v>
      </c>
      <c r="P8" s="52" t="s">
        <v>83</v>
      </c>
      <c r="Q8" s="47" t="s">
        <v>47</v>
      </c>
      <c r="R8" s="47" t="s">
        <v>48</v>
      </c>
      <c r="S8" s="47" t="s">
        <v>49</v>
      </c>
      <c r="T8" s="47" t="s">
        <v>50</v>
      </c>
      <c r="U8" s="47" t="s">
        <v>51</v>
      </c>
      <c r="V8" s="48" t="s">
        <v>45</v>
      </c>
      <c r="W8" s="701"/>
      <c r="X8" s="51" t="s">
        <v>43</v>
      </c>
      <c r="Y8" s="47" t="s">
        <v>44</v>
      </c>
      <c r="Z8" s="48" t="s">
        <v>45</v>
      </c>
      <c r="AA8" s="52" t="s">
        <v>83</v>
      </c>
      <c r="AB8" s="47" t="s">
        <v>47</v>
      </c>
      <c r="AC8" s="47" t="s">
        <v>48</v>
      </c>
      <c r="AD8" s="47" t="s">
        <v>49</v>
      </c>
      <c r="AE8" s="47" t="s">
        <v>50</v>
      </c>
      <c r="AF8" s="47" t="s">
        <v>51</v>
      </c>
      <c r="AG8" s="48" t="s">
        <v>45</v>
      </c>
      <c r="AH8" s="677"/>
      <c r="AI8" s="51" t="s">
        <v>43</v>
      </c>
      <c r="AJ8" s="47" t="s">
        <v>44</v>
      </c>
      <c r="AK8" s="327" t="s">
        <v>45</v>
      </c>
      <c r="AL8" s="52" t="s">
        <v>83</v>
      </c>
      <c r="AM8" s="47" t="s">
        <v>47</v>
      </c>
      <c r="AN8" s="47" t="s">
        <v>48</v>
      </c>
      <c r="AO8" s="47" t="s">
        <v>49</v>
      </c>
      <c r="AP8" s="47" t="s">
        <v>50</v>
      </c>
      <c r="AQ8" s="47" t="s">
        <v>51</v>
      </c>
      <c r="AR8" s="48" t="s">
        <v>45</v>
      </c>
      <c r="AS8" s="677"/>
      <c r="AT8" s="51" t="s">
        <v>43</v>
      </c>
      <c r="AU8" s="47" t="s">
        <v>44</v>
      </c>
      <c r="AV8" s="327" t="s">
        <v>45</v>
      </c>
      <c r="AW8" s="52" t="s">
        <v>83</v>
      </c>
      <c r="AX8" s="47" t="s">
        <v>47</v>
      </c>
      <c r="AY8" s="47" t="s">
        <v>48</v>
      </c>
      <c r="AZ8" s="47" t="s">
        <v>49</v>
      </c>
      <c r="BA8" s="47" t="s">
        <v>50</v>
      </c>
      <c r="BB8" s="47" t="s">
        <v>51</v>
      </c>
      <c r="BC8" s="48" t="s">
        <v>45</v>
      </c>
      <c r="BD8" s="677"/>
      <c r="BE8" s="328" t="s">
        <v>43</v>
      </c>
      <c r="BF8" s="47" t="s">
        <v>44</v>
      </c>
      <c r="BG8" s="327" t="s">
        <v>45</v>
      </c>
      <c r="BH8" s="52" t="s">
        <v>83</v>
      </c>
      <c r="BI8" s="47" t="s">
        <v>47</v>
      </c>
      <c r="BJ8" s="47" t="s">
        <v>48</v>
      </c>
      <c r="BK8" s="47" t="s">
        <v>49</v>
      </c>
      <c r="BL8" s="47" t="s">
        <v>50</v>
      </c>
      <c r="BM8" s="47" t="s">
        <v>51</v>
      </c>
      <c r="BN8" s="48" t="s">
        <v>45</v>
      </c>
      <c r="BO8" s="677"/>
      <c r="BP8" s="51" t="s">
        <v>43</v>
      </c>
      <c r="BQ8" s="47" t="s">
        <v>44</v>
      </c>
      <c r="BR8" s="327" t="s">
        <v>45</v>
      </c>
      <c r="BS8" s="52" t="s">
        <v>83</v>
      </c>
      <c r="BT8" s="47" t="s">
        <v>47</v>
      </c>
      <c r="BU8" s="47" t="s">
        <v>48</v>
      </c>
      <c r="BV8" s="47" t="s">
        <v>49</v>
      </c>
      <c r="BW8" s="47" t="s">
        <v>50</v>
      </c>
      <c r="BX8" s="47" t="s">
        <v>51</v>
      </c>
      <c r="BY8" s="48" t="s">
        <v>45</v>
      </c>
      <c r="BZ8" s="677"/>
      <c r="CA8" s="51" t="s">
        <v>43</v>
      </c>
      <c r="CB8" s="47" t="s">
        <v>44</v>
      </c>
      <c r="CC8" s="327" t="s">
        <v>45</v>
      </c>
      <c r="CD8" s="52" t="s">
        <v>83</v>
      </c>
      <c r="CE8" s="47" t="s">
        <v>47</v>
      </c>
      <c r="CF8" s="47" t="s">
        <v>48</v>
      </c>
      <c r="CG8" s="47" t="s">
        <v>49</v>
      </c>
      <c r="CH8" s="47" t="s">
        <v>50</v>
      </c>
      <c r="CI8" s="47" t="s">
        <v>51</v>
      </c>
      <c r="CJ8" s="48" t="s">
        <v>45</v>
      </c>
      <c r="CK8" s="701"/>
      <c r="CL8" s="51" t="s">
        <v>43</v>
      </c>
      <c r="CM8" s="47" t="s">
        <v>44</v>
      </c>
      <c r="CN8" s="48" t="s">
        <v>45</v>
      </c>
      <c r="CO8" s="52" t="s">
        <v>83</v>
      </c>
      <c r="CP8" s="47" t="s">
        <v>47</v>
      </c>
      <c r="CQ8" s="47" t="s">
        <v>48</v>
      </c>
      <c r="CR8" s="47" t="s">
        <v>49</v>
      </c>
      <c r="CS8" s="47" t="s">
        <v>50</v>
      </c>
      <c r="CT8" s="47" t="s">
        <v>51</v>
      </c>
      <c r="CU8" s="48" t="s">
        <v>45</v>
      </c>
      <c r="CV8" s="701"/>
      <c r="CW8" s="51" t="s">
        <v>43</v>
      </c>
      <c r="CX8" s="47" t="s">
        <v>44</v>
      </c>
      <c r="CY8" s="48" t="s">
        <v>45</v>
      </c>
      <c r="CZ8" s="52" t="s">
        <v>83</v>
      </c>
      <c r="DA8" s="47" t="s">
        <v>47</v>
      </c>
      <c r="DB8" s="47" t="s">
        <v>48</v>
      </c>
      <c r="DC8" s="47" t="s">
        <v>49</v>
      </c>
      <c r="DD8" s="47" t="s">
        <v>50</v>
      </c>
      <c r="DE8" s="47" t="s">
        <v>51</v>
      </c>
      <c r="DF8" s="48" t="s">
        <v>45</v>
      </c>
      <c r="DG8" s="701"/>
      <c r="DH8" s="51" t="s">
        <v>43</v>
      </c>
      <c r="DI8" s="47" t="s">
        <v>44</v>
      </c>
      <c r="DJ8" s="48" t="s">
        <v>45</v>
      </c>
      <c r="DK8" s="52" t="s">
        <v>83</v>
      </c>
      <c r="DL8" s="47" t="s">
        <v>47</v>
      </c>
      <c r="DM8" s="47" t="s">
        <v>48</v>
      </c>
      <c r="DN8" s="47" t="s">
        <v>49</v>
      </c>
      <c r="DO8" s="47" t="s">
        <v>50</v>
      </c>
      <c r="DP8" s="47" t="s">
        <v>51</v>
      </c>
      <c r="DQ8" s="48" t="s">
        <v>45</v>
      </c>
      <c r="DR8" s="701"/>
      <c r="DS8" s="51" t="s">
        <v>43</v>
      </c>
      <c r="DT8" s="47" t="s">
        <v>44</v>
      </c>
      <c r="DU8" s="327" t="s">
        <v>45</v>
      </c>
      <c r="DV8" s="52" t="s">
        <v>83</v>
      </c>
      <c r="DW8" s="47" t="s">
        <v>47</v>
      </c>
      <c r="DX8" s="47" t="s">
        <v>48</v>
      </c>
      <c r="DY8" s="47" t="s">
        <v>49</v>
      </c>
      <c r="DZ8" s="47" t="s">
        <v>50</v>
      </c>
      <c r="EA8" s="47" t="s">
        <v>51</v>
      </c>
      <c r="EB8" s="48" t="s">
        <v>45</v>
      </c>
      <c r="EC8" s="677"/>
      <c r="ED8" s="51" t="s">
        <v>43</v>
      </c>
      <c r="EE8" s="47" t="s">
        <v>44</v>
      </c>
      <c r="EF8" s="327" t="s">
        <v>45</v>
      </c>
      <c r="EG8" s="52" t="s">
        <v>83</v>
      </c>
      <c r="EH8" s="47" t="s">
        <v>47</v>
      </c>
      <c r="EI8" s="47" t="s">
        <v>48</v>
      </c>
      <c r="EJ8" s="47" t="s">
        <v>49</v>
      </c>
      <c r="EK8" s="47" t="s">
        <v>50</v>
      </c>
      <c r="EL8" s="47" t="s">
        <v>51</v>
      </c>
      <c r="EM8" s="48" t="s">
        <v>45</v>
      </c>
      <c r="EN8" s="677"/>
      <c r="EO8" s="51" t="s">
        <v>43</v>
      </c>
      <c r="EP8" s="47" t="s">
        <v>44</v>
      </c>
      <c r="EQ8" s="327" t="s">
        <v>45</v>
      </c>
      <c r="ER8" s="52" t="s">
        <v>83</v>
      </c>
      <c r="ES8" s="47" t="s">
        <v>47</v>
      </c>
      <c r="ET8" s="47" t="s">
        <v>48</v>
      </c>
      <c r="EU8" s="47" t="s">
        <v>49</v>
      </c>
      <c r="EV8" s="47" t="s">
        <v>50</v>
      </c>
      <c r="EW8" s="47" t="s">
        <v>51</v>
      </c>
      <c r="EX8" s="48" t="s">
        <v>45</v>
      </c>
      <c r="EY8" s="677"/>
      <c r="EZ8" s="51" t="s">
        <v>43</v>
      </c>
      <c r="FA8" s="47" t="s">
        <v>44</v>
      </c>
      <c r="FB8" s="327" t="s">
        <v>45</v>
      </c>
      <c r="FC8" s="52" t="s">
        <v>83</v>
      </c>
      <c r="FD8" s="47" t="s">
        <v>47</v>
      </c>
      <c r="FE8" s="47" t="s">
        <v>48</v>
      </c>
      <c r="FF8" s="47" t="s">
        <v>49</v>
      </c>
      <c r="FG8" s="47" t="s">
        <v>50</v>
      </c>
      <c r="FH8" s="47" t="s">
        <v>51</v>
      </c>
      <c r="FI8" s="48" t="s">
        <v>45</v>
      </c>
      <c r="FJ8" s="677"/>
      <c r="FK8" s="51" t="s">
        <v>43</v>
      </c>
      <c r="FL8" s="47" t="s">
        <v>44</v>
      </c>
      <c r="FM8" s="327" t="s">
        <v>45</v>
      </c>
      <c r="FN8" s="52" t="s">
        <v>83</v>
      </c>
      <c r="FO8" s="47" t="s">
        <v>47</v>
      </c>
      <c r="FP8" s="47" t="s">
        <v>48</v>
      </c>
      <c r="FQ8" s="47" t="s">
        <v>49</v>
      </c>
      <c r="FR8" s="47" t="s">
        <v>50</v>
      </c>
      <c r="FS8" s="47" t="s">
        <v>51</v>
      </c>
      <c r="FT8" s="48" t="s">
        <v>45</v>
      </c>
      <c r="FU8" s="693"/>
      <c r="FV8" s="51" t="s">
        <v>43</v>
      </c>
      <c r="FW8" s="47" t="s">
        <v>44</v>
      </c>
      <c r="FX8" s="327" t="s">
        <v>45</v>
      </c>
      <c r="FY8" s="52" t="s">
        <v>83</v>
      </c>
      <c r="FZ8" s="47" t="s">
        <v>47</v>
      </c>
      <c r="GA8" s="47" t="s">
        <v>48</v>
      </c>
      <c r="GB8" s="47" t="s">
        <v>49</v>
      </c>
      <c r="GC8" s="47" t="s">
        <v>50</v>
      </c>
      <c r="GD8" s="47" t="s">
        <v>51</v>
      </c>
      <c r="GE8" s="48" t="s">
        <v>45</v>
      </c>
      <c r="GF8" s="677"/>
      <c r="GG8" s="51" t="s">
        <v>43</v>
      </c>
      <c r="GH8" s="47" t="s">
        <v>44</v>
      </c>
      <c r="GI8" s="327" t="s">
        <v>45</v>
      </c>
      <c r="GJ8" s="52" t="s">
        <v>83</v>
      </c>
      <c r="GK8" s="47" t="s">
        <v>47</v>
      </c>
      <c r="GL8" s="47" t="s">
        <v>48</v>
      </c>
      <c r="GM8" s="47" t="s">
        <v>49</v>
      </c>
      <c r="GN8" s="47" t="s">
        <v>50</v>
      </c>
      <c r="GO8" s="47" t="s">
        <v>51</v>
      </c>
      <c r="GP8" s="48" t="s">
        <v>45</v>
      </c>
      <c r="GQ8" s="679"/>
      <c r="GR8" s="51" t="s">
        <v>43</v>
      </c>
      <c r="GS8" s="47" t="s">
        <v>44</v>
      </c>
      <c r="GT8" s="327" t="s">
        <v>45</v>
      </c>
      <c r="GU8" s="52" t="s">
        <v>83</v>
      </c>
      <c r="GV8" s="47" t="s">
        <v>47</v>
      </c>
      <c r="GW8" s="47" t="s">
        <v>48</v>
      </c>
      <c r="GX8" s="47" t="s">
        <v>49</v>
      </c>
      <c r="GY8" s="47" t="s">
        <v>50</v>
      </c>
      <c r="GZ8" s="47" t="s">
        <v>51</v>
      </c>
      <c r="HA8" s="48" t="s">
        <v>45</v>
      </c>
      <c r="HB8" s="679"/>
      <c r="HC8" s="51" t="s">
        <v>43</v>
      </c>
      <c r="HD8" s="47" t="s">
        <v>44</v>
      </c>
      <c r="HE8" s="327" t="s">
        <v>45</v>
      </c>
      <c r="HF8" s="52" t="s">
        <v>83</v>
      </c>
      <c r="HG8" s="47" t="s">
        <v>47</v>
      </c>
      <c r="HH8" s="47" t="s">
        <v>48</v>
      </c>
      <c r="HI8" s="47" t="s">
        <v>49</v>
      </c>
      <c r="HJ8" s="47" t="s">
        <v>50</v>
      </c>
      <c r="HK8" s="47" t="s">
        <v>51</v>
      </c>
      <c r="HL8" s="48" t="s">
        <v>45</v>
      </c>
      <c r="HM8" s="677"/>
      <c r="HN8" s="51" t="s">
        <v>43</v>
      </c>
      <c r="HO8" s="47" t="s">
        <v>44</v>
      </c>
      <c r="HP8" s="327" t="s">
        <v>45</v>
      </c>
      <c r="HQ8" s="52" t="s">
        <v>83</v>
      </c>
      <c r="HR8" s="47" t="s">
        <v>47</v>
      </c>
      <c r="HS8" s="47" t="s">
        <v>48</v>
      </c>
      <c r="HT8" s="47" t="s">
        <v>49</v>
      </c>
      <c r="HU8" s="47" t="s">
        <v>50</v>
      </c>
      <c r="HV8" s="47" t="s">
        <v>51</v>
      </c>
      <c r="HW8" s="48" t="s">
        <v>45</v>
      </c>
      <c r="HX8" s="677"/>
      <c r="HY8" s="369" t="s">
        <v>43</v>
      </c>
      <c r="HZ8" s="370" t="s">
        <v>44</v>
      </c>
      <c r="IA8" s="41" t="s">
        <v>45</v>
      </c>
      <c r="IB8" s="42" t="s">
        <v>83</v>
      </c>
      <c r="IC8" s="370" t="s">
        <v>47</v>
      </c>
      <c r="ID8" s="370" t="s">
        <v>48</v>
      </c>
      <c r="IE8" s="370" t="s">
        <v>49</v>
      </c>
      <c r="IF8" s="370" t="s">
        <v>50</v>
      </c>
      <c r="IG8" s="370" t="s">
        <v>51</v>
      </c>
      <c r="IH8" s="17" t="s">
        <v>45</v>
      </c>
      <c r="II8" s="645"/>
      <c r="IJ8" s="369" t="s">
        <v>43</v>
      </c>
      <c r="IK8" s="370" t="s">
        <v>44</v>
      </c>
      <c r="IL8" s="41" t="s">
        <v>45</v>
      </c>
      <c r="IM8" s="42" t="s">
        <v>83</v>
      </c>
      <c r="IN8" s="59" t="s">
        <v>47</v>
      </c>
      <c r="IO8" s="59" t="s">
        <v>48</v>
      </c>
      <c r="IP8" s="59" t="s">
        <v>49</v>
      </c>
      <c r="IQ8" s="59" t="s">
        <v>50</v>
      </c>
      <c r="IR8" s="59" t="s">
        <v>51</v>
      </c>
      <c r="IS8" s="64" t="s">
        <v>45</v>
      </c>
      <c r="IT8" s="655"/>
      <c r="IU8" s="61" t="s">
        <v>43</v>
      </c>
      <c r="IV8" s="59" t="s">
        <v>44</v>
      </c>
      <c r="IW8" s="64" t="s">
        <v>45</v>
      </c>
      <c r="IX8" s="33" t="s">
        <v>83</v>
      </c>
      <c r="IY8" s="59" t="s">
        <v>47</v>
      </c>
      <c r="IZ8" s="59" t="s">
        <v>48</v>
      </c>
      <c r="JA8" s="59" t="s">
        <v>49</v>
      </c>
      <c r="JB8" s="59" t="s">
        <v>50</v>
      </c>
      <c r="JC8" s="59" t="s">
        <v>51</v>
      </c>
      <c r="JD8" s="64" t="s">
        <v>45</v>
      </c>
      <c r="JE8" s="655"/>
      <c r="JF8" s="61" t="s">
        <v>43</v>
      </c>
      <c r="JG8" s="59" t="s">
        <v>44</v>
      </c>
      <c r="JH8" s="60" t="s">
        <v>45</v>
      </c>
      <c r="JI8" s="33" t="s">
        <v>83</v>
      </c>
      <c r="JJ8" s="59" t="s">
        <v>47</v>
      </c>
      <c r="JK8" s="59" t="s">
        <v>48</v>
      </c>
      <c r="JL8" s="59" t="s">
        <v>49</v>
      </c>
      <c r="JM8" s="59" t="s">
        <v>50</v>
      </c>
      <c r="JN8" s="59" t="s">
        <v>51</v>
      </c>
      <c r="JO8" s="64" t="s">
        <v>45</v>
      </c>
      <c r="JP8" s="648"/>
      <c r="JQ8" s="61" t="s">
        <v>43</v>
      </c>
      <c r="JR8" s="59" t="s">
        <v>44</v>
      </c>
      <c r="JS8" s="60" t="s">
        <v>45</v>
      </c>
      <c r="JT8" s="33" t="s">
        <v>83</v>
      </c>
      <c r="JU8" s="59" t="s">
        <v>47</v>
      </c>
      <c r="JV8" s="59" t="s">
        <v>48</v>
      </c>
      <c r="JW8" s="59" t="s">
        <v>49</v>
      </c>
      <c r="JX8" s="59" t="s">
        <v>50</v>
      </c>
      <c r="JY8" s="59" t="s">
        <v>51</v>
      </c>
      <c r="JZ8" s="64" t="s">
        <v>45</v>
      </c>
      <c r="KA8" s="648"/>
      <c r="KB8" s="61" t="s">
        <v>43</v>
      </c>
      <c r="KC8" s="59" t="s">
        <v>44</v>
      </c>
      <c r="KD8" s="60" t="s">
        <v>45</v>
      </c>
      <c r="KE8" s="33" t="s">
        <v>83</v>
      </c>
      <c r="KF8" s="59" t="s">
        <v>47</v>
      </c>
      <c r="KG8" s="59" t="s">
        <v>48</v>
      </c>
      <c r="KH8" s="59" t="s">
        <v>49</v>
      </c>
      <c r="KI8" s="59" t="s">
        <v>50</v>
      </c>
      <c r="KJ8" s="59" t="s">
        <v>51</v>
      </c>
      <c r="KK8" s="64" t="s">
        <v>45</v>
      </c>
      <c r="KL8" s="648"/>
      <c r="KM8" s="61" t="s">
        <v>43</v>
      </c>
      <c r="KN8" s="59" t="s">
        <v>44</v>
      </c>
      <c r="KO8" s="60" t="s">
        <v>45</v>
      </c>
      <c r="KP8" s="42" t="s">
        <v>83</v>
      </c>
      <c r="KQ8" s="59" t="s">
        <v>47</v>
      </c>
      <c r="KR8" s="59" t="s">
        <v>48</v>
      </c>
      <c r="KS8" s="59" t="s">
        <v>49</v>
      </c>
      <c r="KT8" s="59" t="s">
        <v>50</v>
      </c>
      <c r="KU8" s="59" t="s">
        <v>51</v>
      </c>
      <c r="KV8" s="64" t="s">
        <v>45</v>
      </c>
      <c r="KW8" s="648"/>
      <c r="KX8" s="61" t="s">
        <v>43</v>
      </c>
      <c r="KY8" s="59" t="s">
        <v>44</v>
      </c>
      <c r="KZ8" s="60" t="s">
        <v>45</v>
      </c>
      <c r="LA8" s="42" t="s">
        <v>83</v>
      </c>
      <c r="LB8" s="59" t="s">
        <v>47</v>
      </c>
      <c r="LC8" s="59" t="s">
        <v>48</v>
      </c>
      <c r="LD8" s="59" t="s">
        <v>49</v>
      </c>
      <c r="LE8" s="59" t="s">
        <v>50</v>
      </c>
      <c r="LF8" s="59" t="s">
        <v>51</v>
      </c>
      <c r="LG8" s="64" t="s">
        <v>45</v>
      </c>
      <c r="LH8" s="648"/>
      <c r="LI8" s="61" t="s">
        <v>43</v>
      </c>
      <c r="LJ8" s="59" t="s">
        <v>44</v>
      </c>
      <c r="LK8" s="60" t="s">
        <v>45</v>
      </c>
      <c r="LL8" s="42" t="s">
        <v>83</v>
      </c>
      <c r="LM8" s="59" t="s">
        <v>47</v>
      </c>
      <c r="LN8" s="59" t="s">
        <v>48</v>
      </c>
      <c r="LO8" s="59" t="s">
        <v>49</v>
      </c>
      <c r="LP8" s="59" t="s">
        <v>50</v>
      </c>
      <c r="LQ8" s="59" t="s">
        <v>51</v>
      </c>
      <c r="LR8" s="64" t="s">
        <v>45</v>
      </c>
      <c r="LS8" s="648"/>
      <c r="LT8" s="61" t="s">
        <v>43</v>
      </c>
      <c r="LU8" s="59" t="s">
        <v>44</v>
      </c>
      <c r="LV8" s="60" t="s">
        <v>45</v>
      </c>
      <c r="LW8" s="42" t="s">
        <v>83</v>
      </c>
      <c r="LX8" s="59" t="s">
        <v>47</v>
      </c>
      <c r="LY8" s="59" t="s">
        <v>48</v>
      </c>
      <c r="LZ8" s="59" t="s">
        <v>49</v>
      </c>
      <c r="MA8" s="59" t="s">
        <v>50</v>
      </c>
      <c r="MB8" s="59" t="s">
        <v>51</v>
      </c>
      <c r="MC8" s="64" t="s">
        <v>45</v>
      </c>
      <c r="MD8" s="648"/>
      <c r="ME8" s="61" t="s">
        <v>43</v>
      </c>
      <c r="MF8" s="59" t="s">
        <v>44</v>
      </c>
      <c r="MG8" s="60" t="s">
        <v>45</v>
      </c>
      <c r="MH8" s="42" t="s">
        <v>83</v>
      </c>
      <c r="MI8" s="59" t="s">
        <v>47</v>
      </c>
      <c r="MJ8" s="59" t="s">
        <v>48</v>
      </c>
      <c r="MK8" s="59" t="s">
        <v>49</v>
      </c>
      <c r="ML8" s="59" t="s">
        <v>50</v>
      </c>
      <c r="MM8" s="59" t="s">
        <v>51</v>
      </c>
      <c r="MN8" s="64" t="s">
        <v>45</v>
      </c>
      <c r="MO8" s="648"/>
      <c r="MP8" s="61" t="s">
        <v>43</v>
      </c>
      <c r="MQ8" s="59" t="s">
        <v>44</v>
      </c>
      <c r="MR8" s="60" t="s">
        <v>45</v>
      </c>
      <c r="MS8" s="42" t="s">
        <v>83</v>
      </c>
      <c r="MT8" s="59" t="s">
        <v>47</v>
      </c>
      <c r="MU8" s="59" t="s">
        <v>48</v>
      </c>
      <c r="MV8" s="59" t="s">
        <v>49</v>
      </c>
      <c r="MW8" s="59" t="s">
        <v>50</v>
      </c>
      <c r="MX8" s="59" t="s">
        <v>51</v>
      </c>
      <c r="MY8" s="64" t="s">
        <v>45</v>
      </c>
      <c r="MZ8" s="648"/>
      <c r="NA8" s="61" t="s">
        <v>43</v>
      </c>
      <c r="NB8" s="59" t="s">
        <v>44</v>
      </c>
      <c r="NC8" s="60" t="s">
        <v>45</v>
      </c>
      <c r="ND8" s="42" t="s">
        <v>83</v>
      </c>
      <c r="NE8" s="59" t="s">
        <v>47</v>
      </c>
      <c r="NF8" s="59" t="s">
        <v>48</v>
      </c>
      <c r="NG8" s="59" t="s">
        <v>49</v>
      </c>
      <c r="NH8" s="59" t="s">
        <v>50</v>
      </c>
      <c r="NI8" s="59" t="s">
        <v>51</v>
      </c>
      <c r="NJ8" s="64" t="s">
        <v>45</v>
      </c>
      <c r="NK8" s="648"/>
      <c r="NL8" s="61" t="s">
        <v>43</v>
      </c>
      <c r="NM8" s="59" t="s">
        <v>44</v>
      </c>
      <c r="NN8" s="60" t="s">
        <v>45</v>
      </c>
      <c r="NO8" s="42" t="s">
        <v>83</v>
      </c>
      <c r="NP8" s="59" t="s">
        <v>47</v>
      </c>
      <c r="NQ8" s="59" t="s">
        <v>48</v>
      </c>
      <c r="NR8" s="59" t="s">
        <v>49</v>
      </c>
      <c r="NS8" s="59" t="s">
        <v>50</v>
      </c>
      <c r="NT8" s="59" t="s">
        <v>51</v>
      </c>
      <c r="NU8" s="64" t="s">
        <v>45</v>
      </c>
      <c r="NV8" s="648"/>
      <c r="NW8" s="61" t="s">
        <v>43</v>
      </c>
      <c r="NX8" s="59" t="s">
        <v>44</v>
      </c>
      <c r="NY8" s="60" t="s">
        <v>45</v>
      </c>
      <c r="NZ8" s="42" t="s">
        <v>83</v>
      </c>
      <c r="OA8" s="59" t="s">
        <v>47</v>
      </c>
      <c r="OB8" s="59" t="s">
        <v>48</v>
      </c>
      <c r="OC8" s="59" t="s">
        <v>49</v>
      </c>
      <c r="OD8" s="59" t="s">
        <v>50</v>
      </c>
      <c r="OE8" s="59" t="s">
        <v>51</v>
      </c>
      <c r="OF8" s="64" t="s">
        <v>45</v>
      </c>
      <c r="OG8" s="648"/>
      <c r="OH8" s="61" t="s">
        <v>43</v>
      </c>
      <c r="OI8" s="59" t="s">
        <v>44</v>
      </c>
      <c r="OJ8" s="60" t="s">
        <v>45</v>
      </c>
      <c r="OK8" s="33" t="s">
        <v>83</v>
      </c>
      <c r="OL8" s="59" t="s">
        <v>47</v>
      </c>
      <c r="OM8" s="59" t="s">
        <v>48</v>
      </c>
      <c r="ON8" s="59" t="s">
        <v>49</v>
      </c>
      <c r="OO8" s="59" t="s">
        <v>50</v>
      </c>
      <c r="OP8" s="59" t="s">
        <v>51</v>
      </c>
      <c r="OQ8" s="64" t="s">
        <v>45</v>
      </c>
      <c r="OR8" s="648"/>
    </row>
    <row r="9" spans="1:408" s="474" customFormat="1" ht="20.25" customHeight="1" x14ac:dyDescent="0.2">
      <c r="A9" s="468" t="s">
        <v>4</v>
      </c>
      <c r="B9" s="388">
        <v>24492168</v>
      </c>
      <c r="C9" s="389">
        <v>40054692</v>
      </c>
      <c r="D9" s="390">
        <v>64546860</v>
      </c>
      <c r="E9" s="391">
        <v>0</v>
      </c>
      <c r="F9" s="389">
        <v>241305210</v>
      </c>
      <c r="G9" s="389">
        <v>330709738</v>
      </c>
      <c r="H9" s="389">
        <v>271591481</v>
      </c>
      <c r="I9" s="389">
        <v>300320437</v>
      </c>
      <c r="J9" s="389">
        <v>232180771</v>
      </c>
      <c r="K9" s="392">
        <v>1376107637</v>
      </c>
      <c r="L9" s="393">
        <v>1440654497</v>
      </c>
      <c r="M9" s="388">
        <v>6666555</v>
      </c>
      <c r="N9" s="389">
        <v>13470159</v>
      </c>
      <c r="O9" s="394">
        <v>20136714</v>
      </c>
      <c r="P9" s="388">
        <v>0</v>
      </c>
      <c r="Q9" s="389">
        <v>75531843</v>
      </c>
      <c r="R9" s="389">
        <v>114187263</v>
      </c>
      <c r="S9" s="389">
        <v>88437994</v>
      </c>
      <c r="T9" s="389">
        <v>107113045</v>
      </c>
      <c r="U9" s="389">
        <v>108608028</v>
      </c>
      <c r="V9" s="394">
        <v>493878173</v>
      </c>
      <c r="W9" s="393">
        <v>514014887</v>
      </c>
      <c r="X9" s="388">
        <v>2010</v>
      </c>
      <c r="Y9" s="389">
        <v>0</v>
      </c>
      <c r="Z9" s="394">
        <v>2010</v>
      </c>
      <c r="AA9" s="395">
        <v>0</v>
      </c>
      <c r="AB9" s="396">
        <v>31674800</v>
      </c>
      <c r="AC9" s="396">
        <v>48683166</v>
      </c>
      <c r="AD9" s="396">
        <v>42131897</v>
      </c>
      <c r="AE9" s="396">
        <v>54725009</v>
      </c>
      <c r="AF9" s="396">
        <v>58560859</v>
      </c>
      <c r="AG9" s="394">
        <v>235775731</v>
      </c>
      <c r="AH9" s="393">
        <v>235777741</v>
      </c>
      <c r="AI9" s="397">
        <v>8079</v>
      </c>
      <c r="AJ9" s="396">
        <v>106739</v>
      </c>
      <c r="AK9" s="394">
        <v>114818</v>
      </c>
      <c r="AL9" s="395">
        <v>0</v>
      </c>
      <c r="AM9" s="396">
        <v>382344</v>
      </c>
      <c r="AN9" s="392">
        <v>1580304</v>
      </c>
      <c r="AO9" s="396">
        <v>2424244</v>
      </c>
      <c r="AP9" s="396">
        <v>7188767</v>
      </c>
      <c r="AQ9" s="396">
        <v>12659159</v>
      </c>
      <c r="AR9" s="394">
        <v>24234818</v>
      </c>
      <c r="AS9" s="393">
        <v>24349636</v>
      </c>
      <c r="AT9" s="397">
        <v>3205459</v>
      </c>
      <c r="AU9" s="396">
        <v>8955316</v>
      </c>
      <c r="AV9" s="394">
        <v>12160775</v>
      </c>
      <c r="AW9" s="395">
        <v>0</v>
      </c>
      <c r="AX9" s="396">
        <v>27573914</v>
      </c>
      <c r="AY9" s="396">
        <v>42450867</v>
      </c>
      <c r="AZ9" s="396">
        <v>26320569</v>
      </c>
      <c r="BA9" s="396">
        <v>25998782</v>
      </c>
      <c r="BB9" s="396">
        <v>23521147</v>
      </c>
      <c r="BC9" s="394">
        <v>145865279</v>
      </c>
      <c r="BD9" s="398">
        <v>158026054</v>
      </c>
      <c r="BE9" s="397">
        <v>359709</v>
      </c>
      <c r="BF9" s="392">
        <v>1229509</v>
      </c>
      <c r="BG9" s="399">
        <v>1589218</v>
      </c>
      <c r="BH9" s="395">
        <v>0</v>
      </c>
      <c r="BI9" s="396">
        <v>2485663</v>
      </c>
      <c r="BJ9" s="396">
        <v>4827143</v>
      </c>
      <c r="BK9" s="396">
        <v>2828596</v>
      </c>
      <c r="BL9" s="396">
        <v>2771396</v>
      </c>
      <c r="BM9" s="396">
        <v>1318698</v>
      </c>
      <c r="BN9" s="394">
        <v>14231496</v>
      </c>
      <c r="BO9" s="393">
        <v>15820714</v>
      </c>
      <c r="BP9" s="397">
        <v>3091298</v>
      </c>
      <c r="BQ9" s="396">
        <v>3178595</v>
      </c>
      <c r="BR9" s="394">
        <v>6269893</v>
      </c>
      <c r="BS9" s="395">
        <v>0</v>
      </c>
      <c r="BT9" s="396">
        <v>13415122</v>
      </c>
      <c r="BU9" s="396">
        <v>16645783</v>
      </c>
      <c r="BV9" s="396">
        <v>14732688</v>
      </c>
      <c r="BW9" s="396">
        <v>16429091</v>
      </c>
      <c r="BX9" s="396">
        <v>12548165</v>
      </c>
      <c r="BY9" s="394">
        <v>73770849</v>
      </c>
      <c r="BZ9" s="393">
        <v>80040742</v>
      </c>
      <c r="CA9" s="397">
        <v>1960963</v>
      </c>
      <c r="CB9" s="396">
        <v>5238627</v>
      </c>
      <c r="CC9" s="394">
        <v>7199590</v>
      </c>
      <c r="CD9" s="395">
        <v>0</v>
      </c>
      <c r="CE9" s="396">
        <v>65538143</v>
      </c>
      <c r="CF9" s="396">
        <v>80743809</v>
      </c>
      <c r="CG9" s="400">
        <v>53107154</v>
      </c>
      <c r="CH9" s="396">
        <v>40832901</v>
      </c>
      <c r="CI9" s="396">
        <v>17529324</v>
      </c>
      <c r="CJ9" s="394">
        <v>257751331</v>
      </c>
      <c r="CK9" s="393">
        <v>264950921</v>
      </c>
      <c r="CL9" s="388">
        <v>0</v>
      </c>
      <c r="CM9" s="389">
        <v>0</v>
      </c>
      <c r="CN9" s="394">
        <v>0</v>
      </c>
      <c r="CO9" s="395">
        <v>0</v>
      </c>
      <c r="CP9" s="396">
        <v>53416459</v>
      </c>
      <c r="CQ9" s="396">
        <v>58739046</v>
      </c>
      <c r="CR9" s="396">
        <v>36558060</v>
      </c>
      <c r="CS9" s="396">
        <v>27450712</v>
      </c>
      <c r="CT9" s="396">
        <v>12318566</v>
      </c>
      <c r="CU9" s="401">
        <v>188482843</v>
      </c>
      <c r="CV9" s="393">
        <v>188482843</v>
      </c>
      <c r="CW9" s="397">
        <v>1960963</v>
      </c>
      <c r="CX9" s="396">
        <v>5238627</v>
      </c>
      <c r="CY9" s="394">
        <v>7199590</v>
      </c>
      <c r="CZ9" s="395">
        <v>0</v>
      </c>
      <c r="DA9" s="396">
        <v>12121684</v>
      </c>
      <c r="DB9" s="396">
        <v>22004763</v>
      </c>
      <c r="DC9" s="396">
        <v>16549094</v>
      </c>
      <c r="DD9" s="396">
        <v>13382189</v>
      </c>
      <c r="DE9" s="396">
        <v>5210758</v>
      </c>
      <c r="DF9" s="394">
        <v>69268488</v>
      </c>
      <c r="DG9" s="393">
        <v>76468078</v>
      </c>
      <c r="DH9" s="397">
        <v>74480</v>
      </c>
      <c r="DI9" s="396">
        <v>586476</v>
      </c>
      <c r="DJ9" s="399">
        <v>660956</v>
      </c>
      <c r="DK9" s="395">
        <v>0</v>
      </c>
      <c r="DL9" s="396">
        <v>7453060</v>
      </c>
      <c r="DM9" s="396">
        <v>12602499</v>
      </c>
      <c r="DN9" s="396">
        <v>18403237</v>
      </c>
      <c r="DO9" s="396">
        <v>21656318</v>
      </c>
      <c r="DP9" s="396">
        <v>12047583</v>
      </c>
      <c r="DQ9" s="402">
        <v>72162697</v>
      </c>
      <c r="DR9" s="393">
        <v>72823653</v>
      </c>
      <c r="DS9" s="397">
        <v>74480</v>
      </c>
      <c r="DT9" s="396">
        <v>444998</v>
      </c>
      <c r="DU9" s="394">
        <v>519478</v>
      </c>
      <c r="DV9" s="395">
        <v>0</v>
      </c>
      <c r="DW9" s="396">
        <v>6712312</v>
      </c>
      <c r="DX9" s="396">
        <v>10564693</v>
      </c>
      <c r="DY9" s="396">
        <v>15936255</v>
      </c>
      <c r="DZ9" s="396">
        <v>18929989</v>
      </c>
      <c r="EA9" s="396">
        <v>9146539</v>
      </c>
      <c r="EB9" s="394">
        <v>61289788</v>
      </c>
      <c r="EC9" s="393">
        <v>61809266</v>
      </c>
      <c r="ED9" s="397">
        <v>0</v>
      </c>
      <c r="EE9" s="392">
        <v>141478</v>
      </c>
      <c r="EF9" s="394">
        <v>141478</v>
      </c>
      <c r="EG9" s="398">
        <v>0</v>
      </c>
      <c r="EH9" s="396">
        <v>740748</v>
      </c>
      <c r="EI9" s="396">
        <v>2037806</v>
      </c>
      <c r="EJ9" s="396">
        <v>2466982</v>
      </c>
      <c r="EK9" s="396">
        <v>2726329</v>
      </c>
      <c r="EL9" s="400">
        <v>2901044</v>
      </c>
      <c r="EM9" s="392">
        <v>10872909</v>
      </c>
      <c r="EN9" s="393">
        <v>11014387</v>
      </c>
      <c r="EO9" s="397">
        <v>0</v>
      </c>
      <c r="EP9" s="396">
        <v>0</v>
      </c>
      <c r="EQ9" s="392">
        <v>0</v>
      </c>
      <c r="ER9" s="395">
        <v>0</v>
      </c>
      <c r="ES9" s="396">
        <v>0</v>
      </c>
      <c r="ET9" s="396">
        <v>0</v>
      </c>
      <c r="EU9" s="396">
        <v>0</v>
      </c>
      <c r="EV9" s="396">
        <v>0</v>
      </c>
      <c r="EW9" s="396">
        <v>0</v>
      </c>
      <c r="EX9" s="401">
        <v>0</v>
      </c>
      <c r="EY9" s="393">
        <v>0</v>
      </c>
      <c r="EZ9" s="397">
        <v>0</v>
      </c>
      <c r="FA9" s="396">
        <v>0</v>
      </c>
      <c r="FB9" s="392">
        <v>0</v>
      </c>
      <c r="FC9" s="403"/>
      <c r="FD9" s="396">
        <v>0</v>
      </c>
      <c r="FE9" s="396">
        <v>0</v>
      </c>
      <c r="FF9" s="396">
        <v>0</v>
      </c>
      <c r="FG9" s="396">
        <v>0</v>
      </c>
      <c r="FH9" s="396">
        <v>0</v>
      </c>
      <c r="FI9" s="401">
        <v>0</v>
      </c>
      <c r="FJ9" s="393">
        <v>0</v>
      </c>
      <c r="FK9" s="397">
        <v>4980013</v>
      </c>
      <c r="FL9" s="396">
        <v>7285751</v>
      </c>
      <c r="FM9" s="394">
        <v>12265764</v>
      </c>
      <c r="FN9" s="395">
        <v>0</v>
      </c>
      <c r="FO9" s="396">
        <v>12082892</v>
      </c>
      <c r="FP9" s="396">
        <v>29330650</v>
      </c>
      <c r="FQ9" s="396">
        <v>21234959</v>
      </c>
      <c r="FR9" s="396">
        <v>21667789</v>
      </c>
      <c r="FS9" s="396">
        <v>15731201</v>
      </c>
      <c r="FT9" s="394">
        <v>100047491</v>
      </c>
      <c r="FU9" s="393">
        <v>112313255</v>
      </c>
      <c r="FV9" s="397">
        <v>2212294</v>
      </c>
      <c r="FW9" s="396">
        <v>5326286</v>
      </c>
      <c r="FX9" s="392">
        <v>7538580</v>
      </c>
      <c r="FY9" s="398">
        <v>0</v>
      </c>
      <c r="FZ9" s="396">
        <v>8619492</v>
      </c>
      <c r="GA9" s="404">
        <v>26535122</v>
      </c>
      <c r="GB9" s="396">
        <v>18899477</v>
      </c>
      <c r="GC9" s="404">
        <v>19601371</v>
      </c>
      <c r="GD9" s="396">
        <v>15038792</v>
      </c>
      <c r="GE9" s="401">
        <v>88694254</v>
      </c>
      <c r="GF9" s="405">
        <v>96232834</v>
      </c>
      <c r="GG9" s="406">
        <v>151088</v>
      </c>
      <c r="GH9" s="396">
        <v>598418</v>
      </c>
      <c r="GI9" s="404">
        <v>749506</v>
      </c>
      <c r="GJ9" s="391">
        <v>0</v>
      </c>
      <c r="GK9" s="396">
        <v>584487</v>
      </c>
      <c r="GL9" s="392">
        <v>936748</v>
      </c>
      <c r="GM9" s="396">
        <v>679079</v>
      </c>
      <c r="GN9" s="392">
        <v>473553</v>
      </c>
      <c r="GO9" s="396">
        <v>349507</v>
      </c>
      <c r="GP9" s="402">
        <v>3023374</v>
      </c>
      <c r="GQ9" s="393">
        <v>3772880</v>
      </c>
      <c r="GR9" s="392">
        <v>2616631</v>
      </c>
      <c r="GS9" s="396">
        <v>1361047</v>
      </c>
      <c r="GT9" s="394">
        <v>3977678</v>
      </c>
      <c r="GU9" s="392">
        <v>0</v>
      </c>
      <c r="GV9" s="396">
        <v>2878913</v>
      </c>
      <c r="GW9" s="392">
        <v>1858780</v>
      </c>
      <c r="GX9" s="396">
        <v>1656403</v>
      </c>
      <c r="GY9" s="392">
        <v>1592865</v>
      </c>
      <c r="GZ9" s="396">
        <v>342902</v>
      </c>
      <c r="HA9" s="392">
        <v>8329863</v>
      </c>
      <c r="HB9" s="393">
        <v>12307541</v>
      </c>
      <c r="HC9" s="392">
        <v>10810157</v>
      </c>
      <c r="HD9" s="396">
        <v>13473679</v>
      </c>
      <c r="HE9" s="392">
        <v>24283836</v>
      </c>
      <c r="HF9" s="398">
        <v>0</v>
      </c>
      <c r="HG9" s="396">
        <v>80699272</v>
      </c>
      <c r="HH9" s="404">
        <v>93845517</v>
      </c>
      <c r="HI9" s="396">
        <v>90408137</v>
      </c>
      <c r="HJ9" s="404">
        <v>109050384</v>
      </c>
      <c r="HK9" s="396">
        <v>78264635</v>
      </c>
      <c r="HL9" s="401">
        <v>452267945</v>
      </c>
      <c r="HM9" s="392">
        <v>476551781</v>
      </c>
      <c r="HN9" s="469"/>
      <c r="HO9" s="470"/>
      <c r="HP9" s="471"/>
      <c r="HQ9" s="472"/>
      <c r="HR9" s="470"/>
      <c r="HS9" s="472"/>
      <c r="HT9" s="470"/>
      <c r="HU9" s="472"/>
      <c r="HV9" s="470"/>
      <c r="HW9" s="472"/>
      <c r="HX9" s="473"/>
      <c r="HY9" s="407">
        <v>536470</v>
      </c>
      <c r="HZ9" s="408">
        <v>847106</v>
      </c>
      <c r="IA9" s="409">
        <v>1383576</v>
      </c>
      <c r="IB9" s="410">
        <v>0</v>
      </c>
      <c r="IC9" s="408">
        <v>55380493</v>
      </c>
      <c r="ID9" s="411">
        <v>67198352</v>
      </c>
      <c r="IE9" s="412">
        <v>76108236</v>
      </c>
      <c r="IF9" s="408">
        <v>58024481</v>
      </c>
      <c r="IG9" s="412">
        <v>43468623</v>
      </c>
      <c r="IH9" s="413">
        <v>300180185</v>
      </c>
      <c r="II9" s="414">
        <v>301563761</v>
      </c>
      <c r="IJ9" s="415">
        <v>0</v>
      </c>
      <c r="IK9" s="416">
        <v>0</v>
      </c>
      <c r="IL9" s="417">
        <v>0</v>
      </c>
      <c r="IM9" s="418"/>
      <c r="IN9" s="419">
        <v>1985602</v>
      </c>
      <c r="IO9" s="419">
        <v>3135906</v>
      </c>
      <c r="IP9" s="419">
        <v>2515449</v>
      </c>
      <c r="IQ9" s="419">
        <v>5166962</v>
      </c>
      <c r="IR9" s="419">
        <v>4375017</v>
      </c>
      <c r="IS9" s="420">
        <v>17178936</v>
      </c>
      <c r="IT9" s="421">
        <v>17178936</v>
      </c>
      <c r="IU9" s="422">
        <v>0</v>
      </c>
      <c r="IV9" s="419">
        <v>0</v>
      </c>
      <c r="IW9" s="423">
        <v>0</v>
      </c>
      <c r="IX9" s="424"/>
      <c r="IY9" s="419">
        <v>98045</v>
      </c>
      <c r="IZ9" s="419">
        <v>537990</v>
      </c>
      <c r="JA9" s="419">
        <v>780583</v>
      </c>
      <c r="JB9" s="419">
        <v>973531</v>
      </c>
      <c r="JC9" s="419">
        <v>1006476</v>
      </c>
      <c r="JD9" s="423">
        <v>3396625</v>
      </c>
      <c r="JE9" s="425">
        <v>3396625</v>
      </c>
      <c r="JF9" s="422">
        <v>0</v>
      </c>
      <c r="JG9" s="419">
        <v>0</v>
      </c>
      <c r="JH9" s="420">
        <v>0</v>
      </c>
      <c r="JI9" s="426">
        <v>0</v>
      </c>
      <c r="JJ9" s="419">
        <v>27117933</v>
      </c>
      <c r="JK9" s="419">
        <v>24333441</v>
      </c>
      <c r="JL9" s="419">
        <v>18189816</v>
      </c>
      <c r="JM9" s="419">
        <v>9887345</v>
      </c>
      <c r="JN9" s="419">
        <v>4351931</v>
      </c>
      <c r="JO9" s="423">
        <v>83880466</v>
      </c>
      <c r="JP9" s="421">
        <v>83880466</v>
      </c>
      <c r="JQ9" s="422">
        <v>22252</v>
      </c>
      <c r="JR9" s="419">
        <v>0</v>
      </c>
      <c r="JS9" s="420">
        <v>22252</v>
      </c>
      <c r="JT9" s="426">
        <v>0</v>
      </c>
      <c r="JU9" s="419">
        <v>2575779</v>
      </c>
      <c r="JV9" s="419">
        <v>5952320</v>
      </c>
      <c r="JW9" s="419">
        <v>6158160</v>
      </c>
      <c r="JX9" s="419">
        <v>3004787</v>
      </c>
      <c r="JY9" s="419">
        <v>3712838</v>
      </c>
      <c r="JZ9" s="423">
        <v>21403884</v>
      </c>
      <c r="KA9" s="421">
        <v>21426136</v>
      </c>
      <c r="KB9" s="427">
        <v>514218</v>
      </c>
      <c r="KC9" s="428">
        <v>847106</v>
      </c>
      <c r="KD9" s="423">
        <v>1361324</v>
      </c>
      <c r="KE9" s="426">
        <v>0</v>
      </c>
      <c r="KF9" s="419">
        <v>7705948</v>
      </c>
      <c r="KG9" s="419">
        <v>6476933</v>
      </c>
      <c r="KH9" s="419">
        <v>12898952</v>
      </c>
      <c r="KI9" s="419">
        <v>8390054</v>
      </c>
      <c r="KJ9" s="419">
        <v>5316681</v>
      </c>
      <c r="KK9" s="423">
        <v>40788568</v>
      </c>
      <c r="KL9" s="429">
        <v>42149892</v>
      </c>
      <c r="KM9" s="415">
        <v>0</v>
      </c>
      <c r="KN9" s="416">
        <v>0</v>
      </c>
      <c r="KO9" s="417">
        <v>0</v>
      </c>
      <c r="KP9" s="418"/>
      <c r="KQ9" s="419">
        <v>14616458</v>
      </c>
      <c r="KR9" s="419">
        <v>23039777</v>
      </c>
      <c r="KS9" s="419">
        <v>28217409</v>
      </c>
      <c r="KT9" s="419">
        <v>19777451</v>
      </c>
      <c r="KU9" s="419">
        <v>12763924</v>
      </c>
      <c r="KV9" s="423">
        <v>98415019</v>
      </c>
      <c r="KW9" s="421">
        <v>98415019</v>
      </c>
      <c r="KX9" s="422">
        <v>0</v>
      </c>
      <c r="KY9" s="419">
        <v>0</v>
      </c>
      <c r="KZ9" s="423">
        <v>0</v>
      </c>
      <c r="LA9" s="430"/>
      <c r="LB9" s="419">
        <v>396139</v>
      </c>
      <c r="LC9" s="419">
        <v>1203897</v>
      </c>
      <c r="LD9" s="419">
        <v>1247973</v>
      </c>
      <c r="LE9" s="419">
        <v>1154855</v>
      </c>
      <c r="LF9" s="419">
        <v>996041</v>
      </c>
      <c r="LG9" s="423">
        <v>4998905</v>
      </c>
      <c r="LH9" s="425">
        <v>4998905</v>
      </c>
      <c r="LI9" s="422">
        <v>0</v>
      </c>
      <c r="LJ9" s="419">
        <v>0</v>
      </c>
      <c r="LK9" s="423">
        <v>0</v>
      </c>
      <c r="LL9" s="430"/>
      <c r="LM9" s="419">
        <v>182174</v>
      </c>
      <c r="LN9" s="419">
        <v>328779</v>
      </c>
      <c r="LO9" s="419">
        <v>2326482</v>
      </c>
      <c r="LP9" s="419">
        <v>4293855</v>
      </c>
      <c r="LQ9" s="419">
        <v>2187267</v>
      </c>
      <c r="LR9" s="423">
        <v>9318557</v>
      </c>
      <c r="LS9" s="421">
        <v>9318557</v>
      </c>
      <c r="LT9" s="422">
        <v>0</v>
      </c>
      <c r="LU9" s="419">
        <v>0</v>
      </c>
      <c r="LV9" s="423">
        <v>0</v>
      </c>
      <c r="LW9" s="430"/>
      <c r="LX9" s="419">
        <v>702415</v>
      </c>
      <c r="LY9" s="419">
        <v>2189309</v>
      </c>
      <c r="LZ9" s="419">
        <v>3773412</v>
      </c>
      <c r="MA9" s="419">
        <v>5375641</v>
      </c>
      <c r="MB9" s="419">
        <v>8758448</v>
      </c>
      <c r="MC9" s="423">
        <v>20799225</v>
      </c>
      <c r="MD9" s="425">
        <v>20799225</v>
      </c>
      <c r="ME9" s="422">
        <v>0</v>
      </c>
      <c r="MF9" s="419">
        <v>0</v>
      </c>
      <c r="MG9" s="423">
        <v>0</v>
      </c>
      <c r="MH9" s="430"/>
      <c r="MI9" s="419">
        <v>11433539</v>
      </c>
      <c r="MJ9" s="419">
        <v>38532394</v>
      </c>
      <c r="MK9" s="419">
        <v>98380071</v>
      </c>
      <c r="ML9" s="419">
        <v>158408413</v>
      </c>
      <c r="MM9" s="419">
        <v>106204250</v>
      </c>
      <c r="MN9" s="423">
        <v>412958667</v>
      </c>
      <c r="MO9" s="429">
        <v>412958667</v>
      </c>
      <c r="MP9" s="422">
        <v>0</v>
      </c>
      <c r="MQ9" s="419">
        <v>0</v>
      </c>
      <c r="MR9" s="423">
        <v>0</v>
      </c>
      <c r="MS9" s="430"/>
      <c r="MT9" s="419">
        <v>487770</v>
      </c>
      <c r="MU9" s="419">
        <v>5581242</v>
      </c>
      <c r="MV9" s="419">
        <v>47204789</v>
      </c>
      <c r="MW9" s="419">
        <v>91473317</v>
      </c>
      <c r="MX9" s="419">
        <v>63328045</v>
      </c>
      <c r="MY9" s="423">
        <v>208075163</v>
      </c>
      <c r="MZ9" s="429">
        <v>208075163</v>
      </c>
      <c r="NA9" s="422">
        <v>0</v>
      </c>
      <c r="NB9" s="419">
        <v>0</v>
      </c>
      <c r="NC9" s="423">
        <v>0</v>
      </c>
      <c r="ND9" s="430">
        <v>0</v>
      </c>
      <c r="NE9" s="419">
        <v>10945769</v>
      </c>
      <c r="NF9" s="419">
        <v>32544663</v>
      </c>
      <c r="NG9" s="419">
        <v>50958854</v>
      </c>
      <c r="NH9" s="419">
        <v>60709757</v>
      </c>
      <c r="NI9" s="419">
        <v>32053621</v>
      </c>
      <c r="NJ9" s="423">
        <v>187212664</v>
      </c>
      <c r="NK9" s="421">
        <v>187212664</v>
      </c>
      <c r="NL9" s="422">
        <v>0</v>
      </c>
      <c r="NM9" s="419">
        <v>0</v>
      </c>
      <c r="NN9" s="423">
        <v>0</v>
      </c>
      <c r="NO9" s="430"/>
      <c r="NP9" s="419">
        <v>0</v>
      </c>
      <c r="NQ9" s="419">
        <v>0</v>
      </c>
      <c r="NR9" s="419">
        <v>0</v>
      </c>
      <c r="NS9" s="419">
        <v>3321576</v>
      </c>
      <c r="NT9" s="419">
        <v>5113495</v>
      </c>
      <c r="NU9" s="423">
        <v>8435071</v>
      </c>
      <c r="NV9" s="425">
        <v>8435071</v>
      </c>
      <c r="NW9" s="422">
        <v>0</v>
      </c>
      <c r="NX9" s="419">
        <v>0</v>
      </c>
      <c r="NY9" s="423">
        <v>0</v>
      </c>
      <c r="NZ9" s="430"/>
      <c r="OA9" s="419">
        <v>0</v>
      </c>
      <c r="OB9" s="419">
        <v>406489</v>
      </c>
      <c r="OC9" s="419">
        <v>216428</v>
      </c>
      <c r="OD9" s="419">
        <v>2903763</v>
      </c>
      <c r="OE9" s="419">
        <v>5709089</v>
      </c>
      <c r="OF9" s="423">
        <v>9235769</v>
      </c>
      <c r="OG9" s="425">
        <v>9235769</v>
      </c>
      <c r="OH9" s="422">
        <v>25028638</v>
      </c>
      <c r="OI9" s="419">
        <v>40901798</v>
      </c>
      <c r="OJ9" s="420">
        <v>65930436</v>
      </c>
      <c r="OK9" s="426">
        <v>0</v>
      </c>
      <c r="OL9" s="419">
        <v>308119242</v>
      </c>
      <c r="OM9" s="419">
        <v>436440484</v>
      </c>
      <c r="ON9" s="419">
        <v>446079788</v>
      </c>
      <c r="OO9" s="419">
        <v>516753331</v>
      </c>
      <c r="OP9" s="419">
        <v>381853644</v>
      </c>
      <c r="OQ9" s="423">
        <v>2089246489</v>
      </c>
      <c r="OR9" s="429">
        <v>2155176925</v>
      </c>
    </row>
    <row r="10" spans="1:408" s="474" customFormat="1" ht="20.25" customHeight="1" x14ac:dyDescent="0.2">
      <c r="A10" s="475" t="s">
        <v>5</v>
      </c>
      <c r="B10" s="433">
        <v>11174887</v>
      </c>
      <c r="C10" s="434">
        <v>19792204</v>
      </c>
      <c r="D10" s="435">
        <v>30967091</v>
      </c>
      <c r="E10" s="436">
        <v>0</v>
      </c>
      <c r="F10" s="434">
        <v>92985561</v>
      </c>
      <c r="G10" s="434">
        <v>166144548</v>
      </c>
      <c r="H10" s="434">
        <v>124844354</v>
      </c>
      <c r="I10" s="434">
        <v>128417623</v>
      </c>
      <c r="J10" s="434">
        <v>101727396</v>
      </c>
      <c r="K10" s="436">
        <v>614119482</v>
      </c>
      <c r="L10" s="437">
        <v>645086573</v>
      </c>
      <c r="M10" s="433">
        <v>3054093</v>
      </c>
      <c r="N10" s="434">
        <v>7186576</v>
      </c>
      <c r="O10" s="435">
        <v>10240669</v>
      </c>
      <c r="P10" s="433">
        <v>0</v>
      </c>
      <c r="Q10" s="434">
        <v>29845842</v>
      </c>
      <c r="R10" s="434">
        <v>60573925</v>
      </c>
      <c r="S10" s="434">
        <v>38365796</v>
      </c>
      <c r="T10" s="434">
        <v>46620098</v>
      </c>
      <c r="U10" s="434">
        <v>46969655</v>
      </c>
      <c r="V10" s="435">
        <v>222375316</v>
      </c>
      <c r="W10" s="437">
        <v>232615985</v>
      </c>
      <c r="X10" s="433">
        <v>0</v>
      </c>
      <c r="Y10" s="434">
        <v>0</v>
      </c>
      <c r="Z10" s="435">
        <v>0</v>
      </c>
      <c r="AA10" s="433">
        <v>0</v>
      </c>
      <c r="AB10" s="434">
        <v>12410551</v>
      </c>
      <c r="AC10" s="434">
        <v>25200763</v>
      </c>
      <c r="AD10" s="434">
        <v>16542301</v>
      </c>
      <c r="AE10" s="434">
        <v>22217994</v>
      </c>
      <c r="AF10" s="434">
        <v>24995785</v>
      </c>
      <c r="AG10" s="435">
        <v>101367394</v>
      </c>
      <c r="AH10" s="437">
        <v>101367394</v>
      </c>
      <c r="AI10" s="433">
        <v>8079</v>
      </c>
      <c r="AJ10" s="434">
        <v>56930</v>
      </c>
      <c r="AK10" s="435">
        <v>65009</v>
      </c>
      <c r="AL10" s="433">
        <v>0</v>
      </c>
      <c r="AM10" s="434">
        <v>42095</v>
      </c>
      <c r="AN10" s="434">
        <v>675456</v>
      </c>
      <c r="AO10" s="434">
        <v>1102886</v>
      </c>
      <c r="AP10" s="434">
        <v>3348727</v>
      </c>
      <c r="AQ10" s="434">
        <v>5149986</v>
      </c>
      <c r="AR10" s="435">
        <v>10319150</v>
      </c>
      <c r="AS10" s="437">
        <v>10384159</v>
      </c>
      <c r="AT10" s="433">
        <v>1609446</v>
      </c>
      <c r="AU10" s="434">
        <v>4776898</v>
      </c>
      <c r="AV10" s="435">
        <v>6386344</v>
      </c>
      <c r="AW10" s="433">
        <v>0</v>
      </c>
      <c r="AX10" s="434">
        <v>10842893</v>
      </c>
      <c r="AY10" s="434">
        <v>23997505</v>
      </c>
      <c r="AZ10" s="434">
        <v>13069651</v>
      </c>
      <c r="BA10" s="434">
        <v>12658239</v>
      </c>
      <c r="BB10" s="434">
        <v>10864992</v>
      </c>
      <c r="BC10" s="435">
        <v>71433280</v>
      </c>
      <c r="BD10" s="437">
        <v>77819624</v>
      </c>
      <c r="BE10" s="433">
        <v>123116</v>
      </c>
      <c r="BF10" s="434">
        <v>771343</v>
      </c>
      <c r="BG10" s="438">
        <v>894459</v>
      </c>
      <c r="BH10" s="439">
        <v>0</v>
      </c>
      <c r="BI10" s="434">
        <v>806145</v>
      </c>
      <c r="BJ10" s="434">
        <v>2361619</v>
      </c>
      <c r="BK10" s="434">
        <v>1004556</v>
      </c>
      <c r="BL10" s="434">
        <v>1342607</v>
      </c>
      <c r="BM10" s="434">
        <v>556264</v>
      </c>
      <c r="BN10" s="435">
        <v>6071191</v>
      </c>
      <c r="BO10" s="437">
        <v>6965650</v>
      </c>
      <c r="BP10" s="433">
        <v>1313452</v>
      </c>
      <c r="BQ10" s="434">
        <v>1581405</v>
      </c>
      <c r="BR10" s="435">
        <v>2894857</v>
      </c>
      <c r="BS10" s="433">
        <v>0</v>
      </c>
      <c r="BT10" s="434">
        <v>5744158</v>
      </c>
      <c r="BU10" s="434">
        <v>8338582</v>
      </c>
      <c r="BV10" s="434">
        <v>6646402</v>
      </c>
      <c r="BW10" s="434">
        <v>7052531</v>
      </c>
      <c r="BX10" s="434">
        <v>5402628</v>
      </c>
      <c r="BY10" s="435">
        <v>33184301</v>
      </c>
      <c r="BZ10" s="437">
        <v>36079158</v>
      </c>
      <c r="CA10" s="433">
        <v>1040903</v>
      </c>
      <c r="CB10" s="434">
        <v>2513482</v>
      </c>
      <c r="CC10" s="435">
        <v>3554385</v>
      </c>
      <c r="CD10" s="433">
        <v>0</v>
      </c>
      <c r="CE10" s="434">
        <v>21948191</v>
      </c>
      <c r="CF10" s="434">
        <v>36464274</v>
      </c>
      <c r="CG10" s="434">
        <v>23550438</v>
      </c>
      <c r="CH10" s="434">
        <v>15770363</v>
      </c>
      <c r="CI10" s="434">
        <v>7908029</v>
      </c>
      <c r="CJ10" s="435">
        <v>105641295</v>
      </c>
      <c r="CK10" s="437">
        <v>109195680</v>
      </c>
      <c r="CL10" s="433">
        <v>0</v>
      </c>
      <c r="CM10" s="434">
        <v>0</v>
      </c>
      <c r="CN10" s="435">
        <v>0</v>
      </c>
      <c r="CO10" s="439">
        <v>0</v>
      </c>
      <c r="CP10" s="434">
        <v>17604344</v>
      </c>
      <c r="CQ10" s="434">
        <v>25428923</v>
      </c>
      <c r="CR10" s="434">
        <v>15045638</v>
      </c>
      <c r="CS10" s="434">
        <v>10258681</v>
      </c>
      <c r="CT10" s="434">
        <v>4931802</v>
      </c>
      <c r="CU10" s="435">
        <v>73269388</v>
      </c>
      <c r="CV10" s="437">
        <v>73269388</v>
      </c>
      <c r="CW10" s="433">
        <v>1040903</v>
      </c>
      <c r="CX10" s="434">
        <v>2513482</v>
      </c>
      <c r="CY10" s="435">
        <v>3554385</v>
      </c>
      <c r="CZ10" s="433">
        <v>0</v>
      </c>
      <c r="DA10" s="434">
        <v>4343847</v>
      </c>
      <c r="DB10" s="434">
        <v>11035351</v>
      </c>
      <c r="DC10" s="434">
        <v>8504800</v>
      </c>
      <c r="DD10" s="434">
        <v>5511682</v>
      </c>
      <c r="DE10" s="434">
        <v>2976227</v>
      </c>
      <c r="DF10" s="435">
        <v>32371907</v>
      </c>
      <c r="DG10" s="437">
        <v>35926292</v>
      </c>
      <c r="DH10" s="433">
        <v>9412</v>
      </c>
      <c r="DI10" s="434">
        <v>508445</v>
      </c>
      <c r="DJ10" s="438">
        <v>517857</v>
      </c>
      <c r="DK10" s="439">
        <v>0</v>
      </c>
      <c r="DL10" s="434">
        <v>3062650</v>
      </c>
      <c r="DM10" s="434">
        <v>6651592</v>
      </c>
      <c r="DN10" s="434">
        <v>8652814</v>
      </c>
      <c r="DO10" s="434">
        <v>9951163</v>
      </c>
      <c r="DP10" s="434">
        <v>5781632</v>
      </c>
      <c r="DQ10" s="435">
        <v>34099851</v>
      </c>
      <c r="DR10" s="437">
        <v>34617708</v>
      </c>
      <c r="DS10" s="433">
        <v>9412</v>
      </c>
      <c r="DT10" s="434">
        <v>366967</v>
      </c>
      <c r="DU10" s="435">
        <v>376379</v>
      </c>
      <c r="DV10" s="433">
        <v>0</v>
      </c>
      <c r="DW10" s="434">
        <v>2544501</v>
      </c>
      <c r="DX10" s="434">
        <v>5464052</v>
      </c>
      <c r="DY10" s="434">
        <v>7233990</v>
      </c>
      <c r="DZ10" s="434">
        <v>8216086</v>
      </c>
      <c r="EA10" s="434">
        <v>3623335</v>
      </c>
      <c r="EB10" s="435">
        <v>27081964</v>
      </c>
      <c r="EC10" s="437">
        <v>27458343</v>
      </c>
      <c r="ED10" s="433">
        <v>0</v>
      </c>
      <c r="EE10" s="438">
        <v>141478</v>
      </c>
      <c r="EF10" s="435">
        <v>141478</v>
      </c>
      <c r="EG10" s="433">
        <v>0</v>
      </c>
      <c r="EH10" s="434">
        <v>518149</v>
      </c>
      <c r="EI10" s="434">
        <v>1187540</v>
      </c>
      <c r="EJ10" s="434">
        <v>1418824</v>
      </c>
      <c r="EK10" s="434">
        <v>1735077</v>
      </c>
      <c r="EL10" s="434">
        <v>2158297</v>
      </c>
      <c r="EM10" s="438">
        <v>7017887</v>
      </c>
      <c r="EN10" s="437">
        <v>7159365</v>
      </c>
      <c r="EO10" s="433">
        <v>0</v>
      </c>
      <c r="EP10" s="434">
        <v>0</v>
      </c>
      <c r="EQ10" s="438">
        <v>0</v>
      </c>
      <c r="ER10" s="439">
        <v>0</v>
      </c>
      <c r="ES10" s="434">
        <v>0</v>
      </c>
      <c r="ET10" s="434">
        <v>0</v>
      </c>
      <c r="EU10" s="434">
        <v>0</v>
      </c>
      <c r="EV10" s="434">
        <v>0</v>
      </c>
      <c r="EW10" s="434">
        <v>0</v>
      </c>
      <c r="EX10" s="435">
        <v>0</v>
      </c>
      <c r="EY10" s="437">
        <v>0</v>
      </c>
      <c r="EZ10" s="433">
        <v>0</v>
      </c>
      <c r="FA10" s="434">
        <v>0</v>
      </c>
      <c r="FB10" s="438">
        <v>0</v>
      </c>
      <c r="FC10" s="440"/>
      <c r="FD10" s="434">
        <v>0</v>
      </c>
      <c r="FE10" s="434">
        <v>0</v>
      </c>
      <c r="FF10" s="434">
        <v>0</v>
      </c>
      <c r="FG10" s="434">
        <v>0</v>
      </c>
      <c r="FH10" s="434">
        <v>0</v>
      </c>
      <c r="FI10" s="435">
        <v>0</v>
      </c>
      <c r="FJ10" s="437">
        <v>0</v>
      </c>
      <c r="FK10" s="433">
        <v>2542449</v>
      </c>
      <c r="FL10" s="434">
        <v>3217170</v>
      </c>
      <c r="FM10" s="435">
        <v>5759619</v>
      </c>
      <c r="FN10" s="433">
        <v>0</v>
      </c>
      <c r="FO10" s="434">
        <v>4031271</v>
      </c>
      <c r="FP10" s="434">
        <v>13887852</v>
      </c>
      <c r="FQ10" s="434">
        <v>9181944</v>
      </c>
      <c r="FR10" s="434">
        <v>8760823</v>
      </c>
      <c r="FS10" s="434">
        <v>6532866</v>
      </c>
      <c r="FT10" s="435">
        <v>42394756</v>
      </c>
      <c r="FU10" s="437">
        <v>48154375</v>
      </c>
      <c r="FV10" s="441">
        <v>791861</v>
      </c>
      <c r="FW10" s="434">
        <v>2262932</v>
      </c>
      <c r="FX10" s="438">
        <v>3054793</v>
      </c>
      <c r="FY10" s="439">
        <v>0</v>
      </c>
      <c r="FZ10" s="434">
        <v>2721068</v>
      </c>
      <c r="GA10" s="434">
        <v>12548298</v>
      </c>
      <c r="GB10" s="434">
        <v>7935298</v>
      </c>
      <c r="GC10" s="434">
        <v>7842371</v>
      </c>
      <c r="GD10" s="434">
        <v>6300140</v>
      </c>
      <c r="GE10" s="435">
        <v>37347175</v>
      </c>
      <c r="GF10" s="442">
        <v>40401968</v>
      </c>
      <c r="GG10" s="441">
        <v>71568</v>
      </c>
      <c r="GH10" s="434">
        <v>190011</v>
      </c>
      <c r="GI10" s="438">
        <v>261579</v>
      </c>
      <c r="GJ10" s="439">
        <v>0</v>
      </c>
      <c r="GK10" s="434">
        <v>129737</v>
      </c>
      <c r="GL10" s="434">
        <v>412075</v>
      </c>
      <c r="GM10" s="434">
        <v>351717</v>
      </c>
      <c r="GN10" s="434">
        <v>236652</v>
      </c>
      <c r="GO10" s="434">
        <v>111626</v>
      </c>
      <c r="GP10" s="435">
        <v>1241807</v>
      </c>
      <c r="GQ10" s="437">
        <v>1503386</v>
      </c>
      <c r="GR10" s="433">
        <v>1679020</v>
      </c>
      <c r="GS10" s="434">
        <v>764227</v>
      </c>
      <c r="GT10" s="435">
        <v>2443247</v>
      </c>
      <c r="GU10" s="433">
        <v>0</v>
      </c>
      <c r="GV10" s="434">
        <v>1180466</v>
      </c>
      <c r="GW10" s="434">
        <v>927479</v>
      </c>
      <c r="GX10" s="434">
        <v>894929</v>
      </c>
      <c r="GY10" s="434">
        <v>681800</v>
      </c>
      <c r="GZ10" s="434">
        <v>121100</v>
      </c>
      <c r="HA10" s="438">
        <v>3805774</v>
      </c>
      <c r="HB10" s="437">
        <v>6249021</v>
      </c>
      <c r="HC10" s="433">
        <v>4528030</v>
      </c>
      <c r="HD10" s="434">
        <v>6366531</v>
      </c>
      <c r="HE10" s="438">
        <v>10894561</v>
      </c>
      <c r="HF10" s="439">
        <v>0</v>
      </c>
      <c r="HG10" s="434">
        <v>34097607</v>
      </c>
      <c r="HH10" s="434">
        <v>48566905</v>
      </c>
      <c r="HI10" s="434">
        <v>45093362</v>
      </c>
      <c r="HJ10" s="434">
        <v>47315176</v>
      </c>
      <c r="HK10" s="434">
        <v>34535214</v>
      </c>
      <c r="HL10" s="435">
        <v>209608264</v>
      </c>
      <c r="HM10" s="436">
        <v>220502825</v>
      </c>
      <c r="HN10" s="476"/>
      <c r="HO10" s="477"/>
      <c r="HP10" s="478"/>
      <c r="HQ10" s="479"/>
      <c r="HR10" s="477"/>
      <c r="HS10" s="477"/>
      <c r="HT10" s="477"/>
      <c r="HU10" s="477"/>
      <c r="HV10" s="477"/>
      <c r="HW10" s="480"/>
      <c r="HX10" s="481"/>
      <c r="HY10" s="443">
        <v>355874</v>
      </c>
      <c r="HZ10" s="444">
        <v>385836</v>
      </c>
      <c r="IA10" s="445">
        <v>741710</v>
      </c>
      <c r="IB10" s="446">
        <v>0</v>
      </c>
      <c r="IC10" s="447">
        <v>21283071</v>
      </c>
      <c r="ID10" s="448">
        <v>30510017</v>
      </c>
      <c r="IE10" s="449">
        <v>34087092</v>
      </c>
      <c r="IF10" s="447">
        <v>22135454</v>
      </c>
      <c r="IG10" s="449">
        <v>18004146</v>
      </c>
      <c r="IH10" s="450">
        <v>126019780</v>
      </c>
      <c r="II10" s="451">
        <v>126761490</v>
      </c>
      <c r="IJ10" s="452">
        <v>0</v>
      </c>
      <c r="IK10" s="453">
        <v>0</v>
      </c>
      <c r="IL10" s="454">
        <v>0</v>
      </c>
      <c r="IM10" s="455"/>
      <c r="IN10" s="456">
        <v>762368</v>
      </c>
      <c r="IO10" s="456">
        <v>1780872</v>
      </c>
      <c r="IP10" s="456">
        <v>1413328</v>
      </c>
      <c r="IQ10" s="456">
        <v>1642862</v>
      </c>
      <c r="IR10" s="456">
        <v>1308796</v>
      </c>
      <c r="IS10" s="457">
        <v>6908226</v>
      </c>
      <c r="IT10" s="458">
        <v>6908226</v>
      </c>
      <c r="IU10" s="459">
        <v>0</v>
      </c>
      <c r="IV10" s="456">
        <v>0</v>
      </c>
      <c r="IW10" s="460">
        <v>0</v>
      </c>
      <c r="IX10" s="461"/>
      <c r="IY10" s="456">
        <v>80670</v>
      </c>
      <c r="IZ10" s="456">
        <v>415455</v>
      </c>
      <c r="JA10" s="456">
        <v>670875</v>
      </c>
      <c r="JB10" s="456">
        <v>507844</v>
      </c>
      <c r="JC10" s="456">
        <v>731421</v>
      </c>
      <c r="JD10" s="460">
        <v>2406265</v>
      </c>
      <c r="JE10" s="462">
        <v>2406265</v>
      </c>
      <c r="JF10" s="459">
        <v>0</v>
      </c>
      <c r="JG10" s="456">
        <v>0</v>
      </c>
      <c r="JH10" s="457">
        <v>0</v>
      </c>
      <c r="JI10" s="463">
        <v>0</v>
      </c>
      <c r="JJ10" s="456">
        <v>10344860</v>
      </c>
      <c r="JK10" s="456">
        <v>12988704</v>
      </c>
      <c r="JL10" s="456">
        <v>7295738</v>
      </c>
      <c r="JM10" s="456">
        <v>4736333</v>
      </c>
      <c r="JN10" s="456">
        <v>2156184</v>
      </c>
      <c r="JO10" s="460">
        <v>37521819</v>
      </c>
      <c r="JP10" s="458">
        <v>37521819</v>
      </c>
      <c r="JQ10" s="459">
        <v>22252</v>
      </c>
      <c r="JR10" s="456">
        <v>0</v>
      </c>
      <c r="JS10" s="457">
        <v>22252</v>
      </c>
      <c r="JT10" s="463">
        <v>0</v>
      </c>
      <c r="JU10" s="456">
        <v>1581607</v>
      </c>
      <c r="JV10" s="456">
        <v>3865573</v>
      </c>
      <c r="JW10" s="456">
        <v>2798628</v>
      </c>
      <c r="JX10" s="456">
        <v>1898065</v>
      </c>
      <c r="JY10" s="456">
        <v>2710389</v>
      </c>
      <c r="JZ10" s="460">
        <v>12854262</v>
      </c>
      <c r="KA10" s="458">
        <v>12876514</v>
      </c>
      <c r="KB10" s="464">
        <v>333622</v>
      </c>
      <c r="KC10" s="465">
        <v>385836</v>
      </c>
      <c r="KD10" s="460">
        <v>719458</v>
      </c>
      <c r="KE10" s="463">
        <v>0</v>
      </c>
      <c r="KF10" s="456">
        <v>3020228</v>
      </c>
      <c r="KG10" s="456">
        <v>2139345</v>
      </c>
      <c r="KH10" s="456">
        <v>6806345</v>
      </c>
      <c r="KI10" s="456">
        <v>3619603</v>
      </c>
      <c r="KJ10" s="456">
        <v>2338065</v>
      </c>
      <c r="KK10" s="460">
        <v>17923586</v>
      </c>
      <c r="KL10" s="466">
        <v>18643044</v>
      </c>
      <c r="KM10" s="452">
        <v>0</v>
      </c>
      <c r="KN10" s="453">
        <v>0</v>
      </c>
      <c r="KO10" s="454">
        <v>0</v>
      </c>
      <c r="KP10" s="455"/>
      <c r="KQ10" s="456">
        <v>5406188</v>
      </c>
      <c r="KR10" s="456">
        <v>8742586</v>
      </c>
      <c r="KS10" s="456">
        <v>13501590</v>
      </c>
      <c r="KT10" s="456">
        <v>7704859</v>
      </c>
      <c r="KU10" s="456">
        <v>4082927</v>
      </c>
      <c r="KV10" s="460">
        <v>39438150</v>
      </c>
      <c r="KW10" s="458">
        <v>39438150</v>
      </c>
      <c r="KX10" s="459">
        <v>0</v>
      </c>
      <c r="KY10" s="456">
        <v>0</v>
      </c>
      <c r="KZ10" s="460">
        <v>0</v>
      </c>
      <c r="LA10" s="467"/>
      <c r="LB10" s="456">
        <v>0</v>
      </c>
      <c r="LC10" s="456">
        <v>0</v>
      </c>
      <c r="LD10" s="456">
        <v>0</v>
      </c>
      <c r="LE10" s="456">
        <v>0</v>
      </c>
      <c r="LF10" s="456">
        <v>0</v>
      </c>
      <c r="LG10" s="460">
        <v>0</v>
      </c>
      <c r="LH10" s="462">
        <v>0</v>
      </c>
      <c r="LI10" s="459">
        <v>0</v>
      </c>
      <c r="LJ10" s="456">
        <v>0</v>
      </c>
      <c r="LK10" s="460">
        <v>0</v>
      </c>
      <c r="LL10" s="467"/>
      <c r="LM10" s="456">
        <v>0</v>
      </c>
      <c r="LN10" s="456">
        <v>0</v>
      </c>
      <c r="LO10" s="456">
        <v>226988</v>
      </c>
      <c r="LP10" s="456">
        <v>235805</v>
      </c>
      <c r="LQ10" s="456">
        <v>0</v>
      </c>
      <c r="LR10" s="460">
        <v>462793</v>
      </c>
      <c r="LS10" s="458">
        <v>462793</v>
      </c>
      <c r="LT10" s="459">
        <v>0</v>
      </c>
      <c r="LU10" s="456">
        <v>0</v>
      </c>
      <c r="LV10" s="460">
        <v>0</v>
      </c>
      <c r="LW10" s="467"/>
      <c r="LX10" s="456">
        <v>87150</v>
      </c>
      <c r="LY10" s="456">
        <v>577482</v>
      </c>
      <c r="LZ10" s="456">
        <v>1373600</v>
      </c>
      <c r="MA10" s="456">
        <v>1790083</v>
      </c>
      <c r="MB10" s="456">
        <v>4676364</v>
      </c>
      <c r="MC10" s="460">
        <v>8504679</v>
      </c>
      <c r="MD10" s="462">
        <v>8504679</v>
      </c>
      <c r="ME10" s="459">
        <v>0</v>
      </c>
      <c r="MF10" s="456">
        <v>0</v>
      </c>
      <c r="MG10" s="460">
        <v>0</v>
      </c>
      <c r="MH10" s="467"/>
      <c r="MI10" s="456">
        <v>5265621</v>
      </c>
      <c r="MJ10" s="456">
        <v>20680747</v>
      </c>
      <c r="MK10" s="456">
        <v>47837837</v>
      </c>
      <c r="ML10" s="456">
        <v>71863476</v>
      </c>
      <c r="MM10" s="456">
        <v>56492352</v>
      </c>
      <c r="MN10" s="460">
        <v>202140033</v>
      </c>
      <c r="MO10" s="466">
        <v>202140033</v>
      </c>
      <c r="MP10" s="459">
        <v>0</v>
      </c>
      <c r="MQ10" s="456">
        <v>0</v>
      </c>
      <c r="MR10" s="460">
        <v>0</v>
      </c>
      <c r="MS10" s="467"/>
      <c r="MT10" s="456">
        <v>351614</v>
      </c>
      <c r="MU10" s="456">
        <v>3815897</v>
      </c>
      <c r="MV10" s="456">
        <v>23456780</v>
      </c>
      <c r="MW10" s="456">
        <v>38851363</v>
      </c>
      <c r="MX10" s="456">
        <v>32944268</v>
      </c>
      <c r="MY10" s="460">
        <v>99419922</v>
      </c>
      <c r="MZ10" s="466">
        <v>99419922</v>
      </c>
      <c r="NA10" s="459">
        <v>0</v>
      </c>
      <c r="NB10" s="456">
        <v>0</v>
      </c>
      <c r="NC10" s="460">
        <v>0</v>
      </c>
      <c r="ND10" s="467">
        <v>0</v>
      </c>
      <c r="NE10" s="456">
        <v>4914007</v>
      </c>
      <c r="NF10" s="456">
        <v>16647734</v>
      </c>
      <c r="NG10" s="456">
        <v>24381057</v>
      </c>
      <c r="NH10" s="456">
        <v>30714435</v>
      </c>
      <c r="NI10" s="456">
        <v>18974323</v>
      </c>
      <c r="NJ10" s="460">
        <v>95631556</v>
      </c>
      <c r="NK10" s="458">
        <v>95631556</v>
      </c>
      <c r="NL10" s="459">
        <v>0</v>
      </c>
      <c r="NM10" s="456">
        <v>0</v>
      </c>
      <c r="NN10" s="460">
        <v>0</v>
      </c>
      <c r="NO10" s="467"/>
      <c r="NP10" s="456">
        <v>0</v>
      </c>
      <c r="NQ10" s="456">
        <v>0</v>
      </c>
      <c r="NR10" s="456">
        <v>0</v>
      </c>
      <c r="NS10" s="456">
        <v>1098058</v>
      </c>
      <c r="NT10" s="456">
        <v>1744101</v>
      </c>
      <c r="NU10" s="460">
        <v>2842159</v>
      </c>
      <c r="NV10" s="462">
        <v>2842159</v>
      </c>
      <c r="NW10" s="459">
        <v>0</v>
      </c>
      <c r="NX10" s="456">
        <v>0</v>
      </c>
      <c r="NY10" s="460">
        <v>0</v>
      </c>
      <c r="NZ10" s="467"/>
      <c r="OA10" s="456">
        <v>0</v>
      </c>
      <c r="OB10" s="456">
        <v>217116</v>
      </c>
      <c r="OC10" s="456">
        <v>0</v>
      </c>
      <c r="OD10" s="456">
        <v>1199620</v>
      </c>
      <c r="OE10" s="456">
        <v>2829660</v>
      </c>
      <c r="OF10" s="460">
        <v>4246396</v>
      </c>
      <c r="OG10" s="462">
        <v>4246396</v>
      </c>
      <c r="OH10" s="459">
        <v>11530761</v>
      </c>
      <c r="OI10" s="456">
        <v>20178040</v>
      </c>
      <c r="OJ10" s="457">
        <v>31708801</v>
      </c>
      <c r="OK10" s="463">
        <v>0</v>
      </c>
      <c r="OL10" s="456">
        <v>119534253</v>
      </c>
      <c r="OM10" s="456">
        <v>217335312</v>
      </c>
      <c r="ON10" s="456">
        <v>206769283</v>
      </c>
      <c r="OO10" s="456">
        <v>222416553</v>
      </c>
      <c r="OP10" s="456">
        <v>176223894</v>
      </c>
      <c r="OQ10" s="460">
        <v>942279295</v>
      </c>
      <c r="OR10" s="466">
        <v>973988096</v>
      </c>
    </row>
    <row r="11" spans="1:408" ht="20.25" customHeight="1" x14ac:dyDescent="0.2">
      <c r="A11" s="126" t="s">
        <v>6</v>
      </c>
      <c r="B11" s="110">
        <v>3240829</v>
      </c>
      <c r="C11" s="114">
        <v>5614723</v>
      </c>
      <c r="D11" s="113">
        <v>8855552</v>
      </c>
      <c r="E11" s="109">
        <v>0</v>
      </c>
      <c r="F11" s="114">
        <v>44930370</v>
      </c>
      <c r="G11" s="114">
        <v>48162146</v>
      </c>
      <c r="H11" s="114">
        <v>43043510</v>
      </c>
      <c r="I11" s="114">
        <v>55470556</v>
      </c>
      <c r="J11" s="114">
        <v>38370016</v>
      </c>
      <c r="K11" s="109">
        <v>229976598</v>
      </c>
      <c r="L11" s="116">
        <v>238832150</v>
      </c>
      <c r="M11" s="110">
        <v>1071324</v>
      </c>
      <c r="N11" s="114">
        <v>2142342</v>
      </c>
      <c r="O11" s="113">
        <v>3213666</v>
      </c>
      <c r="P11" s="110">
        <v>0</v>
      </c>
      <c r="Q11" s="114">
        <v>15554316</v>
      </c>
      <c r="R11" s="114">
        <v>17769518</v>
      </c>
      <c r="S11" s="114">
        <v>15141790</v>
      </c>
      <c r="T11" s="114">
        <v>19373389</v>
      </c>
      <c r="U11" s="114">
        <v>16739238</v>
      </c>
      <c r="V11" s="113">
        <v>84578251</v>
      </c>
      <c r="W11" s="116">
        <v>87791917</v>
      </c>
      <c r="X11" s="110">
        <v>0</v>
      </c>
      <c r="Y11" s="114">
        <v>0</v>
      </c>
      <c r="Z11" s="113">
        <v>0</v>
      </c>
      <c r="AA11" s="110">
        <v>0</v>
      </c>
      <c r="AB11" s="114">
        <v>6060022</v>
      </c>
      <c r="AC11" s="114">
        <v>7790445</v>
      </c>
      <c r="AD11" s="114">
        <v>7202107</v>
      </c>
      <c r="AE11" s="114">
        <v>10247710</v>
      </c>
      <c r="AF11" s="114">
        <v>9097453</v>
      </c>
      <c r="AG11" s="113">
        <v>40397737</v>
      </c>
      <c r="AH11" s="116">
        <v>40397737</v>
      </c>
      <c r="AI11" s="110">
        <v>0</v>
      </c>
      <c r="AJ11" s="114">
        <v>49809</v>
      </c>
      <c r="AK11" s="113">
        <v>49809</v>
      </c>
      <c r="AL11" s="110">
        <v>0</v>
      </c>
      <c r="AM11" s="114">
        <v>0</v>
      </c>
      <c r="AN11" s="114">
        <v>276959</v>
      </c>
      <c r="AO11" s="114">
        <v>529863</v>
      </c>
      <c r="AP11" s="114">
        <v>1186911</v>
      </c>
      <c r="AQ11" s="114">
        <v>1675078</v>
      </c>
      <c r="AR11" s="113">
        <v>3668811</v>
      </c>
      <c r="AS11" s="116">
        <v>3718620</v>
      </c>
      <c r="AT11" s="110">
        <v>492799</v>
      </c>
      <c r="AU11" s="114">
        <v>1446548</v>
      </c>
      <c r="AV11" s="113">
        <v>1939347</v>
      </c>
      <c r="AW11" s="110">
        <v>0</v>
      </c>
      <c r="AX11" s="114">
        <v>6414775</v>
      </c>
      <c r="AY11" s="114">
        <v>6188228</v>
      </c>
      <c r="AZ11" s="114">
        <v>4384712</v>
      </c>
      <c r="BA11" s="114">
        <v>4475801</v>
      </c>
      <c r="BB11" s="114">
        <v>3282468</v>
      </c>
      <c r="BC11" s="113">
        <v>24745984</v>
      </c>
      <c r="BD11" s="116">
        <v>26685331</v>
      </c>
      <c r="BE11" s="110">
        <v>47141</v>
      </c>
      <c r="BF11" s="114">
        <v>74253</v>
      </c>
      <c r="BG11" s="112">
        <v>121394</v>
      </c>
      <c r="BH11" s="111">
        <v>0</v>
      </c>
      <c r="BI11" s="114">
        <v>585076</v>
      </c>
      <c r="BJ11" s="114">
        <v>545872</v>
      </c>
      <c r="BK11" s="114">
        <v>398103</v>
      </c>
      <c r="BL11" s="114">
        <v>469060</v>
      </c>
      <c r="BM11" s="114">
        <v>120433</v>
      </c>
      <c r="BN11" s="113">
        <v>2118544</v>
      </c>
      <c r="BO11" s="116">
        <v>2239938</v>
      </c>
      <c r="BP11" s="110">
        <v>531384</v>
      </c>
      <c r="BQ11" s="114">
        <v>571732</v>
      </c>
      <c r="BR11" s="113">
        <v>1103116</v>
      </c>
      <c r="BS11" s="110">
        <v>0</v>
      </c>
      <c r="BT11" s="114">
        <v>2494443</v>
      </c>
      <c r="BU11" s="114">
        <v>2968014</v>
      </c>
      <c r="BV11" s="114">
        <v>2627005</v>
      </c>
      <c r="BW11" s="114">
        <v>2993907</v>
      </c>
      <c r="BX11" s="114">
        <v>2563806</v>
      </c>
      <c r="BY11" s="113">
        <v>13647175</v>
      </c>
      <c r="BZ11" s="116">
        <v>14750291</v>
      </c>
      <c r="CA11" s="110">
        <v>91990</v>
      </c>
      <c r="CB11" s="114">
        <v>534949</v>
      </c>
      <c r="CC11" s="113">
        <v>626939</v>
      </c>
      <c r="CD11" s="110">
        <v>0</v>
      </c>
      <c r="CE11" s="114">
        <v>12043828</v>
      </c>
      <c r="CF11" s="114">
        <v>10792013</v>
      </c>
      <c r="CG11" s="114">
        <v>7459430</v>
      </c>
      <c r="CH11" s="114">
        <v>7873938</v>
      </c>
      <c r="CI11" s="114">
        <v>2834275</v>
      </c>
      <c r="CJ11" s="113">
        <v>41003484</v>
      </c>
      <c r="CK11" s="116">
        <v>41630423</v>
      </c>
      <c r="CL11" s="110">
        <v>0</v>
      </c>
      <c r="CM11" s="114">
        <v>0</v>
      </c>
      <c r="CN11" s="113">
        <v>0</v>
      </c>
      <c r="CO11" s="111">
        <v>0</v>
      </c>
      <c r="CP11" s="114">
        <v>10002989</v>
      </c>
      <c r="CQ11" s="114">
        <v>7983736</v>
      </c>
      <c r="CR11" s="114">
        <v>5673230</v>
      </c>
      <c r="CS11" s="114">
        <v>5315410</v>
      </c>
      <c r="CT11" s="114">
        <v>2388896</v>
      </c>
      <c r="CU11" s="113">
        <v>31364261</v>
      </c>
      <c r="CV11" s="116">
        <v>31364261</v>
      </c>
      <c r="CW11" s="110">
        <v>91990</v>
      </c>
      <c r="CX11" s="114">
        <v>534949</v>
      </c>
      <c r="CY11" s="113">
        <v>626939</v>
      </c>
      <c r="CZ11" s="110">
        <v>0</v>
      </c>
      <c r="DA11" s="114">
        <v>2040839</v>
      </c>
      <c r="DB11" s="114">
        <v>2808277</v>
      </c>
      <c r="DC11" s="114">
        <v>1786200</v>
      </c>
      <c r="DD11" s="114">
        <v>2558528</v>
      </c>
      <c r="DE11" s="114">
        <v>445379</v>
      </c>
      <c r="DF11" s="113">
        <v>9639223</v>
      </c>
      <c r="DG11" s="116">
        <v>10266162</v>
      </c>
      <c r="DH11" s="110">
        <v>0</v>
      </c>
      <c r="DI11" s="114">
        <v>7227</v>
      </c>
      <c r="DJ11" s="112">
        <v>7227</v>
      </c>
      <c r="DK11" s="111">
        <v>0</v>
      </c>
      <c r="DL11" s="114">
        <v>848168</v>
      </c>
      <c r="DM11" s="114">
        <v>1295087</v>
      </c>
      <c r="DN11" s="114">
        <v>2335875</v>
      </c>
      <c r="DO11" s="114">
        <v>3190472</v>
      </c>
      <c r="DP11" s="114">
        <v>1045992</v>
      </c>
      <c r="DQ11" s="113">
        <v>8715594</v>
      </c>
      <c r="DR11" s="116">
        <v>8722821</v>
      </c>
      <c r="DS11" s="110">
        <v>0</v>
      </c>
      <c r="DT11" s="114">
        <v>7227</v>
      </c>
      <c r="DU11" s="113">
        <v>7227</v>
      </c>
      <c r="DV11" s="110">
        <v>0</v>
      </c>
      <c r="DW11" s="114">
        <v>785969</v>
      </c>
      <c r="DX11" s="114">
        <v>862857</v>
      </c>
      <c r="DY11" s="114">
        <v>1923212</v>
      </c>
      <c r="DZ11" s="114">
        <v>2680904</v>
      </c>
      <c r="EA11" s="114">
        <v>858524</v>
      </c>
      <c r="EB11" s="113">
        <v>7111466</v>
      </c>
      <c r="EC11" s="116">
        <v>7118693</v>
      </c>
      <c r="ED11" s="110">
        <v>0</v>
      </c>
      <c r="EE11" s="112">
        <v>0</v>
      </c>
      <c r="EF11" s="113">
        <v>0</v>
      </c>
      <c r="EG11" s="110">
        <v>0</v>
      </c>
      <c r="EH11" s="114">
        <v>62199</v>
      </c>
      <c r="EI11" s="114">
        <v>432230</v>
      </c>
      <c r="EJ11" s="114">
        <v>412663</v>
      </c>
      <c r="EK11" s="114">
        <v>509568</v>
      </c>
      <c r="EL11" s="114">
        <v>187468</v>
      </c>
      <c r="EM11" s="112">
        <v>1604128</v>
      </c>
      <c r="EN11" s="116">
        <v>1604128</v>
      </c>
      <c r="EO11" s="110">
        <v>0</v>
      </c>
      <c r="EP11" s="114">
        <v>0</v>
      </c>
      <c r="EQ11" s="112">
        <v>0</v>
      </c>
      <c r="ER11" s="111">
        <v>0</v>
      </c>
      <c r="ES11" s="114">
        <v>0</v>
      </c>
      <c r="ET11" s="114">
        <v>0</v>
      </c>
      <c r="EU11" s="114">
        <v>0</v>
      </c>
      <c r="EV11" s="114">
        <v>0</v>
      </c>
      <c r="EW11" s="114">
        <v>0</v>
      </c>
      <c r="EX11" s="113">
        <v>0</v>
      </c>
      <c r="EY11" s="116">
        <v>0</v>
      </c>
      <c r="EZ11" s="110">
        <v>0</v>
      </c>
      <c r="FA11" s="114">
        <v>0</v>
      </c>
      <c r="FB11" s="112">
        <v>0</v>
      </c>
      <c r="FC11" s="348"/>
      <c r="FD11" s="114">
        <v>0</v>
      </c>
      <c r="FE11" s="114">
        <v>0</v>
      </c>
      <c r="FF11" s="114">
        <v>0</v>
      </c>
      <c r="FG11" s="114">
        <v>0</v>
      </c>
      <c r="FH11" s="114">
        <v>0</v>
      </c>
      <c r="FI11" s="113">
        <v>0</v>
      </c>
      <c r="FJ11" s="116">
        <v>0</v>
      </c>
      <c r="FK11" s="110">
        <v>548576</v>
      </c>
      <c r="FL11" s="114">
        <v>1188847</v>
      </c>
      <c r="FM11" s="113">
        <v>1737423</v>
      </c>
      <c r="FN11" s="110">
        <v>0</v>
      </c>
      <c r="FO11" s="114">
        <v>2105550</v>
      </c>
      <c r="FP11" s="114">
        <v>4104942</v>
      </c>
      <c r="FQ11" s="114">
        <v>3662596</v>
      </c>
      <c r="FR11" s="114">
        <v>4185455</v>
      </c>
      <c r="FS11" s="114">
        <v>2279942</v>
      </c>
      <c r="FT11" s="113">
        <v>16338485</v>
      </c>
      <c r="FU11" s="116">
        <v>18075908</v>
      </c>
      <c r="FV11" s="115">
        <v>333942</v>
      </c>
      <c r="FW11" s="114">
        <v>767067</v>
      </c>
      <c r="FX11" s="112">
        <v>1101009</v>
      </c>
      <c r="FY11" s="111">
        <v>0</v>
      </c>
      <c r="FZ11" s="114">
        <v>1831704</v>
      </c>
      <c r="GA11" s="114">
        <v>3876047</v>
      </c>
      <c r="GB11" s="114">
        <v>3277736</v>
      </c>
      <c r="GC11" s="114">
        <v>3712863</v>
      </c>
      <c r="GD11" s="114">
        <v>2088170</v>
      </c>
      <c r="GE11" s="113">
        <v>14786520</v>
      </c>
      <c r="GF11" s="319">
        <v>15887529</v>
      </c>
      <c r="GG11" s="115">
        <v>11704</v>
      </c>
      <c r="GH11" s="114">
        <v>135060</v>
      </c>
      <c r="GI11" s="112">
        <v>146764</v>
      </c>
      <c r="GJ11" s="111">
        <v>0</v>
      </c>
      <c r="GK11" s="114">
        <v>165969</v>
      </c>
      <c r="GL11" s="114">
        <v>131175</v>
      </c>
      <c r="GM11" s="114">
        <v>38500</v>
      </c>
      <c r="GN11" s="114">
        <v>45045</v>
      </c>
      <c r="GO11" s="114">
        <v>85435</v>
      </c>
      <c r="GP11" s="113">
        <v>466124</v>
      </c>
      <c r="GQ11" s="116">
        <v>612888</v>
      </c>
      <c r="GR11" s="110">
        <v>202930</v>
      </c>
      <c r="GS11" s="114">
        <v>286720</v>
      </c>
      <c r="GT11" s="113">
        <v>489650</v>
      </c>
      <c r="GU11" s="110">
        <v>0</v>
      </c>
      <c r="GV11" s="114">
        <v>107877</v>
      </c>
      <c r="GW11" s="114">
        <v>97720</v>
      </c>
      <c r="GX11" s="114">
        <v>346360</v>
      </c>
      <c r="GY11" s="114">
        <v>427547</v>
      </c>
      <c r="GZ11" s="114">
        <v>106337</v>
      </c>
      <c r="HA11" s="112">
        <v>1085841</v>
      </c>
      <c r="HB11" s="116">
        <v>1575491</v>
      </c>
      <c r="HC11" s="110">
        <v>1528939</v>
      </c>
      <c r="HD11" s="114">
        <v>1741358</v>
      </c>
      <c r="HE11" s="112">
        <v>3270297</v>
      </c>
      <c r="HF11" s="111">
        <v>0</v>
      </c>
      <c r="HG11" s="114">
        <v>14378508</v>
      </c>
      <c r="HH11" s="114">
        <v>14200586</v>
      </c>
      <c r="HI11" s="114">
        <v>14443819</v>
      </c>
      <c r="HJ11" s="114">
        <v>20847302</v>
      </c>
      <c r="HK11" s="114">
        <v>15470569</v>
      </c>
      <c r="HL11" s="113">
        <v>79340784</v>
      </c>
      <c r="HM11" s="109">
        <v>82611081</v>
      </c>
      <c r="HN11" s="329"/>
      <c r="HO11" s="330"/>
      <c r="HP11" s="331"/>
      <c r="HQ11" s="332"/>
      <c r="HR11" s="330"/>
      <c r="HS11" s="330"/>
      <c r="HT11" s="330"/>
      <c r="HU11" s="330"/>
      <c r="HV11" s="330"/>
      <c r="HW11" s="333"/>
      <c r="HX11" s="334"/>
      <c r="HY11" s="131">
        <v>37996</v>
      </c>
      <c r="HZ11" s="132">
        <v>262018</v>
      </c>
      <c r="IA11" s="133">
        <v>300014</v>
      </c>
      <c r="IB11" s="146">
        <v>0</v>
      </c>
      <c r="IC11" s="132">
        <v>11408093</v>
      </c>
      <c r="ID11" s="147">
        <v>12189705</v>
      </c>
      <c r="IE11" s="133">
        <v>14042466</v>
      </c>
      <c r="IF11" s="132">
        <v>12233724</v>
      </c>
      <c r="IG11" s="133">
        <v>7998779</v>
      </c>
      <c r="IH11" s="148">
        <v>57872767</v>
      </c>
      <c r="II11" s="139">
        <v>58172781</v>
      </c>
      <c r="IJ11" s="232">
        <v>0</v>
      </c>
      <c r="IK11" s="236">
        <v>0</v>
      </c>
      <c r="IL11" s="237">
        <v>0</v>
      </c>
      <c r="IM11" s="140"/>
      <c r="IN11" s="119">
        <v>727133</v>
      </c>
      <c r="IO11" s="119">
        <v>570974</v>
      </c>
      <c r="IP11" s="119">
        <v>650863</v>
      </c>
      <c r="IQ11" s="119">
        <v>1341669</v>
      </c>
      <c r="IR11" s="119">
        <v>1871726</v>
      </c>
      <c r="IS11" s="141">
        <v>5162365</v>
      </c>
      <c r="IT11" s="321">
        <v>5162365</v>
      </c>
      <c r="IU11" s="142">
        <v>0</v>
      </c>
      <c r="IV11" s="119">
        <v>0</v>
      </c>
      <c r="IW11" s="120">
        <v>0</v>
      </c>
      <c r="IX11" s="144"/>
      <c r="IY11" s="119">
        <v>15271</v>
      </c>
      <c r="IZ11" s="119">
        <v>113370</v>
      </c>
      <c r="JA11" s="119">
        <v>75563</v>
      </c>
      <c r="JB11" s="119">
        <v>448123</v>
      </c>
      <c r="JC11" s="119">
        <v>251450</v>
      </c>
      <c r="JD11" s="120">
        <v>903777</v>
      </c>
      <c r="JE11" s="121">
        <v>903777</v>
      </c>
      <c r="JF11" s="142">
        <v>0</v>
      </c>
      <c r="JG11" s="119">
        <v>0</v>
      </c>
      <c r="JH11" s="141">
        <v>0</v>
      </c>
      <c r="JI11" s="118">
        <v>0</v>
      </c>
      <c r="JJ11" s="119">
        <v>5172392</v>
      </c>
      <c r="JK11" s="119">
        <v>2567706</v>
      </c>
      <c r="JL11" s="119">
        <v>2487014</v>
      </c>
      <c r="JM11" s="119">
        <v>1656438</v>
      </c>
      <c r="JN11" s="119">
        <v>790981</v>
      </c>
      <c r="JO11" s="120">
        <v>12674531</v>
      </c>
      <c r="JP11" s="321">
        <v>12674531</v>
      </c>
      <c r="JQ11" s="142">
        <v>0</v>
      </c>
      <c r="JR11" s="119">
        <v>0</v>
      </c>
      <c r="JS11" s="141">
        <v>0</v>
      </c>
      <c r="JT11" s="118">
        <v>0</v>
      </c>
      <c r="JU11" s="119">
        <v>445613</v>
      </c>
      <c r="JV11" s="119">
        <v>884193</v>
      </c>
      <c r="JW11" s="119">
        <v>1686684</v>
      </c>
      <c r="JX11" s="119">
        <v>749881</v>
      </c>
      <c r="JY11" s="119">
        <v>179406</v>
      </c>
      <c r="JZ11" s="120">
        <v>3945777</v>
      </c>
      <c r="KA11" s="321">
        <v>3945777</v>
      </c>
      <c r="KB11" s="234">
        <v>37996</v>
      </c>
      <c r="KC11" s="230">
        <v>262018</v>
      </c>
      <c r="KD11" s="120">
        <v>300014</v>
      </c>
      <c r="KE11" s="118">
        <v>0</v>
      </c>
      <c r="KF11" s="119">
        <v>1575835</v>
      </c>
      <c r="KG11" s="119">
        <v>1506462</v>
      </c>
      <c r="KH11" s="119">
        <v>1798859</v>
      </c>
      <c r="KI11" s="119">
        <v>1220354</v>
      </c>
      <c r="KJ11" s="119">
        <v>0</v>
      </c>
      <c r="KK11" s="120">
        <v>6101510</v>
      </c>
      <c r="KL11" s="143">
        <v>6401524</v>
      </c>
      <c r="KM11" s="232">
        <v>0</v>
      </c>
      <c r="KN11" s="236">
        <v>0</v>
      </c>
      <c r="KO11" s="237">
        <v>0</v>
      </c>
      <c r="KP11" s="140"/>
      <c r="KQ11" s="119">
        <v>2996164</v>
      </c>
      <c r="KR11" s="119">
        <v>5794809</v>
      </c>
      <c r="KS11" s="119">
        <v>5317406</v>
      </c>
      <c r="KT11" s="119">
        <v>2765176</v>
      </c>
      <c r="KU11" s="119">
        <v>3405401</v>
      </c>
      <c r="KV11" s="120">
        <v>20278956</v>
      </c>
      <c r="KW11" s="321">
        <v>20278956</v>
      </c>
      <c r="KX11" s="142">
        <v>0</v>
      </c>
      <c r="KY11" s="119">
        <v>0</v>
      </c>
      <c r="KZ11" s="120">
        <v>0</v>
      </c>
      <c r="LA11" s="145"/>
      <c r="LB11" s="119">
        <v>0</v>
      </c>
      <c r="LC11" s="119">
        <v>0</v>
      </c>
      <c r="LD11" s="119">
        <v>0</v>
      </c>
      <c r="LE11" s="119">
        <v>0</v>
      </c>
      <c r="LF11" s="119">
        <v>0</v>
      </c>
      <c r="LG11" s="120">
        <v>0</v>
      </c>
      <c r="LH11" s="121">
        <v>0</v>
      </c>
      <c r="LI11" s="142">
        <v>0</v>
      </c>
      <c r="LJ11" s="119">
        <v>0</v>
      </c>
      <c r="LK11" s="120">
        <v>0</v>
      </c>
      <c r="LL11" s="145"/>
      <c r="LM11" s="119">
        <v>182174</v>
      </c>
      <c r="LN11" s="119">
        <v>0</v>
      </c>
      <c r="LO11" s="119">
        <v>1328819</v>
      </c>
      <c r="LP11" s="119">
        <v>2230610</v>
      </c>
      <c r="LQ11" s="119">
        <v>276979</v>
      </c>
      <c r="LR11" s="120">
        <v>4018582</v>
      </c>
      <c r="LS11" s="321">
        <v>4018582</v>
      </c>
      <c r="LT11" s="142">
        <v>0</v>
      </c>
      <c r="LU11" s="119">
        <v>0</v>
      </c>
      <c r="LV11" s="120">
        <v>0</v>
      </c>
      <c r="LW11" s="145"/>
      <c r="LX11" s="119">
        <v>293511</v>
      </c>
      <c r="LY11" s="119">
        <v>752191</v>
      </c>
      <c r="LZ11" s="119">
        <v>697258</v>
      </c>
      <c r="MA11" s="119">
        <v>1821473</v>
      </c>
      <c r="MB11" s="119">
        <v>1222836</v>
      </c>
      <c r="MC11" s="120">
        <v>4787269</v>
      </c>
      <c r="MD11" s="121">
        <v>4787269</v>
      </c>
      <c r="ME11" s="142">
        <v>0</v>
      </c>
      <c r="MF11" s="119">
        <v>0</v>
      </c>
      <c r="MG11" s="120">
        <v>0</v>
      </c>
      <c r="MH11" s="145"/>
      <c r="MI11" s="119">
        <v>1204312</v>
      </c>
      <c r="MJ11" s="119">
        <v>4716576</v>
      </c>
      <c r="MK11" s="119">
        <v>12291357</v>
      </c>
      <c r="ML11" s="119">
        <v>24305729</v>
      </c>
      <c r="MM11" s="119">
        <v>14669070</v>
      </c>
      <c r="MN11" s="120">
        <v>57187044</v>
      </c>
      <c r="MO11" s="143">
        <v>57187044</v>
      </c>
      <c r="MP11" s="142">
        <v>0</v>
      </c>
      <c r="MQ11" s="119">
        <v>0</v>
      </c>
      <c r="MR11" s="120">
        <v>0</v>
      </c>
      <c r="MS11" s="145"/>
      <c r="MT11" s="119">
        <v>0</v>
      </c>
      <c r="MU11" s="119">
        <v>570940</v>
      </c>
      <c r="MV11" s="119">
        <v>6286972</v>
      </c>
      <c r="MW11" s="119">
        <v>10808138</v>
      </c>
      <c r="MX11" s="119">
        <v>7926054</v>
      </c>
      <c r="MY11" s="120">
        <v>25592104</v>
      </c>
      <c r="MZ11" s="143">
        <v>25592104</v>
      </c>
      <c r="NA11" s="142">
        <v>0</v>
      </c>
      <c r="NB11" s="119">
        <v>0</v>
      </c>
      <c r="NC11" s="120">
        <v>0</v>
      </c>
      <c r="ND11" s="145">
        <v>0</v>
      </c>
      <c r="NE11" s="119">
        <v>1204312</v>
      </c>
      <c r="NF11" s="119">
        <v>4145636</v>
      </c>
      <c r="NG11" s="119">
        <v>6004385</v>
      </c>
      <c r="NH11" s="119">
        <v>10804318</v>
      </c>
      <c r="NI11" s="119">
        <v>4102994</v>
      </c>
      <c r="NJ11" s="120">
        <v>26261645</v>
      </c>
      <c r="NK11" s="321">
        <v>26261645</v>
      </c>
      <c r="NL11" s="142">
        <v>0</v>
      </c>
      <c r="NM11" s="119">
        <v>0</v>
      </c>
      <c r="NN11" s="120">
        <v>0</v>
      </c>
      <c r="NO11" s="145"/>
      <c r="NP11" s="119">
        <v>0</v>
      </c>
      <c r="NQ11" s="119">
        <v>0</v>
      </c>
      <c r="NR11" s="119">
        <v>0</v>
      </c>
      <c r="NS11" s="119">
        <v>2223518</v>
      </c>
      <c r="NT11" s="119">
        <v>2322498</v>
      </c>
      <c r="NU11" s="120">
        <v>4546016</v>
      </c>
      <c r="NV11" s="121">
        <v>4546016</v>
      </c>
      <c r="NW11" s="142">
        <v>0</v>
      </c>
      <c r="NX11" s="119">
        <v>0</v>
      </c>
      <c r="NY11" s="120">
        <v>0</v>
      </c>
      <c r="NZ11" s="145"/>
      <c r="OA11" s="119">
        <v>0</v>
      </c>
      <c r="OB11" s="119">
        <v>0</v>
      </c>
      <c r="OC11" s="119">
        <v>0</v>
      </c>
      <c r="OD11" s="119">
        <v>469755</v>
      </c>
      <c r="OE11" s="119">
        <v>317524</v>
      </c>
      <c r="OF11" s="120">
        <v>787279</v>
      </c>
      <c r="OG11" s="121">
        <v>787279</v>
      </c>
      <c r="OH11" s="142">
        <v>3278825</v>
      </c>
      <c r="OI11" s="119">
        <v>5876741</v>
      </c>
      <c r="OJ11" s="141">
        <v>9155566</v>
      </c>
      <c r="OK11" s="118">
        <v>0</v>
      </c>
      <c r="OL11" s="119">
        <v>57542775</v>
      </c>
      <c r="OM11" s="119">
        <v>65068427</v>
      </c>
      <c r="ON11" s="119">
        <v>69377333</v>
      </c>
      <c r="OO11" s="119">
        <v>92010009</v>
      </c>
      <c r="OP11" s="119">
        <v>61037865</v>
      </c>
      <c r="OQ11" s="120">
        <v>345036409</v>
      </c>
      <c r="OR11" s="143">
        <v>354191975</v>
      </c>
    </row>
    <row r="12" spans="1:408" ht="20.25" customHeight="1" x14ac:dyDescent="0.2">
      <c r="A12" s="126" t="s">
        <v>14</v>
      </c>
      <c r="B12" s="110">
        <v>1158572</v>
      </c>
      <c r="C12" s="114">
        <v>3084680</v>
      </c>
      <c r="D12" s="113">
        <v>4243252</v>
      </c>
      <c r="E12" s="109">
        <v>0</v>
      </c>
      <c r="F12" s="114">
        <v>12974370</v>
      </c>
      <c r="G12" s="114">
        <v>16631301</v>
      </c>
      <c r="H12" s="114">
        <v>18138395</v>
      </c>
      <c r="I12" s="114">
        <v>18901976</v>
      </c>
      <c r="J12" s="114">
        <v>14807526</v>
      </c>
      <c r="K12" s="112">
        <v>81453568</v>
      </c>
      <c r="L12" s="116">
        <v>85696820</v>
      </c>
      <c r="M12" s="110">
        <v>216471</v>
      </c>
      <c r="N12" s="114">
        <v>910407</v>
      </c>
      <c r="O12" s="113">
        <v>1126878</v>
      </c>
      <c r="P12" s="110">
        <v>0</v>
      </c>
      <c r="Q12" s="114">
        <v>3979230</v>
      </c>
      <c r="R12" s="114">
        <v>5037654</v>
      </c>
      <c r="S12" s="114">
        <v>5956436</v>
      </c>
      <c r="T12" s="114">
        <v>7147426</v>
      </c>
      <c r="U12" s="114">
        <v>7605353</v>
      </c>
      <c r="V12" s="113">
        <v>29726099</v>
      </c>
      <c r="W12" s="116">
        <v>30852977</v>
      </c>
      <c r="X12" s="110">
        <v>0</v>
      </c>
      <c r="Y12" s="114">
        <v>0</v>
      </c>
      <c r="Z12" s="113">
        <v>0</v>
      </c>
      <c r="AA12" s="110">
        <v>0</v>
      </c>
      <c r="AB12" s="114">
        <v>2021829</v>
      </c>
      <c r="AC12" s="114">
        <v>1851707</v>
      </c>
      <c r="AD12" s="114">
        <v>3299584</v>
      </c>
      <c r="AE12" s="114">
        <v>3504309</v>
      </c>
      <c r="AF12" s="114">
        <v>3535006</v>
      </c>
      <c r="AG12" s="113">
        <v>14212435</v>
      </c>
      <c r="AH12" s="116">
        <v>14212435</v>
      </c>
      <c r="AI12" s="110">
        <v>0</v>
      </c>
      <c r="AJ12" s="114">
        <v>0</v>
      </c>
      <c r="AK12" s="113">
        <v>0</v>
      </c>
      <c r="AL12" s="110">
        <v>0</v>
      </c>
      <c r="AM12" s="114">
        <v>0</v>
      </c>
      <c r="AN12" s="114">
        <v>41035</v>
      </c>
      <c r="AO12" s="114">
        <v>61552</v>
      </c>
      <c r="AP12" s="114">
        <v>683331</v>
      </c>
      <c r="AQ12" s="114">
        <v>1191327</v>
      </c>
      <c r="AR12" s="113">
        <v>1977245</v>
      </c>
      <c r="AS12" s="116">
        <v>1977245</v>
      </c>
      <c r="AT12" s="110">
        <v>91941</v>
      </c>
      <c r="AU12" s="114">
        <v>537330</v>
      </c>
      <c r="AV12" s="113">
        <v>629271</v>
      </c>
      <c r="AW12" s="110">
        <v>0</v>
      </c>
      <c r="AX12" s="114">
        <v>1131450</v>
      </c>
      <c r="AY12" s="114">
        <v>2272467</v>
      </c>
      <c r="AZ12" s="114">
        <v>1502672</v>
      </c>
      <c r="BA12" s="114">
        <v>1769515</v>
      </c>
      <c r="BB12" s="114">
        <v>2034365</v>
      </c>
      <c r="BC12" s="113">
        <v>8710469</v>
      </c>
      <c r="BD12" s="116">
        <v>9339740</v>
      </c>
      <c r="BE12" s="110">
        <v>0</v>
      </c>
      <c r="BF12" s="114">
        <v>39898</v>
      </c>
      <c r="BG12" s="112">
        <v>39898</v>
      </c>
      <c r="BH12" s="111">
        <v>0</v>
      </c>
      <c r="BI12" s="114">
        <v>14245</v>
      </c>
      <c r="BJ12" s="114">
        <v>111230</v>
      </c>
      <c r="BK12" s="114">
        <v>115274</v>
      </c>
      <c r="BL12" s="114">
        <v>153999</v>
      </c>
      <c r="BM12" s="114">
        <v>0</v>
      </c>
      <c r="BN12" s="113">
        <v>394748</v>
      </c>
      <c r="BO12" s="116">
        <v>434646</v>
      </c>
      <c r="BP12" s="110">
        <v>124530</v>
      </c>
      <c r="BQ12" s="114">
        <v>333179</v>
      </c>
      <c r="BR12" s="113">
        <v>457709</v>
      </c>
      <c r="BS12" s="110">
        <v>0</v>
      </c>
      <c r="BT12" s="114">
        <v>811706</v>
      </c>
      <c r="BU12" s="114">
        <v>761215</v>
      </c>
      <c r="BV12" s="114">
        <v>977354</v>
      </c>
      <c r="BW12" s="114">
        <v>1036272</v>
      </c>
      <c r="BX12" s="114">
        <v>844655</v>
      </c>
      <c r="BY12" s="113">
        <v>4431202</v>
      </c>
      <c r="BZ12" s="116">
        <v>4888911</v>
      </c>
      <c r="CA12" s="110">
        <v>37193</v>
      </c>
      <c r="CB12" s="114">
        <v>92130</v>
      </c>
      <c r="CC12" s="113">
        <v>129323</v>
      </c>
      <c r="CD12" s="110">
        <v>0</v>
      </c>
      <c r="CE12" s="114">
        <v>4195224</v>
      </c>
      <c r="CF12" s="114">
        <v>4235786</v>
      </c>
      <c r="CG12" s="114">
        <v>3990797</v>
      </c>
      <c r="CH12" s="114">
        <v>2828288</v>
      </c>
      <c r="CI12" s="114">
        <v>1305104</v>
      </c>
      <c r="CJ12" s="113">
        <v>16555199</v>
      </c>
      <c r="CK12" s="116">
        <v>16684522</v>
      </c>
      <c r="CL12" s="110">
        <v>0</v>
      </c>
      <c r="CM12" s="114">
        <v>0</v>
      </c>
      <c r="CN12" s="113">
        <v>0</v>
      </c>
      <c r="CO12" s="111">
        <v>0</v>
      </c>
      <c r="CP12" s="114">
        <v>3910893</v>
      </c>
      <c r="CQ12" s="114">
        <v>3595875</v>
      </c>
      <c r="CR12" s="114">
        <v>3345712</v>
      </c>
      <c r="CS12" s="114">
        <v>2035504</v>
      </c>
      <c r="CT12" s="114">
        <v>1163224</v>
      </c>
      <c r="CU12" s="113">
        <v>14051208</v>
      </c>
      <c r="CV12" s="116">
        <v>14051208</v>
      </c>
      <c r="CW12" s="110">
        <v>37193</v>
      </c>
      <c r="CX12" s="114">
        <v>92130</v>
      </c>
      <c r="CY12" s="113">
        <v>129323</v>
      </c>
      <c r="CZ12" s="110">
        <v>0</v>
      </c>
      <c r="DA12" s="114">
        <v>284331</v>
      </c>
      <c r="DB12" s="114">
        <v>639911</v>
      </c>
      <c r="DC12" s="114">
        <v>645085</v>
      </c>
      <c r="DD12" s="114">
        <v>792784</v>
      </c>
      <c r="DE12" s="114">
        <v>141880</v>
      </c>
      <c r="DF12" s="113">
        <v>2503991</v>
      </c>
      <c r="DG12" s="116">
        <v>2633314</v>
      </c>
      <c r="DH12" s="110">
        <v>17222</v>
      </c>
      <c r="DI12" s="114">
        <v>0</v>
      </c>
      <c r="DJ12" s="112">
        <v>17222</v>
      </c>
      <c r="DK12" s="111">
        <v>0</v>
      </c>
      <c r="DL12" s="114">
        <v>651112</v>
      </c>
      <c r="DM12" s="114">
        <v>774920</v>
      </c>
      <c r="DN12" s="114">
        <v>959191</v>
      </c>
      <c r="DO12" s="114">
        <v>1360357</v>
      </c>
      <c r="DP12" s="114">
        <v>1182974</v>
      </c>
      <c r="DQ12" s="113">
        <v>4928554</v>
      </c>
      <c r="DR12" s="116">
        <v>4945776</v>
      </c>
      <c r="DS12" s="110">
        <v>17222</v>
      </c>
      <c r="DT12" s="114">
        <v>0</v>
      </c>
      <c r="DU12" s="113">
        <v>17222</v>
      </c>
      <c r="DV12" s="110">
        <v>0</v>
      </c>
      <c r="DW12" s="114">
        <v>651112</v>
      </c>
      <c r="DX12" s="114">
        <v>699341</v>
      </c>
      <c r="DY12" s="114">
        <v>959191</v>
      </c>
      <c r="DZ12" s="114">
        <v>1212835</v>
      </c>
      <c r="EA12" s="114">
        <v>1182974</v>
      </c>
      <c r="EB12" s="113">
        <v>4705453</v>
      </c>
      <c r="EC12" s="116">
        <v>4722675</v>
      </c>
      <c r="ED12" s="110">
        <v>0</v>
      </c>
      <c r="EE12" s="112">
        <v>0</v>
      </c>
      <c r="EF12" s="113">
        <v>0</v>
      </c>
      <c r="EG12" s="110">
        <v>0</v>
      </c>
      <c r="EH12" s="114">
        <v>0</v>
      </c>
      <c r="EI12" s="114">
        <v>75579</v>
      </c>
      <c r="EJ12" s="114">
        <v>0</v>
      </c>
      <c r="EK12" s="114">
        <v>147522</v>
      </c>
      <c r="EL12" s="114">
        <v>0</v>
      </c>
      <c r="EM12" s="112">
        <v>223101</v>
      </c>
      <c r="EN12" s="116">
        <v>223101</v>
      </c>
      <c r="EO12" s="110">
        <v>0</v>
      </c>
      <c r="EP12" s="114">
        <v>0</v>
      </c>
      <c r="EQ12" s="112">
        <v>0</v>
      </c>
      <c r="ER12" s="111">
        <v>0</v>
      </c>
      <c r="ES12" s="114">
        <v>0</v>
      </c>
      <c r="ET12" s="114">
        <v>0</v>
      </c>
      <c r="EU12" s="114">
        <v>0</v>
      </c>
      <c r="EV12" s="114">
        <v>0</v>
      </c>
      <c r="EW12" s="114">
        <v>0</v>
      </c>
      <c r="EX12" s="113">
        <v>0</v>
      </c>
      <c r="EY12" s="116">
        <v>0</v>
      </c>
      <c r="EZ12" s="110">
        <v>0</v>
      </c>
      <c r="FA12" s="114">
        <v>0</v>
      </c>
      <c r="FB12" s="112">
        <v>0</v>
      </c>
      <c r="FC12" s="348"/>
      <c r="FD12" s="114">
        <v>0</v>
      </c>
      <c r="FE12" s="114">
        <v>0</v>
      </c>
      <c r="FF12" s="114">
        <v>0</v>
      </c>
      <c r="FG12" s="114">
        <v>0</v>
      </c>
      <c r="FH12" s="114">
        <v>0</v>
      </c>
      <c r="FI12" s="113">
        <v>0</v>
      </c>
      <c r="FJ12" s="116">
        <v>0</v>
      </c>
      <c r="FK12" s="110">
        <v>399392</v>
      </c>
      <c r="FL12" s="114">
        <v>674730</v>
      </c>
      <c r="FM12" s="113">
        <v>1074122</v>
      </c>
      <c r="FN12" s="110">
        <v>0</v>
      </c>
      <c r="FO12" s="114">
        <v>588630</v>
      </c>
      <c r="FP12" s="114">
        <v>1781860</v>
      </c>
      <c r="FQ12" s="114">
        <v>1338251</v>
      </c>
      <c r="FR12" s="114">
        <v>1616583</v>
      </c>
      <c r="FS12" s="114">
        <v>1213709</v>
      </c>
      <c r="FT12" s="113">
        <v>6539033</v>
      </c>
      <c r="FU12" s="116">
        <v>7613155</v>
      </c>
      <c r="FV12" s="115">
        <v>149037</v>
      </c>
      <c r="FW12" s="114">
        <v>482146</v>
      </c>
      <c r="FX12" s="112">
        <v>631183</v>
      </c>
      <c r="FY12" s="111">
        <v>0</v>
      </c>
      <c r="FZ12" s="114">
        <v>432628</v>
      </c>
      <c r="GA12" s="114">
        <v>1606031</v>
      </c>
      <c r="GB12" s="114">
        <v>1171721</v>
      </c>
      <c r="GC12" s="114">
        <v>1391753</v>
      </c>
      <c r="GD12" s="114">
        <v>1213709</v>
      </c>
      <c r="GE12" s="113">
        <v>5815842</v>
      </c>
      <c r="GF12" s="319">
        <v>6447025</v>
      </c>
      <c r="GG12" s="115">
        <v>21000</v>
      </c>
      <c r="GH12" s="114">
        <v>127204</v>
      </c>
      <c r="GI12" s="112">
        <v>148204</v>
      </c>
      <c r="GJ12" s="111">
        <v>0</v>
      </c>
      <c r="GK12" s="114">
        <v>34832</v>
      </c>
      <c r="GL12" s="114">
        <v>98829</v>
      </c>
      <c r="GM12" s="114">
        <v>95690</v>
      </c>
      <c r="GN12" s="114">
        <v>44167</v>
      </c>
      <c r="GO12" s="114">
        <v>0</v>
      </c>
      <c r="GP12" s="113">
        <v>273518</v>
      </c>
      <c r="GQ12" s="116">
        <v>421722</v>
      </c>
      <c r="GR12" s="110">
        <v>229355</v>
      </c>
      <c r="GS12" s="114">
        <v>65380</v>
      </c>
      <c r="GT12" s="113">
        <v>294735</v>
      </c>
      <c r="GU12" s="110">
        <v>0</v>
      </c>
      <c r="GV12" s="114">
        <v>121170</v>
      </c>
      <c r="GW12" s="114">
        <v>77000</v>
      </c>
      <c r="GX12" s="114">
        <v>70840</v>
      </c>
      <c r="GY12" s="114">
        <v>180663</v>
      </c>
      <c r="GZ12" s="114">
        <v>0</v>
      </c>
      <c r="HA12" s="112">
        <v>449673</v>
      </c>
      <c r="HB12" s="116">
        <v>744408</v>
      </c>
      <c r="HC12" s="110">
        <v>488294</v>
      </c>
      <c r="HD12" s="114">
        <v>1407413</v>
      </c>
      <c r="HE12" s="112">
        <v>1895707</v>
      </c>
      <c r="HF12" s="111">
        <v>0</v>
      </c>
      <c r="HG12" s="114">
        <v>3560174</v>
      </c>
      <c r="HH12" s="114">
        <v>4801081</v>
      </c>
      <c r="HI12" s="114">
        <v>5893720</v>
      </c>
      <c r="HJ12" s="114">
        <v>5949322</v>
      </c>
      <c r="HK12" s="114">
        <v>3500386</v>
      </c>
      <c r="HL12" s="113">
        <v>23704683</v>
      </c>
      <c r="HM12" s="109">
        <v>25600390</v>
      </c>
      <c r="HN12" s="329"/>
      <c r="HO12" s="330"/>
      <c r="HP12" s="331"/>
      <c r="HQ12" s="332"/>
      <c r="HR12" s="330"/>
      <c r="HS12" s="330"/>
      <c r="HT12" s="330"/>
      <c r="HU12" s="330"/>
      <c r="HV12" s="330"/>
      <c r="HW12" s="333"/>
      <c r="HX12" s="334"/>
      <c r="HY12" s="131">
        <v>0</v>
      </c>
      <c r="HZ12" s="132">
        <v>0</v>
      </c>
      <c r="IA12" s="133">
        <v>0</v>
      </c>
      <c r="IB12" s="134">
        <v>0</v>
      </c>
      <c r="IC12" s="135">
        <v>4963542</v>
      </c>
      <c r="ID12" s="136">
        <v>4553002</v>
      </c>
      <c r="IE12" s="137">
        <v>4534794</v>
      </c>
      <c r="IF12" s="135">
        <v>4003646</v>
      </c>
      <c r="IG12" s="137">
        <v>2051818</v>
      </c>
      <c r="IH12" s="138">
        <v>20106802</v>
      </c>
      <c r="II12" s="139">
        <v>20106802</v>
      </c>
      <c r="IJ12" s="232">
        <v>0</v>
      </c>
      <c r="IK12" s="236">
        <v>0</v>
      </c>
      <c r="IL12" s="237">
        <v>0</v>
      </c>
      <c r="IM12" s="140"/>
      <c r="IN12" s="119">
        <v>0</v>
      </c>
      <c r="IO12" s="119">
        <v>0</v>
      </c>
      <c r="IP12" s="119">
        <v>169667</v>
      </c>
      <c r="IQ12" s="119">
        <v>204936</v>
      </c>
      <c r="IR12" s="119">
        <v>401769</v>
      </c>
      <c r="IS12" s="141">
        <v>776372</v>
      </c>
      <c r="IT12" s="321">
        <v>776372</v>
      </c>
      <c r="IU12" s="142">
        <v>0</v>
      </c>
      <c r="IV12" s="119">
        <v>0</v>
      </c>
      <c r="IW12" s="120">
        <v>0</v>
      </c>
      <c r="IX12" s="144"/>
      <c r="IY12" s="119">
        <v>0</v>
      </c>
      <c r="IZ12" s="119">
        <v>0</v>
      </c>
      <c r="JA12" s="119">
        <v>0</v>
      </c>
      <c r="JB12" s="119">
        <v>8839</v>
      </c>
      <c r="JC12" s="119">
        <v>0</v>
      </c>
      <c r="JD12" s="120">
        <v>8839</v>
      </c>
      <c r="JE12" s="121">
        <v>8839</v>
      </c>
      <c r="JF12" s="142">
        <v>0</v>
      </c>
      <c r="JG12" s="119">
        <v>0</v>
      </c>
      <c r="JH12" s="141">
        <v>0</v>
      </c>
      <c r="JI12" s="118">
        <v>0</v>
      </c>
      <c r="JJ12" s="119">
        <v>1894433</v>
      </c>
      <c r="JK12" s="119">
        <v>1571561</v>
      </c>
      <c r="JL12" s="119">
        <v>1671235</v>
      </c>
      <c r="JM12" s="119">
        <v>275489</v>
      </c>
      <c r="JN12" s="119">
        <v>184467</v>
      </c>
      <c r="JO12" s="120">
        <v>5597185</v>
      </c>
      <c r="JP12" s="321">
        <v>5597185</v>
      </c>
      <c r="JQ12" s="142">
        <v>0</v>
      </c>
      <c r="JR12" s="119">
        <v>0</v>
      </c>
      <c r="JS12" s="141">
        <v>0</v>
      </c>
      <c r="JT12" s="118">
        <v>0</v>
      </c>
      <c r="JU12" s="119">
        <v>118905</v>
      </c>
      <c r="JV12" s="119">
        <v>0</v>
      </c>
      <c r="JW12" s="119">
        <v>22303</v>
      </c>
      <c r="JX12" s="119">
        <v>0</v>
      </c>
      <c r="JY12" s="119">
        <v>91961</v>
      </c>
      <c r="JZ12" s="120">
        <v>233169</v>
      </c>
      <c r="KA12" s="321">
        <v>233169</v>
      </c>
      <c r="KB12" s="234">
        <v>0</v>
      </c>
      <c r="KC12" s="230">
        <v>0</v>
      </c>
      <c r="KD12" s="120">
        <v>0</v>
      </c>
      <c r="KE12" s="118">
        <v>0</v>
      </c>
      <c r="KF12" s="119">
        <v>413376</v>
      </c>
      <c r="KG12" s="119">
        <v>688522</v>
      </c>
      <c r="KH12" s="119">
        <v>955767</v>
      </c>
      <c r="KI12" s="119">
        <v>406580</v>
      </c>
      <c r="KJ12" s="119">
        <v>496550</v>
      </c>
      <c r="KK12" s="120">
        <v>2960795</v>
      </c>
      <c r="KL12" s="143">
        <v>2960795</v>
      </c>
      <c r="KM12" s="232">
        <v>0</v>
      </c>
      <c r="KN12" s="236">
        <v>0</v>
      </c>
      <c r="KO12" s="237">
        <v>0</v>
      </c>
      <c r="KP12" s="140"/>
      <c r="KQ12" s="119">
        <v>2416810</v>
      </c>
      <c r="KR12" s="119">
        <v>1780855</v>
      </c>
      <c r="KS12" s="119">
        <v>1715822</v>
      </c>
      <c r="KT12" s="119">
        <v>2718788</v>
      </c>
      <c r="KU12" s="119">
        <v>877071</v>
      </c>
      <c r="KV12" s="120">
        <v>9509346</v>
      </c>
      <c r="KW12" s="321">
        <v>9509346</v>
      </c>
      <c r="KX12" s="142">
        <v>0</v>
      </c>
      <c r="KY12" s="119">
        <v>0</v>
      </c>
      <c r="KZ12" s="120">
        <v>0</v>
      </c>
      <c r="LA12" s="145"/>
      <c r="LB12" s="119">
        <v>0</v>
      </c>
      <c r="LC12" s="119">
        <v>0</v>
      </c>
      <c r="LD12" s="119">
        <v>0</v>
      </c>
      <c r="LE12" s="119">
        <v>0</v>
      </c>
      <c r="LF12" s="119">
        <v>0</v>
      </c>
      <c r="LG12" s="120">
        <v>0</v>
      </c>
      <c r="LH12" s="121">
        <v>0</v>
      </c>
      <c r="LI12" s="142">
        <v>0</v>
      </c>
      <c r="LJ12" s="119">
        <v>0</v>
      </c>
      <c r="LK12" s="120">
        <v>0</v>
      </c>
      <c r="LL12" s="145"/>
      <c r="LM12" s="119">
        <v>0</v>
      </c>
      <c r="LN12" s="119">
        <v>176186</v>
      </c>
      <c r="LO12" s="119">
        <v>0</v>
      </c>
      <c r="LP12" s="119">
        <v>0</v>
      </c>
      <c r="LQ12" s="119">
        <v>0</v>
      </c>
      <c r="LR12" s="120">
        <v>176186</v>
      </c>
      <c r="LS12" s="321">
        <v>176186</v>
      </c>
      <c r="LT12" s="142">
        <v>0</v>
      </c>
      <c r="LU12" s="119">
        <v>0</v>
      </c>
      <c r="LV12" s="120">
        <v>0</v>
      </c>
      <c r="LW12" s="145"/>
      <c r="LX12" s="119">
        <v>120018</v>
      </c>
      <c r="LY12" s="119">
        <v>335878</v>
      </c>
      <c r="LZ12" s="119">
        <v>0</v>
      </c>
      <c r="MA12" s="119">
        <v>389014</v>
      </c>
      <c r="MB12" s="119">
        <v>0</v>
      </c>
      <c r="MC12" s="120">
        <v>844910</v>
      </c>
      <c r="MD12" s="121">
        <v>844910</v>
      </c>
      <c r="ME12" s="142">
        <v>0</v>
      </c>
      <c r="MF12" s="119">
        <v>0</v>
      </c>
      <c r="MG12" s="120">
        <v>0</v>
      </c>
      <c r="MH12" s="145"/>
      <c r="MI12" s="119">
        <v>634011</v>
      </c>
      <c r="MJ12" s="119">
        <v>2791790</v>
      </c>
      <c r="MK12" s="119">
        <v>5559870</v>
      </c>
      <c r="ML12" s="119">
        <v>10359450</v>
      </c>
      <c r="MM12" s="119">
        <v>5002882</v>
      </c>
      <c r="MN12" s="120">
        <v>24348003</v>
      </c>
      <c r="MO12" s="143">
        <v>24348003</v>
      </c>
      <c r="MP12" s="142">
        <v>0</v>
      </c>
      <c r="MQ12" s="119">
        <v>0</v>
      </c>
      <c r="MR12" s="120">
        <v>0</v>
      </c>
      <c r="MS12" s="145"/>
      <c r="MT12" s="119">
        <v>0</v>
      </c>
      <c r="MU12" s="119">
        <v>0</v>
      </c>
      <c r="MV12" s="119">
        <v>3674349</v>
      </c>
      <c r="MW12" s="119">
        <v>7350610</v>
      </c>
      <c r="MX12" s="119">
        <v>4323471</v>
      </c>
      <c r="MY12" s="120">
        <v>15348430</v>
      </c>
      <c r="MZ12" s="143">
        <v>15348430</v>
      </c>
      <c r="NA12" s="142">
        <v>0</v>
      </c>
      <c r="NB12" s="119">
        <v>0</v>
      </c>
      <c r="NC12" s="120">
        <v>0</v>
      </c>
      <c r="ND12" s="145">
        <v>0</v>
      </c>
      <c r="NE12" s="119">
        <v>634011</v>
      </c>
      <c r="NF12" s="119">
        <v>2791790</v>
      </c>
      <c r="NG12" s="119">
        <v>1885521</v>
      </c>
      <c r="NH12" s="119">
        <v>2690521</v>
      </c>
      <c r="NI12" s="119">
        <v>0</v>
      </c>
      <c r="NJ12" s="120">
        <v>8001843</v>
      </c>
      <c r="NK12" s="321">
        <v>8001843</v>
      </c>
      <c r="NL12" s="142">
        <v>0</v>
      </c>
      <c r="NM12" s="119">
        <v>0</v>
      </c>
      <c r="NN12" s="120">
        <v>0</v>
      </c>
      <c r="NO12" s="145"/>
      <c r="NP12" s="119">
        <v>0</v>
      </c>
      <c r="NQ12" s="119">
        <v>0</v>
      </c>
      <c r="NR12" s="119">
        <v>0</v>
      </c>
      <c r="NS12" s="119">
        <v>0</v>
      </c>
      <c r="NT12" s="119">
        <v>0</v>
      </c>
      <c r="NU12" s="120">
        <v>0</v>
      </c>
      <c r="NV12" s="121">
        <v>0</v>
      </c>
      <c r="NW12" s="142">
        <v>0</v>
      </c>
      <c r="NX12" s="119">
        <v>0</v>
      </c>
      <c r="NY12" s="120">
        <v>0</v>
      </c>
      <c r="NZ12" s="145"/>
      <c r="OA12" s="119">
        <v>0</v>
      </c>
      <c r="OB12" s="119">
        <v>0</v>
      </c>
      <c r="OC12" s="119">
        <v>0</v>
      </c>
      <c r="OD12" s="119">
        <v>318319</v>
      </c>
      <c r="OE12" s="119">
        <v>679411</v>
      </c>
      <c r="OF12" s="120">
        <v>997730</v>
      </c>
      <c r="OG12" s="121">
        <v>997730</v>
      </c>
      <c r="OH12" s="142">
        <v>1158572</v>
      </c>
      <c r="OI12" s="119">
        <v>3084680</v>
      </c>
      <c r="OJ12" s="141">
        <v>4243252</v>
      </c>
      <c r="OK12" s="118">
        <v>0</v>
      </c>
      <c r="OL12" s="119">
        <v>18571923</v>
      </c>
      <c r="OM12" s="119">
        <v>23976093</v>
      </c>
      <c r="ON12" s="119">
        <v>28233059</v>
      </c>
      <c r="OO12" s="119">
        <v>33265072</v>
      </c>
      <c r="OP12" s="119">
        <v>21862226</v>
      </c>
      <c r="OQ12" s="120">
        <v>125908373</v>
      </c>
      <c r="OR12" s="143">
        <v>130151625</v>
      </c>
    </row>
    <row r="13" spans="1:408" ht="20.25" customHeight="1" x14ac:dyDescent="0.2">
      <c r="A13" s="126" t="s">
        <v>7</v>
      </c>
      <c r="B13" s="110">
        <v>756923</v>
      </c>
      <c r="C13" s="114">
        <v>707610</v>
      </c>
      <c r="D13" s="113">
        <v>1464533</v>
      </c>
      <c r="E13" s="109">
        <v>0</v>
      </c>
      <c r="F13" s="114">
        <v>10927283</v>
      </c>
      <c r="G13" s="114">
        <v>11046003</v>
      </c>
      <c r="H13" s="114">
        <v>7885648</v>
      </c>
      <c r="I13" s="114">
        <v>6542225</v>
      </c>
      <c r="J13" s="114">
        <v>7392558</v>
      </c>
      <c r="K13" s="109">
        <v>43793717</v>
      </c>
      <c r="L13" s="116">
        <v>45258250</v>
      </c>
      <c r="M13" s="110">
        <v>142289</v>
      </c>
      <c r="N13" s="114">
        <v>121847</v>
      </c>
      <c r="O13" s="113">
        <v>264136</v>
      </c>
      <c r="P13" s="110">
        <v>0</v>
      </c>
      <c r="Q13" s="114">
        <v>2900641</v>
      </c>
      <c r="R13" s="114">
        <v>3634645</v>
      </c>
      <c r="S13" s="114">
        <v>2749700</v>
      </c>
      <c r="T13" s="114">
        <v>1865684</v>
      </c>
      <c r="U13" s="114">
        <v>4352415</v>
      </c>
      <c r="V13" s="113">
        <v>15503085</v>
      </c>
      <c r="W13" s="116">
        <v>15767221</v>
      </c>
      <c r="X13" s="110">
        <v>0</v>
      </c>
      <c r="Y13" s="114">
        <v>0</v>
      </c>
      <c r="Z13" s="113">
        <v>0</v>
      </c>
      <c r="AA13" s="110">
        <v>0</v>
      </c>
      <c r="AB13" s="114">
        <v>1131157</v>
      </c>
      <c r="AC13" s="114">
        <v>1588308</v>
      </c>
      <c r="AD13" s="114">
        <v>1496300</v>
      </c>
      <c r="AE13" s="114">
        <v>1098719</v>
      </c>
      <c r="AF13" s="114">
        <v>2653702</v>
      </c>
      <c r="AG13" s="113">
        <v>7968186</v>
      </c>
      <c r="AH13" s="116">
        <v>7968186</v>
      </c>
      <c r="AI13" s="110">
        <v>0</v>
      </c>
      <c r="AJ13" s="114">
        <v>0</v>
      </c>
      <c r="AK13" s="113">
        <v>0</v>
      </c>
      <c r="AL13" s="110">
        <v>0</v>
      </c>
      <c r="AM13" s="114">
        <v>82403</v>
      </c>
      <c r="AN13" s="114">
        <v>82403</v>
      </c>
      <c r="AO13" s="114">
        <v>0</v>
      </c>
      <c r="AP13" s="114">
        <v>81010</v>
      </c>
      <c r="AQ13" s="114">
        <v>474885</v>
      </c>
      <c r="AR13" s="113">
        <v>720701</v>
      </c>
      <c r="AS13" s="116">
        <v>720701</v>
      </c>
      <c r="AT13" s="110">
        <v>0</v>
      </c>
      <c r="AU13" s="114">
        <v>55739</v>
      </c>
      <c r="AV13" s="113">
        <v>55739</v>
      </c>
      <c r="AW13" s="110">
        <v>0</v>
      </c>
      <c r="AX13" s="114">
        <v>965660</v>
      </c>
      <c r="AY13" s="114">
        <v>1249092</v>
      </c>
      <c r="AZ13" s="114">
        <v>599608</v>
      </c>
      <c r="BA13" s="114">
        <v>345212</v>
      </c>
      <c r="BB13" s="114">
        <v>925264</v>
      </c>
      <c r="BC13" s="113">
        <v>4084836</v>
      </c>
      <c r="BD13" s="116">
        <v>4140575</v>
      </c>
      <c r="BE13" s="110">
        <v>0</v>
      </c>
      <c r="BF13" s="114">
        <v>0</v>
      </c>
      <c r="BG13" s="112">
        <v>0</v>
      </c>
      <c r="BH13" s="111">
        <v>0</v>
      </c>
      <c r="BI13" s="114">
        <v>97000</v>
      </c>
      <c r="BJ13" s="114">
        <v>87390</v>
      </c>
      <c r="BK13" s="114">
        <v>202173</v>
      </c>
      <c r="BL13" s="114">
        <v>23741</v>
      </c>
      <c r="BM13" s="114">
        <v>0</v>
      </c>
      <c r="BN13" s="113">
        <v>410304</v>
      </c>
      <c r="BO13" s="116">
        <v>410304</v>
      </c>
      <c r="BP13" s="110">
        <v>142289</v>
      </c>
      <c r="BQ13" s="114">
        <v>66108</v>
      </c>
      <c r="BR13" s="113">
        <v>208397</v>
      </c>
      <c r="BS13" s="110">
        <v>0</v>
      </c>
      <c r="BT13" s="114">
        <v>624421</v>
      </c>
      <c r="BU13" s="114">
        <v>627452</v>
      </c>
      <c r="BV13" s="114">
        <v>451619</v>
      </c>
      <c r="BW13" s="114">
        <v>317002</v>
      </c>
      <c r="BX13" s="114">
        <v>298564</v>
      </c>
      <c r="BY13" s="113">
        <v>2319058</v>
      </c>
      <c r="BZ13" s="116">
        <v>2527455</v>
      </c>
      <c r="CA13" s="110">
        <v>37034</v>
      </c>
      <c r="CB13" s="114">
        <v>99869</v>
      </c>
      <c r="CC13" s="113">
        <v>136903</v>
      </c>
      <c r="CD13" s="110">
        <v>0</v>
      </c>
      <c r="CE13" s="114">
        <v>3419745</v>
      </c>
      <c r="CF13" s="114">
        <v>2093276</v>
      </c>
      <c r="CG13" s="114">
        <v>1029744</v>
      </c>
      <c r="CH13" s="114">
        <v>392532</v>
      </c>
      <c r="CI13" s="114">
        <v>731987</v>
      </c>
      <c r="CJ13" s="113">
        <v>7667284</v>
      </c>
      <c r="CK13" s="116">
        <v>7804187</v>
      </c>
      <c r="CL13" s="110">
        <v>0</v>
      </c>
      <c r="CM13" s="114">
        <v>0</v>
      </c>
      <c r="CN13" s="113">
        <v>0</v>
      </c>
      <c r="CO13" s="111">
        <v>0</v>
      </c>
      <c r="CP13" s="114">
        <v>2421205</v>
      </c>
      <c r="CQ13" s="114">
        <v>1501046</v>
      </c>
      <c r="CR13" s="114">
        <v>386733</v>
      </c>
      <c r="CS13" s="114">
        <v>328549</v>
      </c>
      <c r="CT13" s="114">
        <v>526628</v>
      </c>
      <c r="CU13" s="113">
        <v>5164161</v>
      </c>
      <c r="CV13" s="116">
        <v>5164161</v>
      </c>
      <c r="CW13" s="110">
        <v>37034</v>
      </c>
      <c r="CX13" s="114">
        <v>99869</v>
      </c>
      <c r="CY13" s="113">
        <v>136903</v>
      </c>
      <c r="CZ13" s="110">
        <v>0</v>
      </c>
      <c r="DA13" s="114">
        <v>998540</v>
      </c>
      <c r="DB13" s="114">
        <v>592230</v>
      </c>
      <c r="DC13" s="114">
        <v>643011</v>
      </c>
      <c r="DD13" s="114">
        <v>63983</v>
      </c>
      <c r="DE13" s="114">
        <v>205359</v>
      </c>
      <c r="DF13" s="113">
        <v>2503123</v>
      </c>
      <c r="DG13" s="116">
        <v>2640026</v>
      </c>
      <c r="DH13" s="110">
        <v>0</v>
      </c>
      <c r="DI13" s="114">
        <v>0</v>
      </c>
      <c r="DJ13" s="112">
        <v>0</v>
      </c>
      <c r="DK13" s="111">
        <v>0</v>
      </c>
      <c r="DL13" s="114">
        <v>156557</v>
      </c>
      <c r="DM13" s="114">
        <v>404303</v>
      </c>
      <c r="DN13" s="114">
        <v>610238</v>
      </c>
      <c r="DO13" s="114">
        <v>678489</v>
      </c>
      <c r="DP13" s="114">
        <v>269810</v>
      </c>
      <c r="DQ13" s="113">
        <v>2119397</v>
      </c>
      <c r="DR13" s="116">
        <v>2119397</v>
      </c>
      <c r="DS13" s="110">
        <v>0</v>
      </c>
      <c r="DT13" s="114">
        <v>0</v>
      </c>
      <c r="DU13" s="113">
        <v>0</v>
      </c>
      <c r="DV13" s="110">
        <v>0</v>
      </c>
      <c r="DW13" s="114">
        <v>156557</v>
      </c>
      <c r="DX13" s="114">
        <v>404303</v>
      </c>
      <c r="DY13" s="114">
        <v>610238</v>
      </c>
      <c r="DZ13" s="114">
        <v>678489</v>
      </c>
      <c r="EA13" s="114">
        <v>157874</v>
      </c>
      <c r="EB13" s="113">
        <v>2007461</v>
      </c>
      <c r="EC13" s="116">
        <v>2007461</v>
      </c>
      <c r="ED13" s="110">
        <v>0</v>
      </c>
      <c r="EE13" s="112">
        <v>0</v>
      </c>
      <c r="EF13" s="113">
        <v>0</v>
      </c>
      <c r="EG13" s="110">
        <v>0</v>
      </c>
      <c r="EH13" s="114">
        <v>0</v>
      </c>
      <c r="EI13" s="114">
        <v>0</v>
      </c>
      <c r="EJ13" s="114">
        <v>0</v>
      </c>
      <c r="EK13" s="114">
        <v>0</v>
      </c>
      <c r="EL13" s="114">
        <v>111936</v>
      </c>
      <c r="EM13" s="112">
        <v>111936</v>
      </c>
      <c r="EN13" s="116">
        <v>111936</v>
      </c>
      <c r="EO13" s="110">
        <v>0</v>
      </c>
      <c r="EP13" s="114">
        <v>0</v>
      </c>
      <c r="EQ13" s="112">
        <v>0</v>
      </c>
      <c r="ER13" s="111">
        <v>0</v>
      </c>
      <c r="ES13" s="114">
        <v>0</v>
      </c>
      <c r="ET13" s="114">
        <v>0</v>
      </c>
      <c r="EU13" s="114">
        <v>0</v>
      </c>
      <c r="EV13" s="114">
        <v>0</v>
      </c>
      <c r="EW13" s="114">
        <v>0</v>
      </c>
      <c r="EX13" s="113">
        <v>0</v>
      </c>
      <c r="EY13" s="116">
        <v>0</v>
      </c>
      <c r="EZ13" s="110">
        <v>0</v>
      </c>
      <c r="FA13" s="114">
        <v>0</v>
      </c>
      <c r="FB13" s="112">
        <v>0</v>
      </c>
      <c r="FC13" s="348"/>
      <c r="FD13" s="114">
        <v>0</v>
      </c>
      <c r="FE13" s="114">
        <v>0</v>
      </c>
      <c r="FF13" s="114">
        <v>0</v>
      </c>
      <c r="FG13" s="114">
        <v>0</v>
      </c>
      <c r="FH13" s="114">
        <v>0</v>
      </c>
      <c r="FI13" s="113">
        <v>0</v>
      </c>
      <c r="FJ13" s="116">
        <v>0</v>
      </c>
      <c r="FK13" s="110">
        <v>67340</v>
      </c>
      <c r="FL13" s="114">
        <v>104643</v>
      </c>
      <c r="FM13" s="113">
        <v>171983</v>
      </c>
      <c r="FN13" s="110">
        <v>0</v>
      </c>
      <c r="FO13" s="114">
        <v>561785</v>
      </c>
      <c r="FP13" s="114">
        <v>1137512</v>
      </c>
      <c r="FQ13" s="114">
        <v>645918</v>
      </c>
      <c r="FR13" s="114">
        <v>310170</v>
      </c>
      <c r="FS13" s="114">
        <v>437752</v>
      </c>
      <c r="FT13" s="113">
        <v>3093137</v>
      </c>
      <c r="FU13" s="116">
        <v>3265120</v>
      </c>
      <c r="FV13" s="115">
        <v>56252</v>
      </c>
      <c r="FW13" s="114">
        <v>76384</v>
      </c>
      <c r="FX13" s="112">
        <v>132636</v>
      </c>
      <c r="FY13" s="111">
        <v>0</v>
      </c>
      <c r="FZ13" s="114">
        <v>382025</v>
      </c>
      <c r="GA13" s="114">
        <v>1090451</v>
      </c>
      <c r="GB13" s="114">
        <v>632058</v>
      </c>
      <c r="GC13" s="114">
        <v>310170</v>
      </c>
      <c r="GD13" s="114">
        <v>437752</v>
      </c>
      <c r="GE13" s="113">
        <v>2852456</v>
      </c>
      <c r="GF13" s="319">
        <v>2985092</v>
      </c>
      <c r="GG13" s="115">
        <v>11088</v>
      </c>
      <c r="GH13" s="114">
        <v>28259</v>
      </c>
      <c r="GI13" s="112">
        <v>39347</v>
      </c>
      <c r="GJ13" s="111">
        <v>0</v>
      </c>
      <c r="GK13" s="114">
        <v>52360</v>
      </c>
      <c r="GL13" s="114">
        <v>10780</v>
      </c>
      <c r="GM13" s="114">
        <v>13860</v>
      </c>
      <c r="GN13" s="114">
        <v>0</v>
      </c>
      <c r="GO13" s="114">
        <v>0</v>
      </c>
      <c r="GP13" s="113">
        <v>77000</v>
      </c>
      <c r="GQ13" s="116">
        <v>116347</v>
      </c>
      <c r="GR13" s="110">
        <v>0</v>
      </c>
      <c r="GS13" s="114">
        <v>0</v>
      </c>
      <c r="GT13" s="113">
        <v>0</v>
      </c>
      <c r="GU13" s="110">
        <v>0</v>
      </c>
      <c r="GV13" s="114">
        <v>127400</v>
      </c>
      <c r="GW13" s="114">
        <v>36281</v>
      </c>
      <c r="GX13" s="114">
        <v>0</v>
      </c>
      <c r="GY13" s="114">
        <v>0</v>
      </c>
      <c r="GZ13" s="114">
        <v>0</v>
      </c>
      <c r="HA13" s="112">
        <v>163681</v>
      </c>
      <c r="HB13" s="116">
        <v>163681</v>
      </c>
      <c r="HC13" s="110">
        <v>510260</v>
      </c>
      <c r="HD13" s="114">
        <v>381251</v>
      </c>
      <c r="HE13" s="112">
        <v>891511</v>
      </c>
      <c r="HF13" s="111">
        <v>0</v>
      </c>
      <c r="HG13" s="114">
        <v>3888555</v>
      </c>
      <c r="HH13" s="114">
        <v>3776267</v>
      </c>
      <c r="HI13" s="114">
        <v>2850048</v>
      </c>
      <c r="HJ13" s="114">
        <v>3295350</v>
      </c>
      <c r="HK13" s="114">
        <v>1600594</v>
      </c>
      <c r="HL13" s="113">
        <v>15410814</v>
      </c>
      <c r="HM13" s="109">
        <v>16302325</v>
      </c>
      <c r="HN13" s="329"/>
      <c r="HO13" s="330"/>
      <c r="HP13" s="331"/>
      <c r="HQ13" s="332"/>
      <c r="HR13" s="330"/>
      <c r="HS13" s="330"/>
      <c r="HT13" s="330"/>
      <c r="HU13" s="330"/>
      <c r="HV13" s="330"/>
      <c r="HW13" s="333"/>
      <c r="HX13" s="334"/>
      <c r="HY13" s="131">
        <v>0</v>
      </c>
      <c r="HZ13" s="132">
        <v>0</v>
      </c>
      <c r="IA13" s="133">
        <v>0</v>
      </c>
      <c r="IB13" s="146">
        <v>0</v>
      </c>
      <c r="IC13" s="132">
        <v>1332613</v>
      </c>
      <c r="ID13" s="147">
        <v>1488034</v>
      </c>
      <c r="IE13" s="133">
        <v>3611123</v>
      </c>
      <c r="IF13" s="132">
        <v>1192484</v>
      </c>
      <c r="IG13" s="133">
        <v>739829</v>
      </c>
      <c r="IH13" s="148">
        <v>8364083</v>
      </c>
      <c r="II13" s="139">
        <v>8364083</v>
      </c>
      <c r="IJ13" s="232">
        <v>0</v>
      </c>
      <c r="IK13" s="236">
        <v>0</v>
      </c>
      <c r="IL13" s="237">
        <v>0</v>
      </c>
      <c r="IM13" s="140"/>
      <c r="IN13" s="119">
        <v>0</v>
      </c>
      <c r="IO13" s="119">
        <v>0</v>
      </c>
      <c r="IP13" s="119">
        <v>174050</v>
      </c>
      <c r="IQ13" s="119">
        <v>0</v>
      </c>
      <c r="IR13" s="119">
        <v>0</v>
      </c>
      <c r="IS13" s="141">
        <v>174050</v>
      </c>
      <c r="IT13" s="321">
        <v>174050</v>
      </c>
      <c r="IU13" s="142">
        <v>0</v>
      </c>
      <c r="IV13" s="119">
        <v>0</v>
      </c>
      <c r="IW13" s="120">
        <v>0</v>
      </c>
      <c r="IX13" s="144"/>
      <c r="IY13" s="119">
        <v>0</v>
      </c>
      <c r="IZ13" s="119">
        <v>0</v>
      </c>
      <c r="JA13" s="119">
        <v>0</v>
      </c>
      <c r="JB13" s="119">
        <v>0</v>
      </c>
      <c r="JC13" s="119">
        <v>0</v>
      </c>
      <c r="JD13" s="120">
        <v>0</v>
      </c>
      <c r="JE13" s="121">
        <v>0</v>
      </c>
      <c r="JF13" s="142">
        <v>0</v>
      </c>
      <c r="JG13" s="119">
        <v>0</v>
      </c>
      <c r="JH13" s="141">
        <v>0</v>
      </c>
      <c r="JI13" s="118">
        <v>0</v>
      </c>
      <c r="JJ13" s="119">
        <v>594271</v>
      </c>
      <c r="JK13" s="119">
        <v>511462</v>
      </c>
      <c r="JL13" s="119">
        <v>1015988</v>
      </c>
      <c r="JM13" s="119">
        <v>533237</v>
      </c>
      <c r="JN13" s="119">
        <v>129446</v>
      </c>
      <c r="JO13" s="120">
        <v>2784404</v>
      </c>
      <c r="JP13" s="321">
        <v>2784404</v>
      </c>
      <c r="JQ13" s="142">
        <v>0</v>
      </c>
      <c r="JR13" s="119">
        <v>0</v>
      </c>
      <c r="JS13" s="141">
        <v>0</v>
      </c>
      <c r="JT13" s="118">
        <v>0</v>
      </c>
      <c r="JU13" s="119">
        <v>111882</v>
      </c>
      <c r="JV13" s="119">
        <v>282783</v>
      </c>
      <c r="JW13" s="119">
        <v>765428</v>
      </c>
      <c r="JX13" s="119">
        <v>217781</v>
      </c>
      <c r="JY13" s="119">
        <v>0</v>
      </c>
      <c r="JZ13" s="120">
        <v>1377874</v>
      </c>
      <c r="KA13" s="321">
        <v>1377874</v>
      </c>
      <c r="KB13" s="234">
        <v>0</v>
      </c>
      <c r="KC13" s="230">
        <v>0</v>
      </c>
      <c r="KD13" s="120">
        <v>0</v>
      </c>
      <c r="KE13" s="118">
        <v>0</v>
      </c>
      <c r="KF13" s="119">
        <v>0</v>
      </c>
      <c r="KG13" s="119">
        <v>274794</v>
      </c>
      <c r="KH13" s="119">
        <v>181345</v>
      </c>
      <c r="KI13" s="119">
        <v>0</v>
      </c>
      <c r="KJ13" s="119">
        <v>0</v>
      </c>
      <c r="KK13" s="120">
        <v>456139</v>
      </c>
      <c r="KL13" s="143">
        <v>456139</v>
      </c>
      <c r="KM13" s="232">
        <v>0</v>
      </c>
      <c r="KN13" s="236">
        <v>0</v>
      </c>
      <c r="KO13" s="237">
        <v>0</v>
      </c>
      <c r="KP13" s="140"/>
      <c r="KQ13" s="119">
        <v>626460</v>
      </c>
      <c r="KR13" s="119">
        <v>418995</v>
      </c>
      <c r="KS13" s="119">
        <v>1474312</v>
      </c>
      <c r="KT13" s="119">
        <v>441466</v>
      </c>
      <c r="KU13" s="119">
        <v>215280</v>
      </c>
      <c r="KV13" s="120">
        <v>3176513</v>
      </c>
      <c r="KW13" s="321">
        <v>3176513</v>
      </c>
      <c r="KX13" s="142">
        <v>0</v>
      </c>
      <c r="KY13" s="119">
        <v>0</v>
      </c>
      <c r="KZ13" s="120">
        <v>0</v>
      </c>
      <c r="LA13" s="145"/>
      <c r="LB13" s="119">
        <v>0</v>
      </c>
      <c r="LC13" s="119">
        <v>0</v>
      </c>
      <c r="LD13" s="119">
        <v>0</v>
      </c>
      <c r="LE13" s="119">
        <v>0</v>
      </c>
      <c r="LF13" s="119">
        <v>0</v>
      </c>
      <c r="LG13" s="120">
        <v>0</v>
      </c>
      <c r="LH13" s="121">
        <v>0</v>
      </c>
      <c r="LI13" s="142">
        <v>0</v>
      </c>
      <c r="LJ13" s="119">
        <v>0</v>
      </c>
      <c r="LK13" s="120">
        <v>0</v>
      </c>
      <c r="LL13" s="145"/>
      <c r="LM13" s="119">
        <v>0</v>
      </c>
      <c r="LN13" s="119">
        <v>0</v>
      </c>
      <c r="LO13" s="119">
        <v>0</v>
      </c>
      <c r="LP13" s="119">
        <v>0</v>
      </c>
      <c r="LQ13" s="119">
        <v>0</v>
      </c>
      <c r="LR13" s="120">
        <v>0</v>
      </c>
      <c r="LS13" s="321">
        <v>0</v>
      </c>
      <c r="LT13" s="142">
        <v>0</v>
      </c>
      <c r="LU13" s="119">
        <v>0</v>
      </c>
      <c r="LV13" s="120">
        <v>0</v>
      </c>
      <c r="LW13" s="145"/>
      <c r="LX13" s="119">
        <v>0</v>
      </c>
      <c r="LY13" s="119">
        <v>0</v>
      </c>
      <c r="LZ13" s="119">
        <v>0</v>
      </c>
      <c r="MA13" s="119">
        <v>0</v>
      </c>
      <c r="MB13" s="119">
        <v>395103</v>
      </c>
      <c r="MC13" s="120">
        <v>395103</v>
      </c>
      <c r="MD13" s="121">
        <v>395103</v>
      </c>
      <c r="ME13" s="142">
        <v>0</v>
      </c>
      <c r="MF13" s="119">
        <v>0</v>
      </c>
      <c r="MG13" s="120">
        <v>0</v>
      </c>
      <c r="MH13" s="145"/>
      <c r="MI13" s="119">
        <v>233419</v>
      </c>
      <c r="MJ13" s="119">
        <v>1550849</v>
      </c>
      <c r="MK13" s="119">
        <v>1283888</v>
      </c>
      <c r="ML13" s="119">
        <v>5281685</v>
      </c>
      <c r="MM13" s="119">
        <v>2910736</v>
      </c>
      <c r="MN13" s="120">
        <v>11260577</v>
      </c>
      <c r="MO13" s="143">
        <v>11260577</v>
      </c>
      <c r="MP13" s="142">
        <v>0</v>
      </c>
      <c r="MQ13" s="119">
        <v>0</v>
      </c>
      <c r="MR13" s="120">
        <v>0</v>
      </c>
      <c r="MS13" s="145"/>
      <c r="MT13" s="119">
        <v>0</v>
      </c>
      <c r="MU13" s="119">
        <v>191576</v>
      </c>
      <c r="MV13" s="119">
        <v>154097</v>
      </c>
      <c r="MW13" s="119">
        <v>4551731</v>
      </c>
      <c r="MX13" s="119">
        <v>2479576</v>
      </c>
      <c r="MY13" s="120">
        <v>7376980</v>
      </c>
      <c r="MZ13" s="143">
        <v>7376980</v>
      </c>
      <c r="NA13" s="142">
        <v>0</v>
      </c>
      <c r="NB13" s="119">
        <v>0</v>
      </c>
      <c r="NC13" s="120">
        <v>0</v>
      </c>
      <c r="ND13" s="145">
        <v>0</v>
      </c>
      <c r="NE13" s="119">
        <v>233419</v>
      </c>
      <c r="NF13" s="119">
        <v>1359273</v>
      </c>
      <c r="NG13" s="119">
        <v>1129791</v>
      </c>
      <c r="NH13" s="119">
        <v>729954</v>
      </c>
      <c r="NI13" s="119">
        <v>431160</v>
      </c>
      <c r="NJ13" s="120">
        <v>3883597</v>
      </c>
      <c r="NK13" s="321">
        <v>3883597</v>
      </c>
      <c r="NL13" s="142">
        <v>0</v>
      </c>
      <c r="NM13" s="119">
        <v>0</v>
      </c>
      <c r="NN13" s="120">
        <v>0</v>
      </c>
      <c r="NO13" s="145"/>
      <c r="NP13" s="119">
        <v>0</v>
      </c>
      <c r="NQ13" s="119">
        <v>0</v>
      </c>
      <c r="NR13" s="119">
        <v>0</v>
      </c>
      <c r="NS13" s="119">
        <v>0</v>
      </c>
      <c r="NT13" s="119">
        <v>0</v>
      </c>
      <c r="NU13" s="120">
        <v>0</v>
      </c>
      <c r="NV13" s="121">
        <v>0</v>
      </c>
      <c r="NW13" s="142">
        <v>0</v>
      </c>
      <c r="NX13" s="119">
        <v>0</v>
      </c>
      <c r="NY13" s="120">
        <v>0</v>
      </c>
      <c r="NZ13" s="145"/>
      <c r="OA13" s="119">
        <v>0</v>
      </c>
      <c r="OB13" s="119">
        <v>0</v>
      </c>
      <c r="OC13" s="119">
        <v>0</v>
      </c>
      <c r="OD13" s="119">
        <v>0</v>
      </c>
      <c r="OE13" s="119">
        <v>0</v>
      </c>
      <c r="OF13" s="120">
        <v>0</v>
      </c>
      <c r="OG13" s="121">
        <v>0</v>
      </c>
      <c r="OH13" s="142">
        <v>756923</v>
      </c>
      <c r="OI13" s="119">
        <v>707610</v>
      </c>
      <c r="OJ13" s="141">
        <v>1464533</v>
      </c>
      <c r="OK13" s="118">
        <v>0</v>
      </c>
      <c r="OL13" s="119">
        <v>12493315</v>
      </c>
      <c r="OM13" s="119">
        <v>14084886</v>
      </c>
      <c r="ON13" s="119">
        <v>12780659</v>
      </c>
      <c r="OO13" s="119">
        <v>13016394</v>
      </c>
      <c r="OP13" s="119">
        <v>11043123</v>
      </c>
      <c r="OQ13" s="120">
        <v>63418377</v>
      </c>
      <c r="OR13" s="143">
        <v>64882910</v>
      </c>
    </row>
    <row r="14" spans="1:408" ht="20.25" customHeight="1" x14ac:dyDescent="0.2">
      <c r="A14" s="126" t="s">
        <v>8</v>
      </c>
      <c r="B14" s="110">
        <v>396231</v>
      </c>
      <c r="C14" s="114">
        <v>222878</v>
      </c>
      <c r="D14" s="113">
        <v>619109</v>
      </c>
      <c r="E14" s="109">
        <v>0</v>
      </c>
      <c r="F14" s="114">
        <v>4249159</v>
      </c>
      <c r="G14" s="114">
        <v>6748230</v>
      </c>
      <c r="H14" s="114">
        <v>3640524</v>
      </c>
      <c r="I14" s="114">
        <v>5550954</v>
      </c>
      <c r="J14" s="114">
        <v>3535488</v>
      </c>
      <c r="K14" s="109">
        <v>23724355</v>
      </c>
      <c r="L14" s="116">
        <v>24343464</v>
      </c>
      <c r="M14" s="110">
        <v>62242</v>
      </c>
      <c r="N14" s="114">
        <v>80271</v>
      </c>
      <c r="O14" s="113">
        <v>142513</v>
      </c>
      <c r="P14" s="110">
        <v>0</v>
      </c>
      <c r="Q14" s="114">
        <v>935568</v>
      </c>
      <c r="R14" s="114">
        <v>2222274</v>
      </c>
      <c r="S14" s="114">
        <v>844835</v>
      </c>
      <c r="T14" s="114">
        <v>2064961</v>
      </c>
      <c r="U14" s="114">
        <v>1391447</v>
      </c>
      <c r="V14" s="113">
        <v>7459085</v>
      </c>
      <c r="W14" s="116">
        <v>7601598</v>
      </c>
      <c r="X14" s="110">
        <v>0</v>
      </c>
      <c r="Y14" s="114">
        <v>0</v>
      </c>
      <c r="Z14" s="113">
        <v>0</v>
      </c>
      <c r="AA14" s="110">
        <v>0</v>
      </c>
      <c r="AB14" s="114">
        <v>589371</v>
      </c>
      <c r="AC14" s="114">
        <v>1325043</v>
      </c>
      <c r="AD14" s="114">
        <v>362594</v>
      </c>
      <c r="AE14" s="114">
        <v>931168</v>
      </c>
      <c r="AF14" s="114">
        <v>987708</v>
      </c>
      <c r="AG14" s="113">
        <v>4195884</v>
      </c>
      <c r="AH14" s="116">
        <v>4195884</v>
      </c>
      <c r="AI14" s="110">
        <v>0</v>
      </c>
      <c r="AJ14" s="114">
        <v>0</v>
      </c>
      <c r="AK14" s="113">
        <v>0</v>
      </c>
      <c r="AL14" s="110">
        <v>0</v>
      </c>
      <c r="AM14" s="114">
        <v>0</v>
      </c>
      <c r="AN14" s="114">
        <v>83975</v>
      </c>
      <c r="AO14" s="114">
        <v>0</v>
      </c>
      <c r="AP14" s="114">
        <v>266500</v>
      </c>
      <c r="AQ14" s="114">
        <v>91136</v>
      </c>
      <c r="AR14" s="113">
        <v>441611</v>
      </c>
      <c r="AS14" s="116">
        <v>441611</v>
      </c>
      <c r="AT14" s="110">
        <v>10253</v>
      </c>
      <c r="AU14" s="114">
        <v>49208</v>
      </c>
      <c r="AV14" s="113">
        <v>59461</v>
      </c>
      <c r="AW14" s="110">
        <v>0</v>
      </c>
      <c r="AX14" s="114">
        <v>215073</v>
      </c>
      <c r="AY14" s="114">
        <v>414545</v>
      </c>
      <c r="AZ14" s="114">
        <v>93449</v>
      </c>
      <c r="BA14" s="114">
        <v>423347</v>
      </c>
      <c r="BB14" s="114">
        <v>79070</v>
      </c>
      <c r="BC14" s="113">
        <v>1225484</v>
      </c>
      <c r="BD14" s="116">
        <v>1284945</v>
      </c>
      <c r="BE14" s="110">
        <v>0</v>
      </c>
      <c r="BF14" s="114">
        <v>18491</v>
      </c>
      <c r="BG14" s="112">
        <v>18491</v>
      </c>
      <c r="BH14" s="111">
        <v>0</v>
      </c>
      <c r="BI14" s="114">
        <v>58149</v>
      </c>
      <c r="BJ14" s="114">
        <v>180773</v>
      </c>
      <c r="BK14" s="114">
        <v>223877</v>
      </c>
      <c r="BL14" s="114">
        <v>102794</v>
      </c>
      <c r="BM14" s="114">
        <v>65624</v>
      </c>
      <c r="BN14" s="113">
        <v>631217</v>
      </c>
      <c r="BO14" s="116">
        <v>649708</v>
      </c>
      <c r="BP14" s="110">
        <v>51989</v>
      </c>
      <c r="BQ14" s="114">
        <v>12572</v>
      </c>
      <c r="BR14" s="113">
        <v>64561</v>
      </c>
      <c r="BS14" s="110">
        <v>0</v>
      </c>
      <c r="BT14" s="114">
        <v>72975</v>
      </c>
      <c r="BU14" s="114">
        <v>217938</v>
      </c>
      <c r="BV14" s="114">
        <v>164915</v>
      </c>
      <c r="BW14" s="114">
        <v>341152</v>
      </c>
      <c r="BX14" s="114">
        <v>167909</v>
      </c>
      <c r="BY14" s="113">
        <v>964889</v>
      </c>
      <c r="BZ14" s="116">
        <v>1029450</v>
      </c>
      <c r="CA14" s="110">
        <v>17805</v>
      </c>
      <c r="CB14" s="114">
        <v>98780</v>
      </c>
      <c r="CC14" s="113">
        <v>116585</v>
      </c>
      <c r="CD14" s="110">
        <v>0</v>
      </c>
      <c r="CE14" s="114">
        <v>1754199</v>
      </c>
      <c r="CF14" s="114">
        <v>1949611</v>
      </c>
      <c r="CG14" s="114">
        <v>688618</v>
      </c>
      <c r="CH14" s="114">
        <v>1534312</v>
      </c>
      <c r="CI14" s="114">
        <v>176158</v>
      </c>
      <c r="CJ14" s="113">
        <v>6102898</v>
      </c>
      <c r="CK14" s="116">
        <v>6219483</v>
      </c>
      <c r="CL14" s="110">
        <v>0</v>
      </c>
      <c r="CM14" s="114">
        <v>0</v>
      </c>
      <c r="CN14" s="113">
        <v>0</v>
      </c>
      <c r="CO14" s="111">
        <v>0</v>
      </c>
      <c r="CP14" s="114">
        <v>1158583</v>
      </c>
      <c r="CQ14" s="114">
        <v>1593217</v>
      </c>
      <c r="CR14" s="114">
        <v>300415</v>
      </c>
      <c r="CS14" s="114">
        <v>934242</v>
      </c>
      <c r="CT14" s="114">
        <v>124498</v>
      </c>
      <c r="CU14" s="113">
        <v>4110955</v>
      </c>
      <c r="CV14" s="116">
        <v>4110955</v>
      </c>
      <c r="CW14" s="110">
        <v>17805</v>
      </c>
      <c r="CX14" s="114">
        <v>98780</v>
      </c>
      <c r="CY14" s="113">
        <v>116585</v>
      </c>
      <c r="CZ14" s="110">
        <v>0</v>
      </c>
      <c r="DA14" s="114">
        <v>595616</v>
      </c>
      <c r="DB14" s="114">
        <v>356394</v>
      </c>
      <c r="DC14" s="114">
        <v>388203</v>
      </c>
      <c r="DD14" s="114">
        <v>600070</v>
      </c>
      <c r="DE14" s="114">
        <v>51660</v>
      </c>
      <c r="DF14" s="113">
        <v>1991943</v>
      </c>
      <c r="DG14" s="116">
        <v>2108528</v>
      </c>
      <c r="DH14" s="110">
        <v>0</v>
      </c>
      <c r="DI14" s="114">
        <v>0</v>
      </c>
      <c r="DJ14" s="112">
        <v>0</v>
      </c>
      <c r="DK14" s="111">
        <v>0</v>
      </c>
      <c r="DL14" s="114">
        <v>167055</v>
      </c>
      <c r="DM14" s="114">
        <v>372613</v>
      </c>
      <c r="DN14" s="114">
        <v>86054</v>
      </c>
      <c r="DO14" s="114">
        <v>282279</v>
      </c>
      <c r="DP14" s="114">
        <v>87216</v>
      </c>
      <c r="DQ14" s="113">
        <v>995217</v>
      </c>
      <c r="DR14" s="116">
        <v>995217</v>
      </c>
      <c r="DS14" s="110">
        <v>0</v>
      </c>
      <c r="DT14" s="114">
        <v>0</v>
      </c>
      <c r="DU14" s="113">
        <v>0</v>
      </c>
      <c r="DV14" s="110">
        <v>0</v>
      </c>
      <c r="DW14" s="114">
        <v>167055</v>
      </c>
      <c r="DX14" s="114">
        <v>372613</v>
      </c>
      <c r="DY14" s="114">
        <v>86054</v>
      </c>
      <c r="DZ14" s="114">
        <v>282279</v>
      </c>
      <c r="EA14" s="114">
        <v>87216</v>
      </c>
      <c r="EB14" s="113">
        <v>995217</v>
      </c>
      <c r="EC14" s="116">
        <v>995217</v>
      </c>
      <c r="ED14" s="110">
        <v>0</v>
      </c>
      <c r="EE14" s="112">
        <v>0</v>
      </c>
      <c r="EF14" s="113">
        <v>0</v>
      </c>
      <c r="EG14" s="110">
        <v>0</v>
      </c>
      <c r="EH14" s="114">
        <v>0</v>
      </c>
      <c r="EI14" s="114">
        <v>0</v>
      </c>
      <c r="EJ14" s="114">
        <v>0</v>
      </c>
      <c r="EK14" s="114">
        <v>0</v>
      </c>
      <c r="EL14" s="114">
        <v>0</v>
      </c>
      <c r="EM14" s="112">
        <v>0</v>
      </c>
      <c r="EN14" s="116">
        <v>0</v>
      </c>
      <c r="EO14" s="110">
        <v>0</v>
      </c>
      <c r="EP14" s="114">
        <v>0</v>
      </c>
      <c r="EQ14" s="112">
        <v>0</v>
      </c>
      <c r="ER14" s="111">
        <v>0</v>
      </c>
      <c r="ES14" s="114">
        <v>0</v>
      </c>
      <c r="ET14" s="114">
        <v>0</v>
      </c>
      <c r="EU14" s="114">
        <v>0</v>
      </c>
      <c r="EV14" s="114">
        <v>0</v>
      </c>
      <c r="EW14" s="114">
        <v>0</v>
      </c>
      <c r="EX14" s="113">
        <v>0</v>
      </c>
      <c r="EY14" s="116">
        <v>0</v>
      </c>
      <c r="EZ14" s="110">
        <v>0</v>
      </c>
      <c r="FA14" s="114">
        <v>0</v>
      </c>
      <c r="FB14" s="112">
        <v>0</v>
      </c>
      <c r="FC14" s="348"/>
      <c r="FD14" s="114">
        <v>0</v>
      </c>
      <c r="FE14" s="114">
        <v>0</v>
      </c>
      <c r="FF14" s="114">
        <v>0</v>
      </c>
      <c r="FG14" s="114">
        <v>0</v>
      </c>
      <c r="FH14" s="114">
        <v>0</v>
      </c>
      <c r="FI14" s="113">
        <v>0</v>
      </c>
      <c r="FJ14" s="116">
        <v>0</v>
      </c>
      <c r="FK14" s="110">
        <v>36358</v>
      </c>
      <c r="FL14" s="114">
        <v>43827</v>
      </c>
      <c r="FM14" s="113">
        <v>80185</v>
      </c>
      <c r="FN14" s="110">
        <v>0</v>
      </c>
      <c r="FO14" s="114">
        <v>298445</v>
      </c>
      <c r="FP14" s="114">
        <v>571130</v>
      </c>
      <c r="FQ14" s="114">
        <v>294273</v>
      </c>
      <c r="FR14" s="114">
        <v>513492</v>
      </c>
      <c r="FS14" s="114">
        <v>303359</v>
      </c>
      <c r="FT14" s="113">
        <v>1980699</v>
      </c>
      <c r="FU14" s="116">
        <v>2060884</v>
      </c>
      <c r="FV14" s="115">
        <v>36358</v>
      </c>
      <c r="FW14" s="114">
        <v>43827</v>
      </c>
      <c r="FX14" s="112">
        <v>80185</v>
      </c>
      <c r="FY14" s="111">
        <v>0</v>
      </c>
      <c r="FZ14" s="114">
        <v>207445</v>
      </c>
      <c r="GA14" s="114">
        <v>518462</v>
      </c>
      <c r="GB14" s="114">
        <v>277949</v>
      </c>
      <c r="GC14" s="114">
        <v>496167</v>
      </c>
      <c r="GD14" s="114">
        <v>187894</v>
      </c>
      <c r="GE14" s="113">
        <v>1687917</v>
      </c>
      <c r="GF14" s="319">
        <v>1768102</v>
      </c>
      <c r="GG14" s="115">
        <v>0</v>
      </c>
      <c r="GH14" s="114">
        <v>0</v>
      </c>
      <c r="GI14" s="112">
        <v>0</v>
      </c>
      <c r="GJ14" s="111">
        <v>0</v>
      </c>
      <c r="GK14" s="114">
        <v>0</v>
      </c>
      <c r="GL14" s="114">
        <v>52668</v>
      </c>
      <c r="GM14" s="114">
        <v>16324</v>
      </c>
      <c r="GN14" s="114">
        <v>17325</v>
      </c>
      <c r="GO14" s="114">
        <v>0</v>
      </c>
      <c r="GP14" s="113">
        <v>86317</v>
      </c>
      <c r="GQ14" s="116">
        <v>86317</v>
      </c>
      <c r="GR14" s="110">
        <v>0</v>
      </c>
      <c r="GS14" s="114">
        <v>0</v>
      </c>
      <c r="GT14" s="113">
        <v>0</v>
      </c>
      <c r="GU14" s="110">
        <v>0</v>
      </c>
      <c r="GV14" s="114">
        <v>91000</v>
      </c>
      <c r="GW14" s="114">
        <v>0</v>
      </c>
      <c r="GX14" s="114">
        <v>0</v>
      </c>
      <c r="GY14" s="114">
        <v>0</v>
      </c>
      <c r="GZ14" s="114">
        <v>115465</v>
      </c>
      <c r="HA14" s="112">
        <v>206465</v>
      </c>
      <c r="HB14" s="116">
        <v>206465</v>
      </c>
      <c r="HC14" s="110">
        <v>279826</v>
      </c>
      <c r="HD14" s="114">
        <v>0</v>
      </c>
      <c r="HE14" s="112">
        <v>279826</v>
      </c>
      <c r="HF14" s="111">
        <v>0</v>
      </c>
      <c r="HG14" s="114">
        <v>1093892</v>
      </c>
      <c r="HH14" s="114">
        <v>1632602</v>
      </c>
      <c r="HI14" s="114">
        <v>1726744</v>
      </c>
      <c r="HJ14" s="114">
        <v>1155910</v>
      </c>
      <c r="HK14" s="114">
        <v>1577308</v>
      </c>
      <c r="HL14" s="113">
        <v>7186456</v>
      </c>
      <c r="HM14" s="109">
        <v>7466282</v>
      </c>
      <c r="HN14" s="329"/>
      <c r="HO14" s="330"/>
      <c r="HP14" s="331"/>
      <c r="HQ14" s="332"/>
      <c r="HR14" s="330"/>
      <c r="HS14" s="330"/>
      <c r="HT14" s="330"/>
      <c r="HU14" s="330"/>
      <c r="HV14" s="330"/>
      <c r="HW14" s="333"/>
      <c r="HX14" s="334"/>
      <c r="HY14" s="131">
        <v>0</v>
      </c>
      <c r="HZ14" s="132">
        <v>0</v>
      </c>
      <c r="IA14" s="133">
        <v>0</v>
      </c>
      <c r="IB14" s="134">
        <v>0</v>
      </c>
      <c r="IC14" s="135">
        <v>1099095</v>
      </c>
      <c r="ID14" s="136">
        <v>1321453</v>
      </c>
      <c r="IE14" s="137">
        <v>696680</v>
      </c>
      <c r="IF14" s="135">
        <v>2291953</v>
      </c>
      <c r="IG14" s="137">
        <v>330922</v>
      </c>
      <c r="IH14" s="138">
        <v>5740103</v>
      </c>
      <c r="II14" s="139">
        <v>5740103</v>
      </c>
      <c r="IJ14" s="232">
        <v>0</v>
      </c>
      <c r="IK14" s="236">
        <v>0</v>
      </c>
      <c r="IL14" s="237">
        <v>0</v>
      </c>
      <c r="IM14" s="140"/>
      <c r="IN14" s="119">
        <v>0</v>
      </c>
      <c r="IO14" s="119">
        <v>0</v>
      </c>
      <c r="IP14" s="119">
        <v>0</v>
      </c>
      <c r="IQ14" s="119">
        <v>633030</v>
      </c>
      <c r="IR14" s="119">
        <v>0</v>
      </c>
      <c r="IS14" s="141">
        <v>633030</v>
      </c>
      <c r="IT14" s="321">
        <v>633030</v>
      </c>
      <c r="IU14" s="142">
        <v>0</v>
      </c>
      <c r="IV14" s="119">
        <v>0</v>
      </c>
      <c r="IW14" s="120">
        <v>0</v>
      </c>
      <c r="IX14" s="144"/>
      <c r="IY14" s="119">
        <v>0</v>
      </c>
      <c r="IZ14" s="119">
        <v>0</v>
      </c>
      <c r="JA14" s="119">
        <v>0</v>
      </c>
      <c r="JB14" s="119">
        <v>0</v>
      </c>
      <c r="JC14" s="119">
        <v>0</v>
      </c>
      <c r="JD14" s="120">
        <v>0</v>
      </c>
      <c r="JE14" s="121">
        <v>0</v>
      </c>
      <c r="JF14" s="142">
        <v>0</v>
      </c>
      <c r="JG14" s="119">
        <v>0</v>
      </c>
      <c r="JH14" s="141">
        <v>0</v>
      </c>
      <c r="JI14" s="118">
        <v>0</v>
      </c>
      <c r="JJ14" s="119">
        <v>910483</v>
      </c>
      <c r="JK14" s="119">
        <v>784478</v>
      </c>
      <c r="JL14" s="119">
        <v>490765</v>
      </c>
      <c r="JM14" s="119">
        <v>156194</v>
      </c>
      <c r="JN14" s="119">
        <v>74912</v>
      </c>
      <c r="JO14" s="120">
        <v>2416832</v>
      </c>
      <c r="JP14" s="321">
        <v>2416832</v>
      </c>
      <c r="JQ14" s="142">
        <v>0</v>
      </c>
      <c r="JR14" s="119">
        <v>0</v>
      </c>
      <c r="JS14" s="141">
        <v>0</v>
      </c>
      <c r="JT14" s="118">
        <v>0</v>
      </c>
      <c r="JU14" s="119">
        <v>0</v>
      </c>
      <c r="JV14" s="119">
        <v>184386</v>
      </c>
      <c r="JW14" s="119">
        <v>0</v>
      </c>
      <c r="JX14" s="119">
        <v>0</v>
      </c>
      <c r="JY14" s="119">
        <v>0</v>
      </c>
      <c r="JZ14" s="120">
        <v>184386</v>
      </c>
      <c r="KA14" s="321">
        <v>184386</v>
      </c>
      <c r="KB14" s="234">
        <v>0</v>
      </c>
      <c r="KC14" s="230">
        <v>0</v>
      </c>
      <c r="KD14" s="120">
        <v>0</v>
      </c>
      <c r="KE14" s="118">
        <v>0</v>
      </c>
      <c r="KF14" s="119">
        <v>188612</v>
      </c>
      <c r="KG14" s="119">
        <v>0</v>
      </c>
      <c r="KH14" s="119">
        <v>205915</v>
      </c>
      <c r="KI14" s="119">
        <v>0</v>
      </c>
      <c r="KJ14" s="119">
        <v>0</v>
      </c>
      <c r="KK14" s="120">
        <v>394527</v>
      </c>
      <c r="KL14" s="143">
        <v>394527</v>
      </c>
      <c r="KM14" s="232">
        <v>0</v>
      </c>
      <c r="KN14" s="236">
        <v>0</v>
      </c>
      <c r="KO14" s="237">
        <v>0</v>
      </c>
      <c r="KP14" s="140"/>
      <c r="KQ14" s="119">
        <v>0</v>
      </c>
      <c r="KR14" s="119">
        <v>206136</v>
      </c>
      <c r="KS14" s="119">
        <v>0</v>
      </c>
      <c r="KT14" s="119">
        <v>1079864</v>
      </c>
      <c r="KU14" s="119">
        <v>0</v>
      </c>
      <c r="KV14" s="120">
        <v>1286000</v>
      </c>
      <c r="KW14" s="321">
        <v>1286000</v>
      </c>
      <c r="KX14" s="142">
        <v>0</v>
      </c>
      <c r="KY14" s="119">
        <v>0</v>
      </c>
      <c r="KZ14" s="120">
        <v>0</v>
      </c>
      <c r="LA14" s="145"/>
      <c r="LB14" s="119">
        <v>0</v>
      </c>
      <c r="LC14" s="119">
        <v>146453</v>
      </c>
      <c r="LD14" s="119">
        <v>0</v>
      </c>
      <c r="LE14" s="119">
        <v>183416</v>
      </c>
      <c r="LF14" s="119">
        <v>0</v>
      </c>
      <c r="LG14" s="120">
        <v>329869</v>
      </c>
      <c r="LH14" s="121">
        <v>329869</v>
      </c>
      <c r="LI14" s="142">
        <v>0</v>
      </c>
      <c r="LJ14" s="119">
        <v>0</v>
      </c>
      <c r="LK14" s="120">
        <v>0</v>
      </c>
      <c r="LL14" s="145"/>
      <c r="LM14" s="119">
        <v>0</v>
      </c>
      <c r="LN14" s="119">
        <v>0</v>
      </c>
      <c r="LO14" s="119">
        <v>0</v>
      </c>
      <c r="LP14" s="119">
        <v>239449</v>
      </c>
      <c r="LQ14" s="119">
        <v>256010</v>
      </c>
      <c r="LR14" s="120">
        <v>495459</v>
      </c>
      <c r="LS14" s="321">
        <v>495459</v>
      </c>
      <c r="LT14" s="142">
        <v>0</v>
      </c>
      <c r="LU14" s="119">
        <v>0</v>
      </c>
      <c r="LV14" s="120">
        <v>0</v>
      </c>
      <c r="LW14" s="145"/>
      <c r="LX14" s="119">
        <v>0</v>
      </c>
      <c r="LY14" s="119">
        <v>0</v>
      </c>
      <c r="LZ14" s="119">
        <v>0</v>
      </c>
      <c r="MA14" s="119">
        <v>0</v>
      </c>
      <c r="MB14" s="119">
        <v>0</v>
      </c>
      <c r="MC14" s="120">
        <v>0</v>
      </c>
      <c r="MD14" s="121">
        <v>0</v>
      </c>
      <c r="ME14" s="142">
        <v>0</v>
      </c>
      <c r="MF14" s="119">
        <v>0</v>
      </c>
      <c r="MG14" s="120">
        <v>0</v>
      </c>
      <c r="MH14" s="145"/>
      <c r="MI14" s="119">
        <v>-240</v>
      </c>
      <c r="MJ14" s="119">
        <v>878725</v>
      </c>
      <c r="MK14" s="119">
        <v>956476</v>
      </c>
      <c r="ML14" s="119">
        <v>3637665</v>
      </c>
      <c r="MM14" s="119">
        <v>1649073</v>
      </c>
      <c r="MN14" s="120">
        <v>7121699</v>
      </c>
      <c r="MO14" s="143">
        <v>7121699</v>
      </c>
      <c r="MP14" s="142">
        <v>0</v>
      </c>
      <c r="MQ14" s="119">
        <v>0</v>
      </c>
      <c r="MR14" s="120">
        <v>0</v>
      </c>
      <c r="MS14" s="145"/>
      <c r="MT14" s="119">
        <v>-240</v>
      </c>
      <c r="MU14" s="119">
        <v>-469</v>
      </c>
      <c r="MV14" s="119">
        <v>0</v>
      </c>
      <c r="MW14" s="119">
        <v>1787663</v>
      </c>
      <c r="MX14" s="119">
        <v>1389428</v>
      </c>
      <c r="MY14" s="120">
        <v>3176382</v>
      </c>
      <c r="MZ14" s="143">
        <v>3176382</v>
      </c>
      <c r="NA14" s="142">
        <v>0</v>
      </c>
      <c r="NB14" s="119">
        <v>0</v>
      </c>
      <c r="NC14" s="120">
        <v>0</v>
      </c>
      <c r="ND14" s="145">
        <v>0</v>
      </c>
      <c r="NE14" s="119">
        <v>0</v>
      </c>
      <c r="NF14" s="119">
        <v>879194</v>
      </c>
      <c r="NG14" s="119">
        <v>956476</v>
      </c>
      <c r="NH14" s="119">
        <v>1850002</v>
      </c>
      <c r="NI14" s="119">
        <v>259645</v>
      </c>
      <c r="NJ14" s="120">
        <v>3945317</v>
      </c>
      <c r="NK14" s="321">
        <v>3945317</v>
      </c>
      <c r="NL14" s="142">
        <v>0</v>
      </c>
      <c r="NM14" s="119">
        <v>0</v>
      </c>
      <c r="NN14" s="120">
        <v>0</v>
      </c>
      <c r="NO14" s="145"/>
      <c r="NP14" s="119">
        <v>0</v>
      </c>
      <c r="NQ14" s="119">
        <v>0</v>
      </c>
      <c r="NR14" s="119">
        <v>0</v>
      </c>
      <c r="NS14" s="119">
        <v>0</v>
      </c>
      <c r="NT14" s="119">
        <v>0</v>
      </c>
      <c r="NU14" s="120">
        <v>0</v>
      </c>
      <c r="NV14" s="121">
        <v>0</v>
      </c>
      <c r="NW14" s="142">
        <v>0</v>
      </c>
      <c r="NX14" s="119">
        <v>0</v>
      </c>
      <c r="NY14" s="120">
        <v>0</v>
      </c>
      <c r="NZ14" s="145"/>
      <c r="OA14" s="119">
        <v>0</v>
      </c>
      <c r="OB14" s="119">
        <v>0</v>
      </c>
      <c r="OC14" s="119">
        <v>0</v>
      </c>
      <c r="OD14" s="119">
        <v>0</v>
      </c>
      <c r="OE14" s="119">
        <v>0</v>
      </c>
      <c r="OF14" s="120">
        <v>0</v>
      </c>
      <c r="OG14" s="121">
        <v>0</v>
      </c>
      <c r="OH14" s="142">
        <v>396231</v>
      </c>
      <c r="OI14" s="119">
        <v>222878</v>
      </c>
      <c r="OJ14" s="141">
        <v>619109</v>
      </c>
      <c r="OK14" s="118">
        <v>0</v>
      </c>
      <c r="OL14" s="119">
        <v>5348014</v>
      </c>
      <c r="OM14" s="119">
        <v>8948408</v>
      </c>
      <c r="ON14" s="119">
        <v>5293680</v>
      </c>
      <c r="OO14" s="119">
        <v>11480572</v>
      </c>
      <c r="OP14" s="119">
        <v>5515483</v>
      </c>
      <c r="OQ14" s="120">
        <v>36586157</v>
      </c>
      <c r="OR14" s="143">
        <v>37205266</v>
      </c>
    </row>
    <row r="15" spans="1:408" ht="20.25" customHeight="1" x14ac:dyDescent="0.2">
      <c r="A15" s="126" t="s">
        <v>9</v>
      </c>
      <c r="B15" s="110">
        <v>1485189</v>
      </c>
      <c r="C15" s="114">
        <v>1321284</v>
      </c>
      <c r="D15" s="113">
        <v>2806473</v>
      </c>
      <c r="E15" s="111">
        <v>0</v>
      </c>
      <c r="F15" s="114">
        <v>12387547</v>
      </c>
      <c r="G15" s="114">
        <v>11590378</v>
      </c>
      <c r="H15" s="114">
        <v>11177380</v>
      </c>
      <c r="I15" s="114">
        <v>14749301</v>
      </c>
      <c r="J15" s="114">
        <v>11759956</v>
      </c>
      <c r="K15" s="109">
        <v>61664562</v>
      </c>
      <c r="L15" s="116">
        <v>64471035</v>
      </c>
      <c r="M15" s="110">
        <v>319356</v>
      </c>
      <c r="N15" s="114">
        <v>356051</v>
      </c>
      <c r="O15" s="113">
        <v>675407</v>
      </c>
      <c r="P15" s="110">
        <v>0</v>
      </c>
      <c r="Q15" s="114">
        <v>4497495</v>
      </c>
      <c r="R15" s="114">
        <v>3955534</v>
      </c>
      <c r="S15" s="114">
        <v>4563481</v>
      </c>
      <c r="T15" s="114">
        <v>6080838</v>
      </c>
      <c r="U15" s="114">
        <v>6999974</v>
      </c>
      <c r="V15" s="113">
        <v>26097322</v>
      </c>
      <c r="W15" s="116">
        <v>26772729</v>
      </c>
      <c r="X15" s="110">
        <v>0</v>
      </c>
      <c r="Y15" s="114">
        <v>0</v>
      </c>
      <c r="Z15" s="113">
        <v>0</v>
      </c>
      <c r="AA15" s="110">
        <v>0</v>
      </c>
      <c r="AB15" s="114">
        <v>1764621</v>
      </c>
      <c r="AC15" s="114">
        <v>1682361</v>
      </c>
      <c r="AD15" s="114">
        <v>2163199</v>
      </c>
      <c r="AE15" s="114">
        <v>3309768</v>
      </c>
      <c r="AF15" s="114">
        <v>4665660</v>
      </c>
      <c r="AG15" s="113">
        <v>13585609</v>
      </c>
      <c r="AH15" s="116">
        <v>13585609</v>
      </c>
      <c r="AI15" s="110">
        <v>0</v>
      </c>
      <c r="AJ15" s="114">
        <v>0</v>
      </c>
      <c r="AK15" s="113">
        <v>0</v>
      </c>
      <c r="AL15" s="110">
        <v>0</v>
      </c>
      <c r="AM15" s="114">
        <v>174144</v>
      </c>
      <c r="AN15" s="114">
        <v>0</v>
      </c>
      <c r="AO15" s="114">
        <v>161844</v>
      </c>
      <c r="AP15" s="114">
        <v>317051</v>
      </c>
      <c r="AQ15" s="114">
        <v>804369</v>
      </c>
      <c r="AR15" s="113">
        <v>1457408</v>
      </c>
      <c r="AS15" s="116">
        <v>1457408</v>
      </c>
      <c r="AT15" s="110">
        <v>78974</v>
      </c>
      <c r="AU15" s="114">
        <v>266594</v>
      </c>
      <c r="AV15" s="113">
        <v>345568</v>
      </c>
      <c r="AW15" s="110">
        <v>0</v>
      </c>
      <c r="AX15" s="114">
        <v>1853377</v>
      </c>
      <c r="AY15" s="114">
        <v>1173464</v>
      </c>
      <c r="AZ15" s="114">
        <v>1146601</v>
      </c>
      <c r="BA15" s="114">
        <v>1388367</v>
      </c>
      <c r="BB15" s="114">
        <v>775881</v>
      </c>
      <c r="BC15" s="113">
        <v>6337690</v>
      </c>
      <c r="BD15" s="116">
        <v>6683258</v>
      </c>
      <c r="BE15" s="110">
        <v>55855</v>
      </c>
      <c r="BF15" s="114">
        <v>29383</v>
      </c>
      <c r="BG15" s="112">
        <v>85238</v>
      </c>
      <c r="BH15" s="111">
        <v>0</v>
      </c>
      <c r="BI15" s="114">
        <v>255064</v>
      </c>
      <c r="BJ15" s="114">
        <v>303991</v>
      </c>
      <c r="BK15" s="114">
        <v>267391</v>
      </c>
      <c r="BL15" s="114">
        <v>228963</v>
      </c>
      <c r="BM15" s="114">
        <v>184334</v>
      </c>
      <c r="BN15" s="113">
        <v>1239743</v>
      </c>
      <c r="BO15" s="116">
        <v>1324981</v>
      </c>
      <c r="BP15" s="110">
        <v>184527</v>
      </c>
      <c r="BQ15" s="114">
        <v>60074</v>
      </c>
      <c r="BR15" s="113">
        <v>244601</v>
      </c>
      <c r="BS15" s="110">
        <v>0</v>
      </c>
      <c r="BT15" s="114">
        <v>450289</v>
      </c>
      <c r="BU15" s="114">
        <v>795718</v>
      </c>
      <c r="BV15" s="114">
        <v>824446</v>
      </c>
      <c r="BW15" s="114">
        <v>836689</v>
      </c>
      <c r="BX15" s="114">
        <v>569730</v>
      </c>
      <c r="BY15" s="113">
        <v>3476872</v>
      </c>
      <c r="BZ15" s="116">
        <v>3721473</v>
      </c>
      <c r="CA15" s="110">
        <v>72001</v>
      </c>
      <c r="CB15" s="114">
        <v>230119</v>
      </c>
      <c r="CC15" s="113">
        <v>302120</v>
      </c>
      <c r="CD15" s="110">
        <v>0</v>
      </c>
      <c r="CE15" s="114">
        <v>2285450</v>
      </c>
      <c r="CF15" s="114">
        <v>2313067</v>
      </c>
      <c r="CG15" s="114">
        <v>1790405</v>
      </c>
      <c r="CH15" s="114">
        <v>1234838</v>
      </c>
      <c r="CI15" s="114">
        <v>569066</v>
      </c>
      <c r="CJ15" s="113">
        <v>8192826</v>
      </c>
      <c r="CK15" s="116">
        <v>8494946</v>
      </c>
      <c r="CL15" s="110">
        <v>0</v>
      </c>
      <c r="CM15" s="114">
        <v>0</v>
      </c>
      <c r="CN15" s="113">
        <v>0</v>
      </c>
      <c r="CO15" s="111">
        <v>0</v>
      </c>
      <c r="CP15" s="114">
        <v>1921707</v>
      </c>
      <c r="CQ15" s="114">
        <v>1841325</v>
      </c>
      <c r="CR15" s="114">
        <v>1518454</v>
      </c>
      <c r="CS15" s="114">
        <v>846469</v>
      </c>
      <c r="CT15" s="114">
        <v>493529</v>
      </c>
      <c r="CU15" s="113">
        <v>6621484</v>
      </c>
      <c r="CV15" s="116">
        <v>6621484</v>
      </c>
      <c r="CW15" s="110">
        <v>72001</v>
      </c>
      <c r="CX15" s="114">
        <v>230119</v>
      </c>
      <c r="CY15" s="113">
        <v>302120</v>
      </c>
      <c r="CZ15" s="110">
        <v>0</v>
      </c>
      <c r="DA15" s="114">
        <v>363743</v>
      </c>
      <c r="DB15" s="114">
        <v>471742</v>
      </c>
      <c r="DC15" s="114">
        <v>271951</v>
      </c>
      <c r="DD15" s="114">
        <v>388369</v>
      </c>
      <c r="DE15" s="114">
        <v>75537</v>
      </c>
      <c r="DF15" s="113">
        <v>1571342</v>
      </c>
      <c r="DG15" s="116">
        <v>1873462</v>
      </c>
      <c r="DH15" s="110">
        <v>0</v>
      </c>
      <c r="DI15" s="114">
        <v>0</v>
      </c>
      <c r="DJ15" s="112">
        <v>0</v>
      </c>
      <c r="DK15" s="111">
        <v>0</v>
      </c>
      <c r="DL15" s="114">
        <v>455029</v>
      </c>
      <c r="DM15" s="114">
        <v>486468</v>
      </c>
      <c r="DN15" s="114">
        <v>668552</v>
      </c>
      <c r="DO15" s="114">
        <v>1378163</v>
      </c>
      <c r="DP15" s="114">
        <v>512225</v>
      </c>
      <c r="DQ15" s="113">
        <v>3500437</v>
      </c>
      <c r="DR15" s="116">
        <v>3500437</v>
      </c>
      <c r="DS15" s="110">
        <v>0</v>
      </c>
      <c r="DT15" s="114">
        <v>0</v>
      </c>
      <c r="DU15" s="113">
        <v>0</v>
      </c>
      <c r="DV15" s="110">
        <v>0</v>
      </c>
      <c r="DW15" s="114">
        <v>455029</v>
      </c>
      <c r="DX15" s="114">
        <v>458762</v>
      </c>
      <c r="DY15" s="114">
        <v>372350</v>
      </c>
      <c r="DZ15" s="114">
        <v>1378163</v>
      </c>
      <c r="EA15" s="114">
        <v>407267</v>
      </c>
      <c r="EB15" s="113">
        <v>3071571</v>
      </c>
      <c r="EC15" s="116">
        <v>3071571</v>
      </c>
      <c r="ED15" s="110">
        <v>0</v>
      </c>
      <c r="EE15" s="112">
        <v>0</v>
      </c>
      <c r="EF15" s="113">
        <v>0</v>
      </c>
      <c r="EG15" s="110">
        <v>0</v>
      </c>
      <c r="EH15" s="114">
        <v>0</v>
      </c>
      <c r="EI15" s="114">
        <v>27706</v>
      </c>
      <c r="EJ15" s="114">
        <v>296202</v>
      </c>
      <c r="EK15" s="114">
        <v>0</v>
      </c>
      <c r="EL15" s="114">
        <v>104958</v>
      </c>
      <c r="EM15" s="112">
        <v>428866</v>
      </c>
      <c r="EN15" s="116">
        <v>428866</v>
      </c>
      <c r="EO15" s="110">
        <v>0</v>
      </c>
      <c r="EP15" s="114">
        <v>0</v>
      </c>
      <c r="EQ15" s="112">
        <v>0</v>
      </c>
      <c r="ER15" s="111">
        <v>0</v>
      </c>
      <c r="ES15" s="114">
        <v>0</v>
      </c>
      <c r="ET15" s="114">
        <v>0</v>
      </c>
      <c r="EU15" s="114">
        <v>0</v>
      </c>
      <c r="EV15" s="114">
        <v>0</v>
      </c>
      <c r="EW15" s="114">
        <v>0</v>
      </c>
      <c r="EX15" s="113">
        <v>0</v>
      </c>
      <c r="EY15" s="116">
        <v>0</v>
      </c>
      <c r="EZ15" s="110">
        <v>0</v>
      </c>
      <c r="FA15" s="114">
        <v>0</v>
      </c>
      <c r="FB15" s="112">
        <v>0</v>
      </c>
      <c r="FC15" s="348"/>
      <c r="FD15" s="114">
        <v>0</v>
      </c>
      <c r="FE15" s="114">
        <v>0</v>
      </c>
      <c r="FF15" s="114">
        <v>0</v>
      </c>
      <c r="FG15" s="114">
        <v>0</v>
      </c>
      <c r="FH15" s="114">
        <v>0</v>
      </c>
      <c r="FI15" s="113">
        <v>0</v>
      </c>
      <c r="FJ15" s="116">
        <v>0</v>
      </c>
      <c r="FK15" s="110">
        <v>436100</v>
      </c>
      <c r="FL15" s="114">
        <v>183344</v>
      </c>
      <c r="FM15" s="113">
        <v>619444</v>
      </c>
      <c r="FN15" s="110">
        <v>0</v>
      </c>
      <c r="FO15" s="114">
        <v>1094656</v>
      </c>
      <c r="FP15" s="114">
        <v>1317295</v>
      </c>
      <c r="FQ15" s="114">
        <v>856807</v>
      </c>
      <c r="FR15" s="114">
        <v>1202827</v>
      </c>
      <c r="FS15" s="114">
        <v>917301</v>
      </c>
      <c r="FT15" s="113">
        <v>5388886</v>
      </c>
      <c r="FU15" s="116">
        <v>6008330</v>
      </c>
      <c r="FV15" s="115">
        <v>147882</v>
      </c>
      <c r="FW15" s="114">
        <v>183344</v>
      </c>
      <c r="FX15" s="112">
        <v>331226</v>
      </c>
      <c r="FY15" s="111">
        <v>0</v>
      </c>
      <c r="FZ15" s="114">
        <v>627809</v>
      </c>
      <c r="GA15" s="114">
        <v>1084181</v>
      </c>
      <c r="GB15" s="114">
        <v>851725</v>
      </c>
      <c r="GC15" s="114">
        <v>1158745</v>
      </c>
      <c r="GD15" s="114">
        <v>884653</v>
      </c>
      <c r="GE15" s="113">
        <v>4607113</v>
      </c>
      <c r="GF15" s="319">
        <v>4938339</v>
      </c>
      <c r="GG15" s="115">
        <v>11858</v>
      </c>
      <c r="GH15" s="114">
        <v>0</v>
      </c>
      <c r="GI15" s="112">
        <v>11858</v>
      </c>
      <c r="GJ15" s="111">
        <v>0</v>
      </c>
      <c r="GK15" s="114">
        <v>47547</v>
      </c>
      <c r="GL15" s="114">
        <v>76664</v>
      </c>
      <c r="GM15" s="114">
        <v>5082</v>
      </c>
      <c r="GN15" s="114">
        <v>27527</v>
      </c>
      <c r="GO15" s="114">
        <v>32648</v>
      </c>
      <c r="GP15" s="113">
        <v>189468</v>
      </c>
      <c r="GQ15" s="116">
        <v>201326</v>
      </c>
      <c r="GR15" s="110">
        <v>276360</v>
      </c>
      <c r="GS15" s="114">
        <v>0</v>
      </c>
      <c r="GT15" s="113">
        <v>276360</v>
      </c>
      <c r="GU15" s="110">
        <v>0</v>
      </c>
      <c r="GV15" s="114">
        <v>419300</v>
      </c>
      <c r="GW15" s="114">
        <v>156450</v>
      </c>
      <c r="GX15" s="114">
        <v>0</v>
      </c>
      <c r="GY15" s="114">
        <v>16555</v>
      </c>
      <c r="GZ15" s="114">
        <v>0</v>
      </c>
      <c r="HA15" s="112">
        <v>592305</v>
      </c>
      <c r="HB15" s="116">
        <v>868665</v>
      </c>
      <c r="HC15" s="110">
        <v>657732</v>
      </c>
      <c r="HD15" s="114">
        <v>551770</v>
      </c>
      <c r="HE15" s="112">
        <v>1209502</v>
      </c>
      <c r="HF15" s="111">
        <v>0</v>
      </c>
      <c r="HG15" s="114">
        <v>4054917</v>
      </c>
      <c r="HH15" s="114">
        <v>3518014</v>
      </c>
      <c r="HI15" s="114">
        <v>3298135</v>
      </c>
      <c r="HJ15" s="114">
        <v>4852635</v>
      </c>
      <c r="HK15" s="114">
        <v>2761390</v>
      </c>
      <c r="HL15" s="113">
        <v>18485091</v>
      </c>
      <c r="HM15" s="109">
        <v>19694593</v>
      </c>
      <c r="HN15" s="329"/>
      <c r="HO15" s="330"/>
      <c r="HP15" s="331"/>
      <c r="HQ15" s="332"/>
      <c r="HR15" s="330"/>
      <c r="HS15" s="330"/>
      <c r="HT15" s="330"/>
      <c r="HU15" s="330"/>
      <c r="HV15" s="330"/>
      <c r="HW15" s="333"/>
      <c r="HX15" s="334"/>
      <c r="HY15" s="128">
        <v>29034</v>
      </c>
      <c r="HZ15" s="149">
        <v>0</v>
      </c>
      <c r="IA15" s="129">
        <v>29034</v>
      </c>
      <c r="IB15" s="146">
        <v>0</v>
      </c>
      <c r="IC15" s="132">
        <v>2095948</v>
      </c>
      <c r="ID15" s="147">
        <v>3467108</v>
      </c>
      <c r="IE15" s="133">
        <v>3674870</v>
      </c>
      <c r="IF15" s="132">
        <v>3631386</v>
      </c>
      <c r="IG15" s="133">
        <v>902988</v>
      </c>
      <c r="IH15" s="148">
        <v>13772300</v>
      </c>
      <c r="II15" s="130">
        <v>13801334</v>
      </c>
      <c r="IJ15" s="232">
        <v>0</v>
      </c>
      <c r="IK15" s="236">
        <v>0</v>
      </c>
      <c r="IL15" s="237">
        <v>0</v>
      </c>
      <c r="IM15" s="140"/>
      <c r="IN15" s="119">
        <v>0</v>
      </c>
      <c r="IO15" s="119">
        <v>101846</v>
      </c>
      <c r="IP15" s="119">
        <v>0</v>
      </c>
      <c r="IQ15" s="119">
        <v>614435</v>
      </c>
      <c r="IR15" s="119">
        <v>0</v>
      </c>
      <c r="IS15" s="141">
        <v>716281</v>
      </c>
      <c r="IT15" s="321">
        <v>716281</v>
      </c>
      <c r="IU15" s="142">
        <v>0</v>
      </c>
      <c r="IV15" s="119">
        <v>0</v>
      </c>
      <c r="IW15" s="120">
        <v>0</v>
      </c>
      <c r="IX15" s="144"/>
      <c r="IY15" s="119">
        <v>0</v>
      </c>
      <c r="IZ15" s="119">
        <v>0</v>
      </c>
      <c r="JA15" s="119">
        <v>0</v>
      </c>
      <c r="JB15" s="119">
        <v>0</v>
      </c>
      <c r="JC15" s="119">
        <v>0</v>
      </c>
      <c r="JD15" s="120">
        <v>0</v>
      </c>
      <c r="JE15" s="121">
        <v>0</v>
      </c>
      <c r="JF15" s="142">
        <v>0</v>
      </c>
      <c r="JG15" s="119">
        <v>0</v>
      </c>
      <c r="JH15" s="141">
        <v>0</v>
      </c>
      <c r="JI15" s="118">
        <v>0</v>
      </c>
      <c r="JJ15" s="119">
        <v>1439803</v>
      </c>
      <c r="JK15" s="119">
        <v>1577405</v>
      </c>
      <c r="JL15" s="119">
        <v>1018756</v>
      </c>
      <c r="JM15" s="119">
        <v>388310</v>
      </c>
      <c r="JN15" s="119">
        <v>41977</v>
      </c>
      <c r="JO15" s="120">
        <v>4466251</v>
      </c>
      <c r="JP15" s="321">
        <v>4466251</v>
      </c>
      <c r="JQ15" s="142">
        <v>0</v>
      </c>
      <c r="JR15" s="119">
        <v>0</v>
      </c>
      <c r="JS15" s="141">
        <v>0</v>
      </c>
      <c r="JT15" s="118">
        <v>0</v>
      </c>
      <c r="JU15" s="119">
        <v>145576</v>
      </c>
      <c r="JV15" s="119">
        <v>0</v>
      </c>
      <c r="JW15" s="119">
        <v>170753</v>
      </c>
      <c r="JX15" s="119">
        <v>0</v>
      </c>
      <c r="JY15" s="119">
        <v>112327</v>
      </c>
      <c r="JZ15" s="120">
        <v>428656</v>
      </c>
      <c r="KA15" s="321">
        <v>428656</v>
      </c>
      <c r="KB15" s="234">
        <v>29034</v>
      </c>
      <c r="KC15" s="230">
        <v>0</v>
      </c>
      <c r="KD15" s="120">
        <v>29034</v>
      </c>
      <c r="KE15" s="118">
        <v>0</v>
      </c>
      <c r="KF15" s="119">
        <v>510569</v>
      </c>
      <c r="KG15" s="119">
        <v>278312</v>
      </c>
      <c r="KH15" s="119">
        <v>605887</v>
      </c>
      <c r="KI15" s="119">
        <v>1133969</v>
      </c>
      <c r="KJ15" s="119">
        <v>243509</v>
      </c>
      <c r="KK15" s="120">
        <v>2772246</v>
      </c>
      <c r="KL15" s="143">
        <v>2801280</v>
      </c>
      <c r="KM15" s="232">
        <v>0</v>
      </c>
      <c r="KN15" s="236">
        <v>0</v>
      </c>
      <c r="KO15" s="237">
        <v>0</v>
      </c>
      <c r="KP15" s="140"/>
      <c r="KQ15" s="119">
        <v>0</v>
      </c>
      <c r="KR15" s="119">
        <v>1042068</v>
      </c>
      <c r="KS15" s="119">
        <v>1272133</v>
      </c>
      <c r="KT15" s="119">
        <v>662541</v>
      </c>
      <c r="KU15" s="119">
        <v>224914</v>
      </c>
      <c r="KV15" s="120">
        <v>3201656</v>
      </c>
      <c r="KW15" s="321">
        <v>3201656</v>
      </c>
      <c r="KX15" s="142">
        <v>0</v>
      </c>
      <c r="KY15" s="119">
        <v>0</v>
      </c>
      <c r="KZ15" s="120">
        <v>0</v>
      </c>
      <c r="LA15" s="145"/>
      <c r="LB15" s="119">
        <v>0</v>
      </c>
      <c r="LC15" s="119">
        <v>305722</v>
      </c>
      <c r="LD15" s="119">
        <v>0</v>
      </c>
      <c r="LE15" s="119">
        <v>185987</v>
      </c>
      <c r="LF15" s="119">
        <v>0</v>
      </c>
      <c r="LG15" s="120">
        <v>491709</v>
      </c>
      <c r="LH15" s="121">
        <v>491709</v>
      </c>
      <c r="LI15" s="142">
        <v>0</v>
      </c>
      <c r="LJ15" s="119">
        <v>0</v>
      </c>
      <c r="LK15" s="120">
        <v>0</v>
      </c>
      <c r="LL15" s="145"/>
      <c r="LM15" s="119">
        <v>0</v>
      </c>
      <c r="LN15" s="119">
        <v>0</v>
      </c>
      <c r="LO15" s="119">
        <v>0</v>
      </c>
      <c r="LP15" s="119">
        <v>0</v>
      </c>
      <c r="LQ15" s="119">
        <v>0</v>
      </c>
      <c r="LR15" s="120">
        <v>0</v>
      </c>
      <c r="LS15" s="321">
        <v>0</v>
      </c>
      <c r="LT15" s="142">
        <v>0</v>
      </c>
      <c r="LU15" s="119">
        <v>0</v>
      </c>
      <c r="LV15" s="120">
        <v>0</v>
      </c>
      <c r="LW15" s="145"/>
      <c r="LX15" s="119">
        <v>0</v>
      </c>
      <c r="LY15" s="119">
        <v>161755</v>
      </c>
      <c r="LZ15" s="119">
        <v>607341</v>
      </c>
      <c r="MA15" s="119">
        <v>646144</v>
      </c>
      <c r="MB15" s="119">
        <v>280261</v>
      </c>
      <c r="MC15" s="120">
        <v>1695501</v>
      </c>
      <c r="MD15" s="121">
        <v>1695501</v>
      </c>
      <c r="ME15" s="142">
        <v>0</v>
      </c>
      <c r="MF15" s="119">
        <v>0</v>
      </c>
      <c r="MG15" s="120">
        <v>0</v>
      </c>
      <c r="MH15" s="145"/>
      <c r="MI15" s="119">
        <v>554486</v>
      </c>
      <c r="MJ15" s="119">
        <v>1161632</v>
      </c>
      <c r="MK15" s="119">
        <v>3632592</v>
      </c>
      <c r="ML15" s="119">
        <v>5202216</v>
      </c>
      <c r="MM15" s="119">
        <v>5500577</v>
      </c>
      <c r="MN15" s="120">
        <v>16051503</v>
      </c>
      <c r="MO15" s="143">
        <v>16051503</v>
      </c>
      <c r="MP15" s="142">
        <v>0</v>
      </c>
      <c r="MQ15" s="119">
        <v>0</v>
      </c>
      <c r="MR15" s="120">
        <v>0</v>
      </c>
      <c r="MS15" s="145"/>
      <c r="MT15" s="119">
        <v>0</v>
      </c>
      <c r="MU15" s="119">
        <v>0</v>
      </c>
      <c r="MV15" s="119">
        <v>1479083</v>
      </c>
      <c r="MW15" s="119">
        <v>4460133</v>
      </c>
      <c r="MX15" s="119">
        <v>3631816</v>
      </c>
      <c r="MY15" s="120">
        <v>9571032</v>
      </c>
      <c r="MZ15" s="143">
        <v>9571032</v>
      </c>
      <c r="NA15" s="142">
        <v>0</v>
      </c>
      <c r="NB15" s="119">
        <v>0</v>
      </c>
      <c r="NC15" s="120">
        <v>0</v>
      </c>
      <c r="ND15" s="145">
        <v>0</v>
      </c>
      <c r="NE15" s="119">
        <v>554486</v>
      </c>
      <c r="NF15" s="119">
        <v>1161632</v>
      </c>
      <c r="NG15" s="119">
        <v>2153509</v>
      </c>
      <c r="NH15" s="119">
        <v>742083</v>
      </c>
      <c r="NI15" s="119">
        <v>1868761</v>
      </c>
      <c r="NJ15" s="120">
        <v>6480471</v>
      </c>
      <c r="NK15" s="321">
        <v>6480471</v>
      </c>
      <c r="NL15" s="142">
        <v>0</v>
      </c>
      <c r="NM15" s="119">
        <v>0</v>
      </c>
      <c r="NN15" s="120">
        <v>0</v>
      </c>
      <c r="NO15" s="145"/>
      <c r="NP15" s="119">
        <v>0</v>
      </c>
      <c r="NQ15" s="119">
        <v>0</v>
      </c>
      <c r="NR15" s="119">
        <v>0</v>
      </c>
      <c r="NS15" s="119">
        <v>0</v>
      </c>
      <c r="NT15" s="119">
        <v>0</v>
      </c>
      <c r="NU15" s="120">
        <v>0</v>
      </c>
      <c r="NV15" s="121">
        <v>0</v>
      </c>
      <c r="NW15" s="142">
        <v>0</v>
      </c>
      <c r="NX15" s="119">
        <v>0</v>
      </c>
      <c r="NY15" s="120">
        <v>0</v>
      </c>
      <c r="NZ15" s="145"/>
      <c r="OA15" s="119">
        <v>0</v>
      </c>
      <c r="OB15" s="119">
        <v>0</v>
      </c>
      <c r="OC15" s="119">
        <v>0</v>
      </c>
      <c r="OD15" s="119">
        <v>0</v>
      </c>
      <c r="OE15" s="119">
        <v>0</v>
      </c>
      <c r="OF15" s="120">
        <v>0</v>
      </c>
      <c r="OG15" s="121">
        <v>0</v>
      </c>
      <c r="OH15" s="142">
        <v>1514223</v>
      </c>
      <c r="OI15" s="119">
        <v>1321284</v>
      </c>
      <c r="OJ15" s="141">
        <v>2835507</v>
      </c>
      <c r="OK15" s="118">
        <v>0</v>
      </c>
      <c r="OL15" s="119">
        <v>15037981</v>
      </c>
      <c r="OM15" s="119">
        <v>16219118</v>
      </c>
      <c r="ON15" s="119">
        <v>18484842</v>
      </c>
      <c r="OO15" s="119">
        <v>23582903</v>
      </c>
      <c r="OP15" s="119">
        <v>18163521</v>
      </c>
      <c r="OQ15" s="120">
        <v>91488365</v>
      </c>
      <c r="OR15" s="143">
        <v>94323872</v>
      </c>
    </row>
    <row r="16" spans="1:408" ht="20.25" customHeight="1" x14ac:dyDescent="0.2">
      <c r="A16" s="126" t="s">
        <v>10</v>
      </c>
      <c r="B16" s="110">
        <v>1234284</v>
      </c>
      <c r="C16" s="114">
        <v>2049911</v>
      </c>
      <c r="D16" s="113">
        <v>3284195</v>
      </c>
      <c r="E16" s="172">
        <v>0</v>
      </c>
      <c r="F16" s="114">
        <v>17217201</v>
      </c>
      <c r="G16" s="114">
        <v>15258222</v>
      </c>
      <c r="H16" s="114">
        <v>13049669</v>
      </c>
      <c r="I16" s="114">
        <v>14016140</v>
      </c>
      <c r="J16" s="114">
        <v>11939611</v>
      </c>
      <c r="K16" s="109">
        <v>71480843</v>
      </c>
      <c r="L16" s="116">
        <v>74765038</v>
      </c>
      <c r="M16" s="110">
        <v>465643</v>
      </c>
      <c r="N16" s="114">
        <v>891305</v>
      </c>
      <c r="O16" s="113">
        <v>1356948</v>
      </c>
      <c r="P16" s="110">
        <v>0</v>
      </c>
      <c r="Q16" s="114">
        <v>6199889</v>
      </c>
      <c r="R16" s="114">
        <v>5093980</v>
      </c>
      <c r="S16" s="114">
        <v>4227323</v>
      </c>
      <c r="T16" s="114">
        <v>5963298</v>
      </c>
      <c r="U16" s="114">
        <v>6187043</v>
      </c>
      <c r="V16" s="113">
        <v>27671533</v>
      </c>
      <c r="W16" s="116">
        <v>29028481</v>
      </c>
      <c r="X16" s="110">
        <v>2010</v>
      </c>
      <c r="Y16" s="114">
        <v>0</v>
      </c>
      <c r="Z16" s="113">
        <v>2010</v>
      </c>
      <c r="AA16" s="110">
        <v>0</v>
      </c>
      <c r="AB16" s="114">
        <v>3041771</v>
      </c>
      <c r="AC16" s="114">
        <v>2377311</v>
      </c>
      <c r="AD16" s="114">
        <v>2316797</v>
      </c>
      <c r="AE16" s="114">
        <v>3638794</v>
      </c>
      <c r="AF16" s="114">
        <v>3720451</v>
      </c>
      <c r="AG16" s="113">
        <v>15095124</v>
      </c>
      <c r="AH16" s="116">
        <v>15097134</v>
      </c>
      <c r="AI16" s="110">
        <v>0</v>
      </c>
      <c r="AJ16" s="114">
        <v>0</v>
      </c>
      <c r="AK16" s="113">
        <v>0</v>
      </c>
      <c r="AL16" s="110">
        <v>0</v>
      </c>
      <c r="AM16" s="114">
        <v>83702</v>
      </c>
      <c r="AN16" s="114">
        <v>0</v>
      </c>
      <c r="AO16" s="114">
        <v>0</v>
      </c>
      <c r="AP16" s="114">
        <v>189210</v>
      </c>
      <c r="AQ16" s="114">
        <v>551029</v>
      </c>
      <c r="AR16" s="113">
        <v>823941</v>
      </c>
      <c r="AS16" s="116">
        <v>823941</v>
      </c>
      <c r="AT16" s="110">
        <v>219476</v>
      </c>
      <c r="AU16" s="114">
        <v>588982</v>
      </c>
      <c r="AV16" s="113">
        <v>808458</v>
      </c>
      <c r="AW16" s="110">
        <v>0</v>
      </c>
      <c r="AX16" s="114">
        <v>1845230</v>
      </c>
      <c r="AY16" s="114">
        <v>1490190</v>
      </c>
      <c r="AZ16" s="114">
        <v>980299</v>
      </c>
      <c r="BA16" s="114">
        <v>1053201</v>
      </c>
      <c r="BB16" s="114">
        <v>1019601</v>
      </c>
      <c r="BC16" s="113">
        <v>6388521</v>
      </c>
      <c r="BD16" s="116">
        <v>7196979</v>
      </c>
      <c r="BE16" s="110">
        <v>53225</v>
      </c>
      <c r="BF16" s="114">
        <v>132342</v>
      </c>
      <c r="BG16" s="112">
        <v>185567</v>
      </c>
      <c r="BH16" s="111">
        <v>0</v>
      </c>
      <c r="BI16" s="114">
        <v>138145</v>
      </c>
      <c r="BJ16" s="114">
        <v>416054</v>
      </c>
      <c r="BK16" s="114">
        <v>169635</v>
      </c>
      <c r="BL16" s="114">
        <v>167592</v>
      </c>
      <c r="BM16" s="114">
        <v>51202</v>
      </c>
      <c r="BN16" s="113">
        <v>942628</v>
      </c>
      <c r="BO16" s="116">
        <v>1128195</v>
      </c>
      <c r="BP16" s="110">
        <v>190932</v>
      </c>
      <c r="BQ16" s="114">
        <v>169981</v>
      </c>
      <c r="BR16" s="113">
        <v>360913</v>
      </c>
      <c r="BS16" s="110">
        <v>0</v>
      </c>
      <c r="BT16" s="114">
        <v>1091041</v>
      </c>
      <c r="BU16" s="114">
        <v>810425</v>
      </c>
      <c r="BV16" s="114">
        <v>760592</v>
      </c>
      <c r="BW16" s="114">
        <v>914501</v>
      </c>
      <c r="BX16" s="114">
        <v>844760</v>
      </c>
      <c r="BY16" s="113">
        <v>4421319</v>
      </c>
      <c r="BZ16" s="116">
        <v>4782232</v>
      </c>
      <c r="CA16" s="110">
        <v>70895</v>
      </c>
      <c r="CB16" s="114">
        <v>133718</v>
      </c>
      <c r="CC16" s="113">
        <v>204613</v>
      </c>
      <c r="CD16" s="110">
        <v>0</v>
      </c>
      <c r="CE16" s="114">
        <v>5698873</v>
      </c>
      <c r="CF16" s="114">
        <v>3952357</v>
      </c>
      <c r="CG16" s="114">
        <v>2649500</v>
      </c>
      <c r="CH16" s="114">
        <v>1381729</v>
      </c>
      <c r="CI16" s="114">
        <v>223851</v>
      </c>
      <c r="CJ16" s="113">
        <v>13906310</v>
      </c>
      <c r="CK16" s="116">
        <v>14110923</v>
      </c>
      <c r="CL16" s="110">
        <v>0</v>
      </c>
      <c r="CM16" s="114">
        <v>0</v>
      </c>
      <c r="CN16" s="113">
        <v>0</v>
      </c>
      <c r="CO16" s="111">
        <v>0</v>
      </c>
      <c r="CP16" s="114">
        <v>5080377</v>
      </c>
      <c r="CQ16" s="114">
        <v>3492257</v>
      </c>
      <c r="CR16" s="114">
        <v>2099299</v>
      </c>
      <c r="CS16" s="114">
        <v>1064360</v>
      </c>
      <c r="CT16" s="114">
        <v>180147</v>
      </c>
      <c r="CU16" s="113">
        <v>11916440</v>
      </c>
      <c r="CV16" s="116">
        <v>11916440</v>
      </c>
      <c r="CW16" s="110">
        <v>70895</v>
      </c>
      <c r="CX16" s="114">
        <v>133718</v>
      </c>
      <c r="CY16" s="113">
        <v>204613</v>
      </c>
      <c r="CZ16" s="110">
        <v>0</v>
      </c>
      <c r="DA16" s="114">
        <v>618496</v>
      </c>
      <c r="DB16" s="114">
        <v>460100</v>
      </c>
      <c r="DC16" s="114">
        <v>550201</v>
      </c>
      <c r="DD16" s="114">
        <v>317369</v>
      </c>
      <c r="DE16" s="114">
        <v>43704</v>
      </c>
      <c r="DF16" s="113">
        <v>1989870</v>
      </c>
      <c r="DG16" s="116">
        <v>2194483</v>
      </c>
      <c r="DH16" s="110">
        <v>12192</v>
      </c>
      <c r="DI16" s="114">
        <v>70804</v>
      </c>
      <c r="DJ16" s="112">
        <v>82996</v>
      </c>
      <c r="DK16" s="111">
        <v>0</v>
      </c>
      <c r="DL16" s="114">
        <v>448973</v>
      </c>
      <c r="DM16" s="114">
        <v>364149</v>
      </c>
      <c r="DN16" s="114">
        <v>1002221</v>
      </c>
      <c r="DO16" s="114">
        <v>1011534</v>
      </c>
      <c r="DP16" s="114">
        <v>565057</v>
      </c>
      <c r="DQ16" s="113">
        <v>3391934</v>
      </c>
      <c r="DR16" s="116">
        <v>3474930</v>
      </c>
      <c r="DS16" s="110">
        <v>12192</v>
      </c>
      <c r="DT16" s="114">
        <v>70804</v>
      </c>
      <c r="DU16" s="113">
        <v>82996</v>
      </c>
      <c r="DV16" s="110">
        <v>0</v>
      </c>
      <c r="DW16" s="114">
        <v>448973</v>
      </c>
      <c r="DX16" s="114">
        <v>240061</v>
      </c>
      <c r="DY16" s="114">
        <v>925056</v>
      </c>
      <c r="DZ16" s="114">
        <v>979367</v>
      </c>
      <c r="EA16" s="114">
        <v>565057</v>
      </c>
      <c r="EB16" s="113">
        <v>3158514</v>
      </c>
      <c r="EC16" s="116">
        <v>3241510</v>
      </c>
      <c r="ED16" s="110">
        <v>0</v>
      </c>
      <c r="EE16" s="112">
        <v>0</v>
      </c>
      <c r="EF16" s="113">
        <v>0</v>
      </c>
      <c r="EG16" s="110">
        <v>0</v>
      </c>
      <c r="EH16" s="114">
        <v>0</v>
      </c>
      <c r="EI16" s="114">
        <v>124088</v>
      </c>
      <c r="EJ16" s="114">
        <v>77165</v>
      </c>
      <c r="EK16" s="114">
        <v>32167</v>
      </c>
      <c r="EL16" s="114">
        <v>0</v>
      </c>
      <c r="EM16" s="112">
        <v>233420</v>
      </c>
      <c r="EN16" s="116">
        <v>233420</v>
      </c>
      <c r="EO16" s="110">
        <v>0</v>
      </c>
      <c r="EP16" s="114">
        <v>0</v>
      </c>
      <c r="EQ16" s="112">
        <v>0</v>
      </c>
      <c r="ER16" s="111">
        <v>0</v>
      </c>
      <c r="ES16" s="114">
        <v>0</v>
      </c>
      <c r="ET16" s="114">
        <v>0</v>
      </c>
      <c r="EU16" s="114">
        <v>0</v>
      </c>
      <c r="EV16" s="114">
        <v>0</v>
      </c>
      <c r="EW16" s="114">
        <v>0</v>
      </c>
      <c r="EX16" s="113">
        <v>0</v>
      </c>
      <c r="EY16" s="116">
        <v>0</v>
      </c>
      <c r="EZ16" s="110">
        <v>0</v>
      </c>
      <c r="FA16" s="114">
        <v>0</v>
      </c>
      <c r="FB16" s="112">
        <v>0</v>
      </c>
      <c r="FC16" s="348"/>
      <c r="FD16" s="114">
        <v>0</v>
      </c>
      <c r="FE16" s="114">
        <v>0</v>
      </c>
      <c r="FF16" s="114">
        <v>0</v>
      </c>
      <c r="FG16" s="114">
        <v>0</v>
      </c>
      <c r="FH16" s="114">
        <v>0</v>
      </c>
      <c r="FI16" s="113">
        <v>0</v>
      </c>
      <c r="FJ16" s="116">
        <v>0</v>
      </c>
      <c r="FK16" s="110">
        <v>203567</v>
      </c>
      <c r="FL16" s="114">
        <v>418656</v>
      </c>
      <c r="FM16" s="113">
        <v>622223</v>
      </c>
      <c r="FN16" s="110">
        <v>0</v>
      </c>
      <c r="FO16" s="114">
        <v>918614</v>
      </c>
      <c r="FP16" s="114">
        <v>1360198</v>
      </c>
      <c r="FQ16" s="114">
        <v>1109017</v>
      </c>
      <c r="FR16" s="114">
        <v>957726</v>
      </c>
      <c r="FS16" s="114">
        <v>813526</v>
      </c>
      <c r="FT16" s="113">
        <v>5159081</v>
      </c>
      <c r="FU16" s="116">
        <v>5781304</v>
      </c>
      <c r="FV16" s="115">
        <v>203567</v>
      </c>
      <c r="FW16" s="114">
        <v>379806</v>
      </c>
      <c r="FX16" s="112">
        <v>583373</v>
      </c>
      <c r="FY16" s="111">
        <v>0</v>
      </c>
      <c r="FZ16" s="114">
        <v>773528</v>
      </c>
      <c r="GA16" s="114">
        <v>1264858</v>
      </c>
      <c r="GB16" s="114">
        <v>871283</v>
      </c>
      <c r="GC16" s="114">
        <v>896336</v>
      </c>
      <c r="GD16" s="114">
        <v>813526</v>
      </c>
      <c r="GE16" s="113">
        <v>4619531</v>
      </c>
      <c r="GF16" s="319">
        <v>5202904</v>
      </c>
      <c r="GG16" s="115">
        <v>0</v>
      </c>
      <c r="GH16" s="114">
        <v>0</v>
      </c>
      <c r="GI16" s="112">
        <v>0</v>
      </c>
      <c r="GJ16" s="111">
        <v>0</v>
      </c>
      <c r="GK16" s="114">
        <v>40271</v>
      </c>
      <c r="GL16" s="114">
        <v>18340</v>
      </c>
      <c r="GM16" s="114">
        <v>56000</v>
      </c>
      <c r="GN16" s="114">
        <v>18690</v>
      </c>
      <c r="GO16" s="114">
        <v>0</v>
      </c>
      <c r="GP16" s="113">
        <v>133301</v>
      </c>
      <c r="GQ16" s="116">
        <v>133301</v>
      </c>
      <c r="GR16" s="110">
        <v>0</v>
      </c>
      <c r="GS16" s="114">
        <v>38850</v>
      </c>
      <c r="GT16" s="113">
        <v>38850</v>
      </c>
      <c r="GU16" s="110">
        <v>0</v>
      </c>
      <c r="GV16" s="114">
        <v>104815</v>
      </c>
      <c r="GW16" s="114">
        <v>77000</v>
      </c>
      <c r="GX16" s="114">
        <v>181734</v>
      </c>
      <c r="GY16" s="114">
        <v>42700</v>
      </c>
      <c r="GZ16" s="114">
        <v>0</v>
      </c>
      <c r="HA16" s="112">
        <v>406249</v>
      </c>
      <c r="HB16" s="116">
        <v>445099</v>
      </c>
      <c r="HC16" s="110">
        <v>481987</v>
      </c>
      <c r="HD16" s="114">
        <v>535428</v>
      </c>
      <c r="HE16" s="112">
        <v>1017415</v>
      </c>
      <c r="HF16" s="111">
        <v>0</v>
      </c>
      <c r="HG16" s="114">
        <v>3950852</v>
      </c>
      <c r="HH16" s="114">
        <v>4487538</v>
      </c>
      <c r="HI16" s="114">
        <v>4061608</v>
      </c>
      <c r="HJ16" s="114">
        <v>4701853</v>
      </c>
      <c r="HK16" s="114">
        <v>4150134</v>
      </c>
      <c r="HL16" s="113">
        <v>21351985</v>
      </c>
      <c r="HM16" s="109">
        <v>22369400</v>
      </c>
      <c r="HN16" s="329"/>
      <c r="HO16" s="330"/>
      <c r="HP16" s="331"/>
      <c r="HQ16" s="332"/>
      <c r="HR16" s="330"/>
      <c r="HS16" s="330"/>
      <c r="HT16" s="330"/>
      <c r="HU16" s="330"/>
      <c r="HV16" s="330"/>
      <c r="HW16" s="333"/>
      <c r="HX16" s="334"/>
      <c r="HY16" s="150">
        <v>42660</v>
      </c>
      <c r="HZ16" s="135">
        <v>137956</v>
      </c>
      <c r="IA16" s="150">
        <v>180616</v>
      </c>
      <c r="IB16" s="134">
        <v>0</v>
      </c>
      <c r="IC16" s="135">
        <v>3507986</v>
      </c>
      <c r="ID16" s="136">
        <v>3013218</v>
      </c>
      <c r="IE16" s="137">
        <v>4143220</v>
      </c>
      <c r="IF16" s="135">
        <v>3136314</v>
      </c>
      <c r="IG16" s="137">
        <v>4793131</v>
      </c>
      <c r="IH16" s="138">
        <v>18593869</v>
      </c>
      <c r="II16" s="150">
        <v>18774485</v>
      </c>
      <c r="IJ16" s="232">
        <v>0</v>
      </c>
      <c r="IK16" s="236">
        <v>0</v>
      </c>
      <c r="IL16" s="237">
        <v>0</v>
      </c>
      <c r="IM16" s="140"/>
      <c r="IN16" s="119">
        <v>152912</v>
      </c>
      <c r="IO16" s="119">
        <v>258818</v>
      </c>
      <c r="IP16" s="119">
        <v>0</v>
      </c>
      <c r="IQ16" s="119">
        <v>200011</v>
      </c>
      <c r="IR16" s="119">
        <v>248074</v>
      </c>
      <c r="IS16" s="141">
        <v>859815</v>
      </c>
      <c r="IT16" s="321">
        <v>859815</v>
      </c>
      <c r="IU16" s="142">
        <v>0</v>
      </c>
      <c r="IV16" s="119">
        <v>0</v>
      </c>
      <c r="IW16" s="120">
        <v>0</v>
      </c>
      <c r="IX16" s="144"/>
      <c r="IY16" s="119">
        <v>0</v>
      </c>
      <c r="IZ16" s="119">
        <v>9165</v>
      </c>
      <c r="JA16" s="119">
        <v>14629</v>
      </c>
      <c r="JB16" s="119">
        <v>0</v>
      </c>
      <c r="JC16" s="119">
        <v>9165</v>
      </c>
      <c r="JD16" s="120">
        <v>32959</v>
      </c>
      <c r="JE16" s="121">
        <v>32959</v>
      </c>
      <c r="JF16" s="142">
        <v>0</v>
      </c>
      <c r="JG16" s="119">
        <v>0</v>
      </c>
      <c r="JH16" s="141">
        <v>0</v>
      </c>
      <c r="JI16" s="118">
        <v>0</v>
      </c>
      <c r="JJ16" s="119">
        <v>1342471</v>
      </c>
      <c r="JK16" s="119">
        <v>509547</v>
      </c>
      <c r="JL16" s="119">
        <v>732742</v>
      </c>
      <c r="JM16" s="119">
        <v>364056</v>
      </c>
      <c r="JN16" s="119">
        <v>41493</v>
      </c>
      <c r="JO16" s="120">
        <v>2990309</v>
      </c>
      <c r="JP16" s="321">
        <v>2990309</v>
      </c>
      <c r="JQ16" s="142">
        <v>0</v>
      </c>
      <c r="JR16" s="119">
        <v>0</v>
      </c>
      <c r="JS16" s="141">
        <v>0</v>
      </c>
      <c r="JT16" s="118">
        <v>0</v>
      </c>
      <c r="JU16" s="119">
        <v>104369</v>
      </c>
      <c r="JV16" s="119">
        <v>219195</v>
      </c>
      <c r="JW16" s="119">
        <v>122092</v>
      </c>
      <c r="JX16" s="119">
        <v>54845</v>
      </c>
      <c r="JY16" s="119">
        <v>0</v>
      </c>
      <c r="JZ16" s="120">
        <v>500501</v>
      </c>
      <c r="KA16" s="321">
        <v>500501</v>
      </c>
      <c r="KB16" s="234">
        <v>42660</v>
      </c>
      <c r="KC16" s="230">
        <v>137956</v>
      </c>
      <c r="KD16" s="120">
        <v>180616</v>
      </c>
      <c r="KE16" s="118">
        <v>0</v>
      </c>
      <c r="KF16" s="119">
        <v>511502</v>
      </c>
      <c r="KG16" s="119">
        <v>266004</v>
      </c>
      <c r="KH16" s="119">
        <v>709022</v>
      </c>
      <c r="KI16" s="119">
        <v>443742</v>
      </c>
      <c r="KJ16" s="119">
        <v>753556</v>
      </c>
      <c r="KK16" s="120">
        <v>2683826</v>
      </c>
      <c r="KL16" s="143">
        <v>2864442</v>
      </c>
      <c r="KM16" s="232">
        <v>0</v>
      </c>
      <c r="KN16" s="236">
        <v>0</v>
      </c>
      <c r="KO16" s="237">
        <v>0</v>
      </c>
      <c r="KP16" s="140"/>
      <c r="KQ16" s="119">
        <v>798517</v>
      </c>
      <c r="KR16" s="119">
        <v>1305907</v>
      </c>
      <c r="KS16" s="119">
        <v>1004252</v>
      </c>
      <c r="KT16" s="119">
        <v>1097207</v>
      </c>
      <c r="KU16" s="119">
        <v>1559342</v>
      </c>
      <c r="KV16" s="120">
        <v>5765225</v>
      </c>
      <c r="KW16" s="321">
        <v>5765225</v>
      </c>
      <c r="KX16" s="142">
        <v>0</v>
      </c>
      <c r="KY16" s="119">
        <v>0</v>
      </c>
      <c r="KZ16" s="120">
        <v>0</v>
      </c>
      <c r="LA16" s="145"/>
      <c r="LB16" s="119">
        <v>396139</v>
      </c>
      <c r="LC16" s="119">
        <v>444582</v>
      </c>
      <c r="LD16" s="119">
        <v>914933</v>
      </c>
      <c r="LE16" s="119">
        <v>361610</v>
      </c>
      <c r="LF16" s="119">
        <v>996041</v>
      </c>
      <c r="LG16" s="120">
        <v>3113305</v>
      </c>
      <c r="LH16" s="121">
        <v>3113305</v>
      </c>
      <c r="LI16" s="142">
        <v>0</v>
      </c>
      <c r="LJ16" s="119">
        <v>0</v>
      </c>
      <c r="LK16" s="120">
        <v>0</v>
      </c>
      <c r="LL16" s="145"/>
      <c r="LM16" s="119">
        <v>0</v>
      </c>
      <c r="LN16" s="119">
        <v>0</v>
      </c>
      <c r="LO16" s="119">
        <v>0</v>
      </c>
      <c r="LP16" s="119">
        <v>614843</v>
      </c>
      <c r="LQ16" s="119">
        <v>462702</v>
      </c>
      <c r="LR16" s="120">
        <v>1077545</v>
      </c>
      <c r="LS16" s="321">
        <v>1077545</v>
      </c>
      <c r="LT16" s="142">
        <v>0</v>
      </c>
      <c r="LU16" s="119">
        <v>0</v>
      </c>
      <c r="LV16" s="120">
        <v>0</v>
      </c>
      <c r="LW16" s="145"/>
      <c r="LX16" s="119">
        <v>202076</v>
      </c>
      <c r="LY16" s="119">
        <v>0</v>
      </c>
      <c r="LZ16" s="119">
        <v>645550</v>
      </c>
      <c r="MA16" s="119">
        <v>0</v>
      </c>
      <c r="MB16" s="119">
        <v>722758</v>
      </c>
      <c r="MC16" s="120">
        <v>1570384</v>
      </c>
      <c r="MD16" s="121">
        <v>1570384</v>
      </c>
      <c r="ME16" s="142">
        <v>0</v>
      </c>
      <c r="MF16" s="119">
        <v>0</v>
      </c>
      <c r="MG16" s="120">
        <v>0</v>
      </c>
      <c r="MH16" s="145"/>
      <c r="MI16" s="119">
        <v>413266</v>
      </c>
      <c r="MJ16" s="119">
        <v>1280546</v>
      </c>
      <c r="MK16" s="119">
        <v>5387363</v>
      </c>
      <c r="ML16" s="119">
        <v>5973324</v>
      </c>
      <c r="MM16" s="119">
        <v>3671735</v>
      </c>
      <c r="MN16" s="120">
        <v>16726234</v>
      </c>
      <c r="MO16" s="143">
        <v>16726234</v>
      </c>
      <c r="MP16" s="142">
        <v>0</v>
      </c>
      <c r="MQ16" s="119">
        <v>0</v>
      </c>
      <c r="MR16" s="120">
        <v>0</v>
      </c>
      <c r="MS16" s="145"/>
      <c r="MT16" s="119">
        <v>0</v>
      </c>
      <c r="MU16" s="119">
        <v>398005</v>
      </c>
      <c r="MV16" s="119">
        <v>2997127</v>
      </c>
      <c r="MW16" s="119">
        <v>4470101</v>
      </c>
      <c r="MX16" s="119">
        <v>2784802</v>
      </c>
      <c r="MY16" s="120">
        <v>10650035</v>
      </c>
      <c r="MZ16" s="143">
        <v>10650035</v>
      </c>
      <c r="NA16" s="142">
        <v>0</v>
      </c>
      <c r="NB16" s="119">
        <v>0</v>
      </c>
      <c r="NC16" s="120">
        <v>0</v>
      </c>
      <c r="ND16" s="145">
        <v>0</v>
      </c>
      <c r="NE16" s="119">
        <v>413266</v>
      </c>
      <c r="NF16" s="119">
        <v>882541</v>
      </c>
      <c r="NG16" s="119">
        <v>2390236</v>
      </c>
      <c r="NH16" s="119">
        <v>1503223</v>
      </c>
      <c r="NI16" s="119">
        <v>260369</v>
      </c>
      <c r="NJ16" s="120">
        <v>5449635</v>
      </c>
      <c r="NK16" s="321">
        <v>5449635</v>
      </c>
      <c r="NL16" s="142">
        <v>0</v>
      </c>
      <c r="NM16" s="119">
        <v>0</v>
      </c>
      <c r="NN16" s="120">
        <v>0</v>
      </c>
      <c r="NO16" s="145"/>
      <c r="NP16" s="119">
        <v>0</v>
      </c>
      <c r="NQ16" s="119">
        <v>0</v>
      </c>
      <c r="NR16" s="119">
        <v>0</v>
      </c>
      <c r="NS16" s="119">
        <v>0</v>
      </c>
      <c r="NT16" s="119">
        <v>0</v>
      </c>
      <c r="NU16" s="120">
        <v>0</v>
      </c>
      <c r="NV16" s="121">
        <v>0</v>
      </c>
      <c r="NW16" s="142">
        <v>0</v>
      </c>
      <c r="NX16" s="119">
        <v>0</v>
      </c>
      <c r="NY16" s="120">
        <v>0</v>
      </c>
      <c r="NZ16" s="145"/>
      <c r="OA16" s="119">
        <v>0</v>
      </c>
      <c r="OB16" s="119">
        <v>0</v>
      </c>
      <c r="OC16" s="119">
        <v>0</v>
      </c>
      <c r="OD16" s="119">
        <v>0</v>
      </c>
      <c r="OE16" s="119">
        <v>626564</v>
      </c>
      <c r="OF16" s="120">
        <v>626564</v>
      </c>
      <c r="OG16" s="121">
        <v>626564</v>
      </c>
      <c r="OH16" s="142">
        <v>1276944</v>
      </c>
      <c r="OI16" s="119">
        <v>2187867</v>
      </c>
      <c r="OJ16" s="141">
        <v>3464811</v>
      </c>
      <c r="OK16" s="118">
        <v>0</v>
      </c>
      <c r="OL16" s="119">
        <v>21138453</v>
      </c>
      <c r="OM16" s="119">
        <v>19551986</v>
      </c>
      <c r="ON16" s="119">
        <v>22580252</v>
      </c>
      <c r="OO16" s="119">
        <v>23125778</v>
      </c>
      <c r="OP16" s="119">
        <v>20404477</v>
      </c>
      <c r="OQ16" s="120">
        <v>106800946</v>
      </c>
      <c r="OR16" s="143">
        <v>110265757</v>
      </c>
    </row>
    <row r="17" spans="1:408" ht="20.25" customHeight="1" x14ac:dyDescent="0.2">
      <c r="A17" s="126" t="s">
        <v>11</v>
      </c>
      <c r="B17" s="110">
        <v>364678</v>
      </c>
      <c r="C17" s="114">
        <v>553138</v>
      </c>
      <c r="D17" s="171">
        <v>917816</v>
      </c>
      <c r="E17" s="111">
        <v>0</v>
      </c>
      <c r="F17" s="114">
        <v>5324315</v>
      </c>
      <c r="G17" s="114">
        <v>2648566</v>
      </c>
      <c r="H17" s="114">
        <v>4255908</v>
      </c>
      <c r="I17" s="114">
        <v>6792436</v>
      </c>
      <c r="J17" s="114">
        <v>5015998</v>
      </c>
      <c r="K17" s="109">
        <v>24037223</v>
      </c>
      <c r="L17" s="116">
        <v>24955039</v>
      </c>
      <c r="M17" s="110">
        <v>113631</v>
      </c>
      <c r="N17" s="114">
        <v>88720</v>
      </c>
      <c r="O17" s="113">
        <v>202351</v>
      </c>
      <c r="P17" s="110">
        <v>0</v>
      </c>
      <c r="Q17" s="114">
        <v>1265852</v>
      </c>
      <c r="R17" s="114">
        <v>668085</v>
      </c>
      <c r="S17" s="114">
        <v>988534</v>
      </c>
      <c r="T17" s="114">
        <v>2029441</v>
      </c>
      <c r="U17" s="114">
        <v>1891125</v>
      </c>
      <c r="V17" s="113">
        <v>6843037</v>
      </c>
      <c r="W17" s="116">
        <v>7045388</v>
      </c>
      <c r="X17" s="110">
        <v>0</v>
      </c>
      <c r="Y17" s="114">
        <v>0</v>
      </c>
      <c r="Z17" s="113">
        <v>0</v>
      </c>
      <c r="AA17" s="110">
        <v>0</v>
      </c>
      <c r="AB17" s="114">
        <v>355218</v>
      </c>
      <c r="AC17" s="114">
        <v>225207</v>
      </c>
      <c r="AD17" s="114">
        <v>465594</v>
      </c>
      <c r="AE17" s="114">
        <v>1025727</v>
      </c>
      <c r="AF17" s="114">
        <v>971546</v>
      </c>
      <c r="AG17" s="113">
        <v>3043292</v>
      </c>
      <c r="AH17" s="116">
        <v>3043292</v>
      </c>
      <c r="AI17" s="110">
        <v>0</v>
      </c>
      <c r="AJ17" s="114">
        <v>0</v>
      </c>
      <c r="AK17" s="113">
        <v>0</v>
      </c>
      <c r="AL17" s="110">
        <v>0</v>
      </c>
      <c r="AM17" s="114">
        <v>0</v>
      </c>
      <c r="AN17" s="114">
        <v>0</v>
      </c>
      <c r="AO17" s="114">
        <v>0</v>
      </c>
      <c r="AP17" s="114">
        <v>234732</v>
      </c>
      <c r="AQ17" s="114">
        <v>192183</v>
      </c>
      <c r="AR17" s="113">
        <v>426915</v>
      </c>
      <c r="AS17" s="116">
        <v>426915</v>
      </c>
      <c r="AT17" s="110">
        <v>81557</v>
      </c>
      <c r="AU17" s="114">
        <v>54584</v>
      </c>
      <c r="AV17" s="113">
        <v>136141</v>
      </c>
      <c r="AW17" s="110">
        <v>0</v>
      </c>
      <c r="AX17" s="114">
        <v>559416</v>
      </c>
      <c r="AY17" s="114">
        <v>302261</v>
      </c>
      <c r="AZ17" s="114">
        <v>319352</v>
      </c>
      <c r="BA17" s="114">
        <v>521849</v>
      </c>
      <c r="BB17" s="114">
        <v>476565</v>
      </c>
      <c r="BC17" s="113">
        <v>2179443</v>
      </c>
      <c r="BD17" s="116">
        <v>2315584</v>
      </c>
      <c r="BE17" s="110">
        <v>0</v>
      </c>
      <c r="BF17" s="114">
        <v>32050</v>
      </c>
      <c r="BG17" s="112">
        <v>32050</v>
      </c>
      <c r="BH17" s="111">
        <v>0</v>
      </c>
      <c r="BI17" s="114">
        <v>153797</v>
      </c>
      <c r="BJ17" s="114">
        <v>45431</v>
      </c>
      <c r="BK17" s="114">
        <v>0</v>
      </c>
      <c r="BL17" s="114">
        <v>20053</v>
      </c>
      <c r="BM17" s="114">
        <v>53060</v>
      </c>
      <c r="BN17" s="113">
        <v>272341</v>
      </c>
      <c r="BO17" s="116">
        <v>304391</v>
      </c>
      <c r="BP17" s="110">
        <v>32074</v>
      </c>
      <c r="BQ17" s="114">
        <v>2086</v>
      </c>
      <c r="BR17" s="113">
        <v>34160</v>
      </c>
      <c r="BS17" s="110">
        <v>0</v>
      </c>
      <c r="BT17" s="114">
        <v>197421</v>
      </c>
      <c r="BU17" s="114">
        <v>95186</v>
      </c>
      <c r="BV17" s="114">
        <v>203588</v>
      </c>
      <c r="BW17" s="114">
        <v>227080</v>
      </c>
      <c r="BX17" s="114">
        <v>197771</v>
      </c>
      <c r="BY17" s="113">
        <v>921046</v>
      </c>
      <c r="BZ17" s="116">
        <v>955206</v>
      </c>
      <c r="CA17" s="110">
        <v>37484</v>
      </c>
      <c r="CB17" s="114">
        <v>105464</v>
      </c>
      <c r="CC17" s="113">
        <v>142948</v>
      </c>
      <c r="CD17" s="110">
        <v>0</v>
      </c>
      <c r="CE17" s="114">
        <v>1217417</v>
      </c>
      <c r="CF17" s="114">
        <v>1031380</v>
      </c>
      <c r="CG17" s="114">
        <v>1198285</v>
      </c>
      <c r="CH17" s="114">
        <v>1247836</v>
      </c>
      <c r="CI17" s="114">
        <v>336914</v>
      </c>
      <c r="CJ17" s="113">
        <v>5031832</v>
      </c>
      <c r="CK17" s="116">
        <v>5174780</v>
      </c>
      <c r="CL17" s="110">
        <v>0</v>
      </c>
      <c r="CM17" s="114">
        <v>0</v>
      </c>
      <c r="CN17" s="113">
        <v>0</v>
      </c>
      <c r="CO17" s="111">
        <v>0</v>
      </c>
      <c r="CP17" s="114">
        <v>895313</v>
      </c>
      <c r="CQ17" s="114">
        <v>907352</v>
      </c>
      <c r="CR17" s="114">
        <v>800797</v>
      </c>
      <c r="CS17" s="114">
        <v>1003989</v>
      </c>
      <c r="CT17" s="114">
        <v>312141</v>
      </c>
      <c r="CU17" s="113">
        <v>3919592</v>
      </c>
      <c r="CV17" s="116">
        <v>3919592</v>
      </c>
      <c r="CW17" s="110">
        <v>37484</v>
      </c>
      <c r="CX17" s="114">
        <v>105464</v>
      </c>
      <c r="CY17" s="113">
        <v>142948</v>
      </c>
      <c r="CZ17" s="110">
        <v>0</v>
      </c>
      <c r="DA17" s="114">
        <v>322104</v>
      </c>
      <c r="DB17" s="114">
        <v>124028</v>
      </c>
      <c r="DC17" s="114">
        <v>397488</v>
      </c>
      <c r="DD17" s="114">
        <v>243847</v>
      </c>
      <c r="DE17" s="114">
        <v>24773</v>
      </c>
      <c r="DF17" s="113">
        <v>1112240</v>
      </c>
      <c r="DG17" s="116">
        <v>1255188</v>
      </c>
      <c r="DH17" s="110">
        <v>0</v>
      </c>
      <c r="DI17" s="114">
        <v>0</v>
      </c>
      <c r="DJ17" s="112">
        <v>0</v>
      </c>
      <c r="DK17" s="111">
        <v>0</v>
      </c>
      <c r="DL17" s="114">
        <v>54994</v>
      </c>
      <c r="DM17" s="114">
        <v>167511</v>
      </c>
      <c r="DN17" s="114">
        <v>267206</v>
      </c>
      <c r="DO17" s="114">
        <v>657414</v>
      </c>
      <c r="DP17" s="114">
        <v>282777</v>
      </c>
      <c r="DQ17" s="113">
        <v>1429902</v>
      </c>
      <c r="DR17" s="116">
        <v>1429902</v>
      </c>
      <c r="DS17" s="110">
        <v>0</v>
      </c>
      <c r="DT17" s="114">
        <v>0</v>
      </c>
      <c r="DU17" s="113">
        <v>0</v>
      </c>
      <c r="DV17" s="110">
        <v>0</v>
      </c>
      <c r="DW17" s="114">
        <v>54994</v>
      </c>
      <c r="DX17" s="114">
        <v>167511</v>
      </c>
      <c r="DY17" s="114">
        <v>175609</v>
      </c>
      <c r="DZ17" s="114">
        <v>459748</v>
      </c>
      <c r="EA17" s="114">
        <v>282777</v>
      </c>
      <c r="EB17" s="113">
        <v>1140639</v>
      </c>
      <c r="EC17" s="116">
        <v>1140639</v>
      </c>
      <c r="ED17" s="110">
        <v>0</v>
      </c>
      <c r="EE17" s="112">
        <v>0</v>
      </c>
      <c r="EF17" s="113">
        <v>0</v>
      </c>
      <c r="EG17" s="110">
        <v>0</v>
      </c>
      <c r="EH17" s="114">
        <v>0</v>
      </c>
      <c r="EI17" s="114">
        <v>0</v>
      </c>
      <c r="EJ17" s="114">
        <v>91597</v>
      </c>
      <c r="EK17" s="114">
        <v>197666</v>
      </c>
      <c r="EL17" s="114">
        <v>0</v>
      </c>
      <c r="EM17" s="112">
        <v>289263</v>
      </c>
      <c r="EN17" s="116">
        <v>289263</v>
      </c>
      <c r="EO17" s="110">
        <v>0</v>
      </c>
      <c r="EP17" s="114">
        <v>0</v>
      </c>
      <c r="EQ17" s="112">
        <v>0</v>
      </c>
      <c r="ER17" s="111">
        <v>0</v>
      </c>
      <c r="ES17" s="114">
        <v>0</v>
      </c>
      <c r="ET17" s="114">
        <v>0</v>
      </c>
      <c r="EU17" s="114">
        <v>0</v>
      </c>
      <c r="EV17" s="114">
        <v>0</v>
      </c>
      <c r="EW17" s="114">
        <v>0</v>
      </c>
      <c r="EX17" s="113">
        <v>0</v>
      </c>
      <c r="EY17" s="116">
        <v>0</v>
      </c>
      <c r="EZ17" s="110">
        <v>0</v>
      </c>
      <c r="FA17" s="114">
        <v>0</v>
      </c>
      <c r="FB17" s="112">
        <v>0</v>
      </c>
      <c r="FC17" s="348"/>
      <c r="FD17" s="114">
        <v>0</v>
      </c>
      <c r="FE17" s="114">
        <v>0</v>
      </c>
      <c r="FF17" s="114">
        <v>0</v>
      </c>
      <c r="FG17" s="114">
        <v>0</v>
      </c>
      <c r="FH17" s="114">
        <v>0</v>
      </c>
      <c r="FI17" s="113">
        <v>0</v>
      </c>
      <c r="FJ17" s="116">
        <v>0</v>
      </c>
      <c r="FK17" s="110">
        <v>48188</v>
      </c>
      <c r="FL17" s="114">
        <v>123501</v>
      </c>
      <c r="FM17" s="113">
        <v>171689</v>
      </c>
      <c r="FN17" s="110">
        <v>0</v>
      </c>
      <c r="FO17" s="114">
        <v>195993</v>
      </c>
      <c r="FP17" s="114">
        <v>253323</v>
      </c>
      <c r="FQ17" s="114">
        <v>372939</v>
      </c>
      <c r="FR17" s="114">
        <v>419300</v>
      </c>
      <c r="FS17" s="114">
        <v>209355</v>
      </c>
      <c r="FT17" s="113">
        <v>1450910</v>
      </c>
      <c r="FU17" s="116">
        <v>1622599</v>
      </c>
      <c r="FV17" s="115">
        <v>48188</v>
      </c>
      <c r="FW17" s="114">
        <v>123501</v>
      </c>
      <c r="FX17" s="112">
        <v>171689</v>
      </c>
      <c r="FY17" s="111">
        <v>0</v>
      </c>
      <c r="FZ17" s="114">
        <v>195993</v>
      </c>
      <c r="GA17" s="114">
        <v>253323</v>
      </c>
      <c r="GB17" s="114">
        <v>372939</v>
      </c>
      <c r="GC17" s="114">
        <v>419300</v>
      </c>
      <c r="GD17" s="114">
        <v>209355</v>
      </c>
      <c r="GE17" s="113">
        <v>1450910</v>
      </c>
      <c r="GF17" s="319">
        <v>1622599</v>
      </c>
      <c r="GG17" s="115">
        <v>0</v>
      </c>
      <c r="GH17" s="114">
        <v>0</v>
      </c>
      <c r="GI17" s="112">
        <v>0</v>
      </c>
      <c r="GJ17" s="111">
        <v>0</v>
      </c>
      <c r="GK17" s="114">
        <v>0</v>
      </c>
      <c r="GL17" s="114">
        <v>0</v>
      </c>
      <c r="GM17" s="114">
        <v>0</v>
      </c>
      <c r="GN17" s="114">
        <v>0</v>
      </c>
      <c r="GO17" s="114">
        <v>0</v>
      </c>
      <c r="GP17" s="113">
        <v>0</v>
      </c>
      <c r="GQ17" s="116">
        <v>0</v>
      </c>
      <c r="GR17" s="110">
        <v>0</v>
      </c>
      <c r="GS17" s="114">
        <v>0</v>
      </c>
      <c r="GT17" s="113">
        <v>0</v>
      </c>
      <c r="GU17" s="110">
        <v>0</v>
      </c>
      <c r="GV17" s="114">
        <v>0</v>
      </c>
      <c r="GW17" s="114">
        <v>0</v>
      </c>
      <c r="GX17" s="114">
        <v>0</v>
      </c>
      <c r="GY17" s="114">
        <v>0</v>
      </c>
      <c r="GZ17" s="114">
        <v>0</v>
      </c>
      <c r="HA17" s="112">
        <v>0</v>
      </c>
      <c r="HB17" s="116">
        <v>0</v>
      </c>
      <c r="HC17" s="110">
        <v>165375</v>
      </c>
      <c r="HD17" s="114">
        <v>235453</v>
      </c>
      <c r="HE17" s="112">
        <v>400828</v>
      </c>
      <c r="HF17" s="111">
        <v>0</v>
      </c>
      <c r="HG17" s="114">
        <v>2590059</v>
      </c>
      <c r="HH17" s="114">
        <v>528267</v>
      </c>
      <c r="HI17" s="114">
        <v>1428944</v>
      </c>
      <c r="HJ17" s="114">
        <v>2438445</v>
      </c>
      <c r="HK17" s="114">
        <v>2295827</v>
      </c>
      <c r="HL17" s="113">
        <v>9281542</v>
      </c>
      <c r="HM17" s="109">
        <v>9682370</v>
      </c>
      <c r="HN17" s="329"/>
      <c r="HO17" s="330"/>
      <c r="HP17" s="331"/>
      <c r="HQ17" s="332"/>
      <c r="HR17" s="330"/>
      <c r="HS17" s="330"/>
      <c r="HT17" s="330"/>
      <c r="HU17" s="330"/>
      <c r="HV17" s="330"/>
      <c r="HW17" s="333"/>
      <c r="HX17" s="334"/>
      <c r="HY17" s="131">
        <v>0</v>
      </c>
      <c r="HZ17" s="132">
        <v>0</v>
      </c>
      <c r="IA17" s="133">
        <v>0</v>
      </c>
      <c r="IB17" s="146">
        <v>0</v>
      </c>
      <c r="IC17" s="132">
        <v>707614</v>
      </c>
      <c r="ID17" s="147">
        <v>1118424</v>
      </c>
      <c r="IE17" s="133">
        <v>997834</v>
      </c>
      <c r="IF17" s="132">
        <v>771834</v>
      </c>
      <c r="IG17" s="133">
        <v>485967</v>
      </c>
      <c r="IH17" s="148">
        <v>4081673</v>
      </c>
      <c r="II17" s="139">
        <v>4081673</v>
      </c>
      <c r="IJ17" s="232">
        <v>0</v>
      </c>
      <c r="IK17" s="236">
        <v>0</v>
      </c>
      <c r="IL17" s="237">
        <v>0</v>
      </c>
      <c r="IM17" s="140"/>
      <c r="IN17" s="119">
        <v>124184</v>
      </c>
      <c r="IO17" s="119">
        <v>108383</v>
      </c>
      <c r="IP17" s="119">
        <v>107541</v>
      </c>
      <c r="IQ17" s="119">
        <v>0</v>
      </c>
      <c r="IR17" s="119">
        <v>76479</v>
      </c>
      <c r="IS17" s="141">
        <v>416587</v>
      </c>
      <c r="IT17" s="321">
        <v>416587</v>
      </c>
      <c r="IU17" s="142">
        <v>0</v>
      </c>
      <c r="IV17" s="119">
        <v>0</v>
      </c>
      <c r="IW17" s="120">
        <v>0</v>
      </c>
      <c r="IX17" s="144"/>
      <c r="IY17" s="119">
        <v>2104</v>
      </c>
      <c r="IZ17" s="119">
        <v>0</v>
      </c>
      <c r="JA17" s="119">
        <v>0</v>
      </c>
      <c r="JB17" s="119">
        <v>0</v>
      </c>
      <c r="JC17" s="119">
        <v>14440</v>
      </c>
      <c r="JD17" s="120">
        <v>16544</v>
      </c>
      <c r="JE17" s="121">
        <v>16544</v>
      </c>
      <c r="JF17" s="142">
        <v>0</v>
      </c>
      <c r="JG17" s="119">
        <v>0</v>
      </c>
      <c r="JH17" s="141">
        <v>0</v>
      </c>
      <c r="JI17" s="118">
        <v>0</v>
      </c>
      <c r="JJ17" s="119">
        <v>581326</v>
      </c>
      <c r="JK17" s="119">
        <v>230827</v>
      </c>
      <c r="JL17" s="119">
        <v>480537</v>
      </c>
      <c r="JM17" s="119">
        <v>116924</v>
      </c>
      <c r="JN17" s="119">
        <v>55908</v>
      </c>
      <c r="JO17" s="120">
        <v>1465522</v>
      </c>
      <c r="JP17" s="321">
        <v>1465522</v>
      </c>
      <c r="JQ17" s="142">
        <v>0</v>
      </c>
      <c r="JR17" s="119">
        <v>0</v>
      </c>
      <c r="JS17" s="141">
        <v>0</v>
      </c>
      <c r="JT17" s="118">
        <v>0</v>
      </c>
      <c r="JU17" s="119">
        <v>0</v>
      </c>
      <c r="JV17" s="119">
        <v>0</v>
      </c>
      <c r="JW17" s="119">
        <v>0</v>
      </c>
      <c r="JX17" s="119">
        <v>0</v>
      </c>
      <c r="JY17" s="119">
        <v>117576</v>
      </c>
      <c r="JZ17" s="120">
        <v>117576</v>
      </c>
      <c r="KA17" s="321">
        <v>117576</v>
      </c>
      <c r="KB17" s="234">
        <v>0</v>
      </c>
      <c r="KC17" s="230">
        <v>0</v>
      </c>
      <c r="KD17" s="120">
        <v>0</v>
      </c>
      <c r="KE17" s="118">
        <v>0</v>
      </c>
      <c r="KF17" s="119">
        <v>0</v>
      </c>
      <c r="KG17" s="119">
        <v>152263</v>
      </c>
      <c r="KH17" s="119">
        <v>409756</v>
      </c>
      <c r="KI17" s="119">
        <v>0</v>
      </c>
      <c r="KJ17" s="119">
        <v>0</v>
      </c>
      <c r="KK17" s="120">
        <v>562019</v>
      </c>
      <c r="KL17" s="143">
        <v>562019</v>
      </c>
      <c r="KM17" s="232">
        <v>0</v>
      </c>
      <c r="KN17" s="236">
        <v>0</v>
      </c>
      <c r="KO17" s="237">
        <v>0</v>
      </c>
      <c r="KP17" s="140"/>
      <c r="KQ17" s="119">
        <v>0</v>
      </c>
      <c r="KR17" s="119">
        <v>626951</v>
      </c>
      <c r="KS17" s="119">
        <v>0</v>
      </c>
      <c r="KT17" s="119">
        <v>654910</v>
      </c>
      <c r="KU17" s="119">
        <v>221564</v>
      </c>
      <c r="KV17" s="120">
        <v>1503425</v>
      </c>
      <c r="KW17" s="321">
        <v>1503425</v>
      </c>
      <c r="KX17" s="142">
        <v>0</v>
      </c>
      <c r="KY17" s="119">
        <v>0</v>
      </c>
      <c r="KZ17" s="120">
        <v>0</v>
      </c>
      <c r="LA17" s="145"/>
      <c r="LB17" s="119">
        <v>0</v>
      </c>
      <c r="LC17" s="119">
        <v>0</v>
      </c>
      <c r="LD17" s="119">
        <v>0</v>
      </c>
      <c r="LE17" s="119">
        <v>0</v>
      </c>
      <c r="LF17" s="119">
        <v>0</v>
      </c>
      <c r="LG17" s="120">
        <v>0</v>
      </c>
      <c r="LH17" s="121">
        <v>0</v>
      </c>
      <c r="LI17" s="142">
        <v>0</v>
      </c>
      <c r="LJ17" s="119">
        <v>0</v>
      </c>
      <c r="LK17" s="120">
        <v>0</v>
      </c>
      <c r="LL17" s="145"/>
      <c r="LM17" s="119">
        <v>0</v>
      </c>
      <c r="LN17" s="119">
        <v>0</v>
      </c>
      <c r="LO17" s="119">
        <v>0</v>
      </c>
      <c r="LP17" s="119">
        <v>0</v>
      </c>
      <c r="LQ17" s="119">
        <v>0</v>
      </c>
      <c r="LR17" s="120">
        <v>0</v>
      </c>
      <c r="LS17" s="321">
        <v>0</v>
      </c>
      <c r="LT17" s="142">
        <v>0</v>
      </c>
      <c r="LU17" s="119">
        <v>0</v>
      </c>
      <c r="LV17" s="120">
        <v>0</v>
      </c>
      <c r="LW17" s="145"/>
      <c r="LX17" s="119">
        <v>0</v>
      </c>
      <c r="LY17" s="119">
        <v>0</v>
      </c>
      <c r="LZ17" s="119">
        <v>0</v>
      </c>
      <c r="MA17" s="119">
        <v>0</v>
      </c>
      <c r="MB17" s="119">
        <v>0</v>
      </c>
      <c r="MC17" s="120">
        <v>0</v>
      </c>
      <c r="MD17" s="121">
        <v>0</v>
      </c>
      <c r="ME17" s="142">
        <v>0</v>
      </c>
      <c r="MF17" s="119">
        <v>0</v>
      </c>
      <c r="MG17" s="120">
        <v>0</v>
      </c>
      <c r="MH17" s="145"/>
      <c r="MI17" s="119">
        <v>573447</v>
      </c>
      <c r="MJ17" s="119">
        <v>213738</v>
      </c>
      <c r="MK17" s="119">
        <v>920101</v>
      </c>
      <c r="ML17" s="119">
        <v>2744218</v>
      </c>
      <c r="MM17" s="119">
        <v>1266550</v>
      </c>
      <c r="MN17" s="120">
        <v>5718054</v>
      </c>
      <c r="MO17" s="143">
        <v>5718054</v>
      </c>
      <c r="MP17" s="142">
        <v>0</v>
      </c>
      <c r="MQ17" s="119">
        <v>0</v>
      </c>
      <c r="MR17" s="120">
        <v>0</v>
      </c>
      <c r="MS17" s="145"/>
      <c r="MT17" s="119">
        <v>0</v>
      </c>
      <c r="MU17" s="119">
        <v>0</v>
      </c>
      <c r="MV17" s="119">
        <v>184820</v>
      </c>
      <c r="MW17" s="119">
        <v>1859021</v>
      </c>
      <c r="MX17" s="119">
        <v>1005069</v>
      </c>
      <c r="MY17" s="120">
        <v>3048910</v>
      </c>
      <c r="MZ17" s="143">
        <v>3048910</v>
      </c>
      <c r="NA17" s="142">
        <v>0</v>
      </c>
      <c r="NB17" s="119">
        <v>0</v>
      </c>
      <c r="NC17" s="120">
        <v>0</v>
      </c>
      <c r="ND17" s="145">
        <v>0</v>
      </c>
      <c r="NE17" s="119">
        <v>573447</v>
      </c>
      <c r="NF17" s="119">
        <v>213738</v>
      </c>
      <c r="NG17" s="119">
        <v>735281</v>
      </c>
      <c r="NH17" s="119">
        <v>885197</v>
      </c>
      <c r="NI17" s="119">
        <v>261481</v>
      </c>
      <c r="NJ17" s="120">
        <v>2669144</v>
      </c>
      <c r="NK17" s="321">
        <v>2669144</v>
      </c>
      <c r="NL17" s="142">
        <v>0</v>
      </c>
      <c r="NM17" s="119">
        <v>0</v>
      </c>
      <c r="NN17" s="120">
        <v>0</v>
      </c>
      <c r="NO17" s="145"/>
      <c r="NP17" s="119">
        <v>0</v>
      </c>
      <c r="NQ17" s="119">
        <v>0</v>
      </c>
      <c r="NR17" s="119">
        <v>0</v>
      </c>
      <c r="NS17" s="119">
        <v>0</v>
      </c>
      <c r="NT17" s="119">
        <v>0</v>
      </c>
      <c r="NU17" s="120">
        <v>0</v>
      </c>
      <c r="NV17" s="121">
        <v>0</v>
      </c>
      <c r="NW17" s="142">
        <v>0</v>
      </c>
      <c r="NX17" s="119">
        <v>0</v>
      </c>
      <c r="NY17" s="120">
        <v>0</v>
      </c>
      <c r="NZ17" s="145"/>
      <c r="OA17" s="119">
        <v>0</v>
      </c>
      <c r="OB17" s="119">
        <v>0</v>
      </c>
      <c r="OC17" s="119">
        <v>0</v>
      </c>
      <c r="OD17" s="119">
        <v>0</v>
      </c>
      <c r="OE17" s="119">
        <v>0</v>
      </c>
      <c r="OF17" s="120">
        <v>0</v>
      </c>
      <c r="OG17" s="121">
        <v>0</v>
      </c>
      <c r="OH17" s="142">
        <v>364678</v>
      </c>
      <c r="OI17" s="119">
        <v>553138</v>
      </c>
      <c r="OJ17" s="141">
        <v>917816</v>
      </c>
      <c r="OK17" s="118">
        <v>0</v>
      </c>
      <c r="OL17" s="119">
        <v>6605376</v>
      </c>
      <c r="OM17" s="119">
        <v>3980728</v>
      </c>
      <c r="ON17" s="119">
        <v>6173843</v>
      </c>
      <c r="OO17" s="119">
        <v>10308488</v>
      </c>
      <c r="OP17" s="119">
        <v>6768515</v>
      </c>
      <c r="OQ17" s="120">
        <v>33836950</v>
      </c>
      <c r="OR17" s="143">
        <v>34754766</v>
      </c>
    </row>
    <row r="18" spans="1:408" ht="20.25" customHeight="1" x14ac:dyDescent="0.2">
      <c r="A18" s="126" t="s">
        <v>12</v>
      </c>
      <c r="B18" s="110">
        <v>1113426</v>
      </c>
      <c r="C18" s="114">
        <v>1240916</v>
      </c>
      <c r="D18" s="113">
        <v>2354342</v>
      </c>
      <c r="E18" s="109">
        <v>0</v>
      </c>
      <c r="F18" s="114">
        <v>4950345</v>
      </c>
      <c r="G18" s="170">
        <v>5413597</v>
      </c>
      <c r="H18" s="170">
        <v>6983170</v>
      </c>
      <c r="I18" s="170">
        <v>6512145</v>
      </c>
      <c r="J18" s="170">
        <v>5281511</v>
      </c>
      <c r="K18" s="112">
        <v>29140768</v>
      </c>
      <c r="L18" s="116">
        <v>31495110</v>
      </c>
      <c r="M18" s="110">
        <v>241205</v>
      </c>
      <c r="N18" s="114">
        <v>278000</v>
      </c>
      <c r="O18" s="113">
        <v>519205</v>
      </c>
      <c r="P18" s="110">
        <v>0</v>
      </c>
      <c r="Q18" s="114">
        <v>1767598</v>
      </c>
      <c r="R18" s="114">
        <v>1920432</v>
      </c>
      <c r="S18" s="114">
        <v>2485007</v>
      </c>
      <c r="T18" s="114">
        <v>2131512</v>
      </c>
      <c r="U18" s="114">
        <v>2396141</v>
      </c>
      <c r="V18" s="113">
        <v>10700690</v>
      </c>
      <c r="W18" s="116">
        <v>11219895</v>
      </c>
      <c r="X18" s="110">
        <v>0</v>
      </c>
      <c r="Y18" s="114">
        <v>0</v>
      </c>
      <c r="Z18" s="113">
        <v>0</v>
      </c>
      <c r="AA18" s="110">
        <v>0</v>
      </c>
      <c r="AB18" s="114">
        <v>1105586</v>
      </c>
      <c r="AC18" s="114">
        <v>1112713</v>
      </c>
      <c r="AD18" s="114">
        <v>1499562</v>
      </c>
      <c r="AE18" s="114">
        <v>1493952</v>
      </c>
      <c r="AF18" s="114">
        <v>1255324</v>
      </c>
      <c r="AG18" s="113">
        <v>6467137</v>
      </c>
      <c r="AH18" s="116">
        <v>6467137</v>
      </c>
      <c r="AI18" s="110">
        <v>0</v>
      </c>
      <c r="AJ18" s="114">
        <v>0</v>
      </c>
      <c r="AK18" s="113">
        <v>0</v>
      </c>
      <c r="AL18" s="110">
        <v>0</v>
      </c>
      <c r="AM18" s="114">
        <v>0</v>
      </c>
      <c r="AN18" s="114">
        <v>51780</v>
      </c>
      <c r="AO18" s="114">
        <v>0</v>
      </c>
      <c r="AP18" s="114">
        <v>82432</v>
      </c>
      <c r="AQ18" s="114">
        <v>428372</v>
      </c>
      <c r="AR18" s="113">
        <v>562584</v>
      </c>
      <c r="AS18" s="116">
        <v>562584</v>
      </c>
      <c r="AT18" s="110">
        <v>137703</v>
      </c>
      <c r="AU18" s="114">
        <v>200832</v>
      </c>
      <c r="AV18" s="113">
        <v>338535</v>
      </c>
      <c r="AW18" s="110">
        <v>0</v>
      </c>
      <c r="AX18" s="114">
        <v>445696</v>
      </c>
      <c r="AY18" s="114">
        <v>540024</v>
      </c>
      <c r="AZ18" s="114">
        <v>628303</v>
      </c>
      <c r="BA18" s="114">
        <v>265216</v>
      </c>
      <c r="BB18" s="114">
        <v>596734</v>
      </c>
      <c r="BC18" s="113">
        <v>2475973</v>
      </c>
      <c r="BD18" s="116">
        <v>2814508</v>
      </c>
      <c r="BE18" s="110">
        <v>0</v>
      </c>
      <c r="BF18" s="114">
        <v>0</v>
      </c>
      <c r="BG18" s="112">
        <v>0</v>
      </c>
      <c r="BH18" s="111">
        <v>0</v>
      </c>
      <c r="BI18" s="114">
        <v>4622</v>
      </c>
      <c r="BJ18" s="114">
        <v>55475</v>
      </c>
      <c r="BK18" s="114">
        <v>4671</v>
      </c>
      <c r="BL18" s="114">
        <v>0</v>
      </c>
      <c r="BM18" s="114">
        <v>18684</v>
      </c>
      <c r="BN18" s="113">
        <v>83452</v>
      </c>
      <c r="BO18" s="116">
        <v>83452</v>
      </c>
      <c r="BP18" s="110">
        <v>103502</v>
      </c>
      <c r="BQ18" s="114">
        <v>77168</v>
      </c>
      <c r="BR18" s="113">
        <v>180670</v>
      </c>
      <c r="BS18" s="110">
        <v>0</v>
      </c>
      <c r="BT18" s="114">
        <v>211694</v>
      </c>
      <c r="BU18" s="114">
        <v>160440</v>
      </c>
      <c r="BV18" s="114">
        <v>352471</v>
      </c>
      <c r="BW18" s="114">
        <v>289912</v>
      </c>
      <c r="BX18" s="114">
        <v>97027</v>
      </c>
      <c r="BY18" s="113">
        <v>1111544</v>
      </c>
      <c r="BZ18" s="116">
        <v>1292214</v>
      </c>
      <c r="CA18" s="110">
        <v>190685</v>
      </c>
      <c r="CB18" s="114">
        <v>310892</v>
      </c>
      <c r="CC18" s="113">
        <v>501577</v>
      </c>
      <c r="CD18" s="110">
        <v>0</v>
      </c>
      <c r="CE18" s="114">
        <v>1999891</v>
      </c>
      <c r="CF18" s="114">
        <v>1728249</v>
      </c>
      <c r="CG18" s="114">
        <v>1010042</v>
      </c>
      <c r="CH18" s="114">
        <v>1735676</v>
      </c>
      <c r="CI18" s="114">
        <v>663407</v>
      </c>
      <c r="CJ18" s="113">
        <v>7137265</v>
      </c>
      <c r="CK18" s="116">
        <v>7638842</v>
      </c>
      <c r="CL18" s="110">
        <v>0</v>
      </c>
      <c r="CM18" s="114">
        <v>0</v>
      </c>
      <c r="CN18" s="113">
        <v>0</v>
      </c>
      <c r="CO18" s="111">
        <v>0</v>
      </c>
      <c r="CP18" s="114">
        <v>1658384</v>
      </c>
      <c r="CQ18" s="114">
        <v>1156952</v>
      </c>
      <c r="CR18" s="114">
        <v>526263</v>
      </c>
      <c r="CS18" s="114">
        <v>1122588</v>
      </c>
      <c r="CT18" s="114">
        <v>382468</v>
      </c>
      <c r="CU18" s="113">
        <v>4846655</v>
      </c>
      <c r="CV18" s="116">
        <v>4846655</v>
      </c>
      <c r="CW18" s="110">
        <v>190685</v>
      </c>
      <c r="CX18" s="114">
        <v>310892</v>
      </c>
      <c r="CY18" s="113">
        <v>501577</v>
      </c>
      <c r="CZ18" s="110">
        <v>0</v>
      </c>
      <c r="DA18" s="114">
        <v>341507</v>
      </c>
      <c r="DB18" s="114">
        <v>571297</v>
      </c>
      <c r="DC18" s="114">
        <v>483779</v>
      </c>
      <c r="DD18" s="114">
        <v>613088</v>
      </c>
      <c r="DE18" s="114">
        <v>280939</v>
      </c>
      <c r="DF18" s="113">
        <v>2290610</v>
      </c>
      <c r="DG18" s="116">
        <v>2792187</v>
      </c>
      <c r="DH18" s="110">
        <v>0</v>
      </c>
      <c r="DI18" s="114">
        <v>0</v>
      </c>
      <c r="DJ18" s="112">
        <v>0</v>
      </c>
      <c r="DK18" s="111">
        <v>0</v>
      </c>
      <c r="DL18" s="114">
        <v>231537</v>
      </c>
      <c r="DM18" s="114">
        <v>36790</v>
      </c>
      <c r="DN18" s="114">
        <v>811365</v>
      </c>
      <c r="DO18" s="114">
        <v>501144</v>
      </c>
      <c r="DP18" s="114">
        <v>365796</v>
      </c>
      <c r="DQ18" s="113">
        <v>1946632</v>
      </c>
      <c r="DR18" s="116">
        <v>1946632</v>
      </c>
      <c r="DS18" s="110">
        <v>0</v>
      </c>
      <c r="DT18" s="114">
        <v>0</v>
      </c>
      <c r="DU18" s="113">
        <v>0</v>
      </c>
      <c r="DV18" s="110">
        <v>0</v>
      </c>
      <c r="DW18" s="114">
        <v>231537</v>
      </c>
      <c r="DX18" s="114">
        <v>36790</v>
      </c>
      <c r="DY18" s="114">
        <v>811365</v>
      </c>
      <c r="DZ18" s="114">
        <v>501144</v>
      </c>
      <c r="EA18" s="114">
        <v>257513</v>
      </c>
      <c r="EB18" s="113">
        <v>1838349</v>
      </c>
      <c r="EC18" s="116">
        <v>1838349</v>
      </c>
      <c r="ED18" s="110">
        <v>0</v>
      </c>
      <c r="EE18" s="112">
        <v>0</v>
      </c>
      <c r="EF18" s="113">
        <v>0</v>
      </c>
      <c r="EG18" s="110">
        <v>0</v>
      </c>
      <c r="EH18" s="114">
        <v>0</v>
      </c>
      <c r="EI18" s="114">
        <v>0</v>
      </c>
      <c r="EJ18" s="114">
        <v>0</v>
      </c>
      <c r="EK18" s="114">
        <v>0</v>
      </c>
      <c r="EL18" s="114">
        <v>108283</v>
      </c>
      <c r="EM18" s="112">
        <v>108283</v>
      </c>
      <c r="EN18" s="116">
        <v>108283</v>
      </c>
      <c r="EO18" s="110">
        <v>0</v>
      </c>
      <c r="EP18" s="114">
        <v>0</v>
      </c>
      <c r="EQ18" s="112">
        <v>0</v>
      </c>
      <c r="ER18" s="111">
        <v>0</v>
      </c>
      <c r="ES18" s="114">
        <v>0</v>
      </c>
      <c r="ET18" s="114">
        <v>0</v>
      </c>
      <c r="EU18" s="114">
        <v>0</v>
      </c>
      <c r="EV18" s="114">
        <v>0</v>
      </c>
      <c r="EW18" s="114">
        <v>0</v>
      </c>
      <c r="EX18" s="113">
        <v>0</v>
      </c>
      <c r="EY18" s="116">
        <v>0</v>
      </c>
      <c r="EZ18" s="110">
        <v>0</v>
      </c>
      <c r="FA18" s="114">
        <v>0</v>
      </c>
      <c r="FB18" s="112">
        <v>0</v>
      </c>
      <c r="FC18" s="348"/>
      <c r="FD18" s="114">
        <v>0</v>
      </c>
      <c r="FE18" s="114">
        <v>0</v>
      </c>
      <c r="FF18" s="114">
        <v>0</v>
      </c>
      <c r="FG18" s="114">
        <v>0</v>
      </c>
      <c r="FH18" s="114">
        <v>0</v>
      </c>
      <c r="FI18" s="113">
        <v>0</v>
      </c>
      <c r="FJ18" s="116">
        <v>0</v>
      </c>
      <c r="FK18" s="110">
        <v>234017</v>
      </c>
      <c r="FL18" s="114">
        <v>250612</v>
      </c>
      <c r="FM18" s="113">
        <v>484629</v>
      </c>
      <c r="FN18" s="110">
        <v>0</v>
      </c>
      <c r="FO18" s="114">
        <v>269087</v>
      </c>
      <c r="FP18" s="114">
        <v>659715</v>
      </c>
      <c r="FQ18" s="114">
        <v>510853</v>
      </c>
      <c r="FR18" s="114">
        <v>678013</v>
      </c>
      <c r="FS18" s="114">
        <v>482412</v>
      </c>
      <c r="FT18" s="113">
        <v>2600080</v>
      </c>
      <c r="FU18" s="116">
        <v>3084709</v>
      </c>
      <c r="FV18" s="115">
        <v>99162</v>
      </c>
      <c r="FW18" s="114">
        <v>226086</v>
      </c>
      <c r="FX18" s="112">
        <v>325248</v>
      </c>
      <c r="FY18" s="111">
        <v>0</v>
      </c>
      <c r="FZ18" s="114">
        <v>99855</v>
      </c>
      <c r="GA18" s="114">
        <v>461195</v>
      </c>
      <c r="GB18" s="114">
        <v>475433</v>
      </c>
      <c r="GC18" s="114">
        <v>538013</v>
      </c>
      <c r="GD18" s="114">
        <v>441602</v>
      </c>
      <c r="GE18" s="113">
        <v>2016098</v>
      </c>
      <c r="GF18" s="319">
        <v>2341346</v>
      </c>
      <c r="GG18" s="115">
        <v>23870</v>
      </c>
      <c r="GH18" s="114">
        <v>14726</v>
      </c>
      <c r="GI18" s="112">
        <v>38596</v>
      </c>
      <c r="GJ18" s="111">
        <v>0</v>
      </c>
      <c r="GK18" s="114">
        <v>16632</v>
      </c>
      <c r="GL18" s="114">
        <v>58520</v>
      </c>
      <c r="GM18" s="114">
        <v>35420</v>
      </c>
      <c r="GN18" s="114">
        <v>0</v>
      </c>
      <c r="GO18" s="114">
        <v>40810</v>
      </c>
      <c r="GP18" s="113">
        <v>151382</v>
      </c>
      <c r="GQ18" s="116">
        <v>189978</v>
      </c>
      <c r="GR18" s="110">
        <v>110985</v>
      </c>
      <c r="GS18" s="114">
        <v>9800</v>
      </c>
      <c r="GT18" s="113">
        <v>120785</v>
      </c>
      <c r="GU18" s="110">
        <v>0</v>
      </c>
      <c r="GV18" s="114">
        <v>152600</v>
      </c>
      <c r="GW18" s="114">
        <v>140000</v>
      </c>
      <c r="GX18" s="114">
        <v>0</v>
      </c>
      <c r="GY18" s="114">
        <v>140000</v>
      </c>
      <c r="GZ18" s="114">
        <v>0</v>
      </c>
      <c r="HA18" s="112">
        <v>432600</v>
      </c>
      <c r="HB18" s="116">
        <v>553385</v>
      </c>
      <c r="HC18" s="110">
        <v>447519</v>
      </c>
      <c r="HD18" s="114">
        <v>401412</v>
      </c>
      <c r="HE18" s="112">
        <v>848931</v>
      </c>
      <c r="HF18" s="111">
        <v>0</v>
      </c>
      <c r="HG18" s="114">
        <v>682232</v>
      </c>
      <c r="HH18" s="114">
        <v>1068411</v>
      </c>
      <c r="HI18" s="114">
        <v>2165903</v>
      </c>
      <c r="HJ18" s="114">
        <v>1465800</v>
      </c>
      <c r="HK18" s="114">
        <v>1373755</v>
      </c>
      <c r="HL18" s="113">
        <v>6756101</v>
      </c>
      <c r="HM18" s="109">
        <v>7605032</v>
      </c>
      <c r="HN18" s="329"/>
      <c r="HO18" s="330"/>
      <c r="HP18" s="331"/>
      <c r="HQ18" s="332"/>
      <c r="HR18" s="330"/>
      <c r="HS18" s="330"/>
      <c r="HT18" s="330"/>
      <c r="HU18" s="330"/>
      <c r="HV18" s="330"/>
      <c r="HW18" s="333"/>
      <c r="HX18" s="334"/>
      <c r="HY18" s="150">
        <v>0</v>
      </c>
      <c r="HZ18" s="135">
        <v>0</v>
      </c>
      <c r="IA18" s="150">
        <v>0</v>
      </c>
      <c r="IB18" s="134">
        <v>0</v>
      </c>
      <c r="IC18" s="135">
        <v>1642708</v>
      </c>
      <c r="ID18" s="136">
        <v>1340570</v>
      </c>
      <c r="IE18" s="137">
        <v>967966</v>
      </c>
      <c r="IF18" s="135">
        <v>1198747</v>
      </c>
      <c r="IG18" s="137">
        <v>1170813</v>
      </c>
      <c r="IH18" s="138">
        <v>6320804</v>
      </c>
      <c r="II18" s="150">
        <v>6320804</v>
      </c>
      <c r="IJ18" s="232">
        <v>0</v>
      </c>
      <c r="IK18" s="236">
        <v>0</v>
      </c>
      <c r="IL18" s="237">
        <v>0</v>
      </c>
      <c r="IM18" s="140"/>
      <c r="IN18" s="119">
        <v>66930</v>
      </c>
      <c r="IO18" s="119">
        <v>0</v>
      </c>
      <c r="IP18" s="119">
        <v>0</v>
      </c>
      <c r="IQ18" s="119">
        <v>0</v>
      </c>
      <c r="IR18" s="119">
        <v>0</v>
      </c>
      <c r="IS18" s="141">
        <v>66930</v>
      </c>
      <c r="IT18" s="321">
        <v>66930</v>
      </c>
      <c r="IU18" s="142">
        <v>0</v>
      </c>
      <c r="IV18" s="119">
        <v>0</v>
      </c>
      <c r="IW18" s="120">
        <v>0</v>
      </c>
      <c r="IX18" s="144"/>
      <c r="IY18" s="119">
        <v>0</v>
      </c>
      <c r="IZ18" s="119">
        <v>0</v>
      </c>
      <c r="JA18" s="119">
        <v>0</v>
      </c>
      <c r="JB18" s="119">
        <v>0</v>
      </c>
      <c r="JC18" s="119">
        <v>0</v>
      </c>
      <c r="JD18" s="120">
        <v>0</v>
      </c>
      <c r="JE18" s="121">
        <v>0</v>
      </c>
      <c r="JF18" s="142">
        <v>0</v>
      </c>
      <c r="JG18" s="119">
        <v>0</v>
      </c>
      <c r="JH18" s="141">
        <v>0</v>
      </c>
      <c r="JI18" s="118">
        <v>0</v>
      </c>
      <c r="JJ18" s="119">
        <v>859665</v>
      </c>
      <c r="JK18" s="119">
        <v>422257</v>
      </c>
      <c r="JL18" s="119">
        <v>327012</v>
      </c>
      <c r="JM18" s="119">
        <v>233525</v>
      </c>
      <c r="JN18" s="119">
        <v>29311</v>
      </c>
      <c r="JO18" s="120">
        <v>1871770</v>
      </c>
      <c r="JP18" s="321">
        <v>1871770</v>
      </c>
      <c r="JQ18" s="142">
        <v>0</v>
      </c>
      <c r="JR18" s="119">
        <v>0</v>
      </c>
      <c r="JS18" s="141">
        <v>0</v>
      </c>
      <c r="JT18" s="118">
        <v>0</v>
      </c>
      <c r="JU18" s="119">
        <v>0</v>
      </c>
      <c r="JV18" s="119">
        <v>37175</v>
      </c>
      <c r="JW18" s="119">
        <v>0</v>
      </c>
      <c r="JX18" s="119">
        <v>0</v>
      </c>
      <c r="JY18" s="119">
        <v>0</v>
      </c>
      <c r="JZ18" s="120">
        <v>37175</v>
      </c>
      <c r="KA18" s="321">
        <v>37175</v>
      </c>
      <c r="KB18" s="234">
        <v>0</v>
      </c>
      <c r="KC18" s="230">
        <v>0</v>
      </c>
      <c r="KD18" s="120">
        <v>0</v>
      </c>
      <c r="KE18" s="118">
        <v>0</v>
      </c>
      <c r="KF18" s="119">
        <v>106801</v>
      </c>
      <c r="KG18" s="119">
        <v>162484</v>
      </c>
      <c r="KH18" s="119">
        <v>209829</v>
      </c>
      <c r="KI18" s="119">
        <v>230913</v>
      </c>
      <c r="KJ18" s="119">
        <v>0</v>
      </c>
      <c r="KK18" s="120">
        <v>710027</v>
      </c>
      <c r="KL18" s="143">
        <v>710027</v>
      </c>
      <c r="KM18" s="232">
        <v>0</v>
      </c>
      <c r="KN18" s="236">
        <v>0</v>
      </c>
      <c r="KO18" s="237">
        <v>0</v>
      </c>
      <c r="KP18" s="140"/>
      <c r="KQ18" s="119">
        <v>609652</v>
      </c>
      <c r="KR18" s="119">
        <v>205807</v>
      </c>
      <c r="KS18" s="119">
        <v>431554</v>
      </c>
      <c r="KT18" s="119">
        <v>217006</v>
      </c>
      <c r="KU18" s="119">
        <v>0</v>
      </c>
      <c r="KV18" s="120">
        <v>1464019</v>
      </c>
      <c r="KW18" s="321">
        <v>1464019</v>
      </c>
      <c r="KX18" s="142">
        <v>0</v>
      </c>
      <c r="KY18" s="119">
        <v>0</v>
      </c>
      <c r="KZ18" s="120">
        <v>0</v>
      </c>
      <c r="LA18" s="145"/>
      <c r="LB18" s="119">
        <v>0</v>
      </c>
      <c r="LC18" s="119">
        <v>307140</v>
      </c>
      <c r="LD18" s="119">
        <v>0</v>
      </c>
      <c r="LE18" s="119">
        <v>241584</v>
      </c>
      <c r="LF18" s="119">
        <v>0</v>
      </c>
      <c r="LG18" s="120">
        <v>548724</v>
      </c>
      <c r="LH18" s="121">
        <v>548724</v>
      </c>
      <c r="LI18" s="142">
        <v>0</v>
      </c>
      <c r="LJ18" s="119">
        <v>0</v>
      </c>
      <c r="LK18" s="120">
        <v>0</v>
      </c>
      <c r="LL18" s="145"/>
      <c r="LM18" s="119">
        <v>0</v>
      </c>
      <c r="LN18" s="119">
        <v>0</v>
      </c>
      <c r="LO18" s="119">
        <v>0</v>
      </c>
      <c r="LP18" s="119">
        <v>0</v>
      </c>
      <c r="LQ18" s="119">
        <v>247978</v>
      </c>
      <c r="LR18" s="120">
        <v>247978</v>
      </c>
      <c r="LS18" s="321">
        <v>247978</v>
      </c>
      <c r="LT18" s="142">
        <v>0</v>
      </c>
      <c r="LU18" s="119">
        <v>0</v>
      </c>
      <c r="LV18" s="120">
        <v>0</v>
      </c>
      <c r="LW18" s="145"/>
      <c r="LX18" s="119">
        <v>-340</v>
      </c>
      <c r="LY18" s="119">
        <v>205707</v>
      </c>
      <c r="LZ18" s="119">
        <v>-429</v>
      </c>
      <c r="MA18" s="119">
        <v>275719</v>
      </c>
      <c r="MB18" s="119">
        <v>893524</v>
      </c>
      <c r="MC18" s="120">
        <v>1374181</v>
      </c>
      <c r="MD18" s="121">
        <v>1374181</v>
      </c>
      <c r="ME18" s="142">
        <v>0</v>
      </c>
      <c r="MF18" s="119">
        <v>0</v>
      </c>
      <c r="MG18" s="120">
        <v>0</v>
      </c>
      <c r="MH18" s="145"/>
      <c r="MI18" s="119">
        <v>0</v>
      </c>
      <c r="MJ18" s="119">
        <v>1058347</v>
      </c>
      <c r="MK18" s="119">
        <v>2070379</v>
      </c>
      <c r="ML18" s="119">
        <v>4854978</v>
      </c>
      <c r="MM18" s="119">
        <v>2372601</v>
      </c>
      <c r="MN18" s="120">
        <v>10356305</v>
      </c>
      <c r="MO18" s="143">
        <v>10356305</v>
      </c>
      <c r="MP18" s="142">
        <v>0</v>
      </c>
      <c r="MQ18" s="119">
        <v>0</v>
      </c>
      <c r="MR18" s="120">
        <v>0</v>
      </c>
      <c r="MS18" s="145"/>
      <c r="MT18" s="119">
        <v>0</v>
      </c>
      <c r="MU18" s="119">
        <v>193167</v>
      </c>
      <c r="MV18" s="119">
        <v>865633</v>
      </c>
      <c r="MW18" s="119">
        <v>2453544</v>
      </c>
      <c r="MX18" s="119">
        <v>1159045</v>
      </c>
      <c r="MY18" s="120">
        <v>4671389</v>
      </c>
      <c r="MZ18" s="143">
        <v>4671389</v>
      </c>
      <c r="NA18" s="142">
        <v>0</v>
      </c>
      <c r="NB18" s="119">
        <v>0</v>
      </c>
      <c r="NC18" s="120">
        <v>0</v>
      </c>
      <c r="ND18" s="145">
        <v>0</v>
      </c>
      <c r="NE18" s="119">
        <v>0</v>
      </c>
      <c r="NF18" s="119">
        <v>865180</v>
      </c>
      <c r="NG18" s="119">
        <v>1204746</v>
      </c>
      <c r="NH18" s="119">
        <v>2401434</v>
      </c>
      <c r="NI18" s="119">
        <v>695661</v>
      </c>
      <c r="NJ18" s="120">
        <v>5167021</v>
      </c>
      <c r="NK18" s="321">
        <v>5167021</v>
      </c>
      <c r="NL18" s="142">
        <v>0</v>
      </c>
      <c r="NM18" s="119">
        <v>0</v>
      </c>
      <c r="NN18" s="120">
        <v>0</v>
      </c>
      <c r="NO18" s="145"/>
      <c r="NP18" s="119">
        <v>0</v>
      </c>
      <c r="NQ18" s="119">
        <v>0</v>
      </c>
      <c r="NR18" s="119">
        <v>0</v>
      </c>
      <c r="NS18" s="119">
        <v>0</v>
      </c>
      <c r="NT18" s="119">
        <v>517895</v>
      </c>
      <c r="NU18" s="120">
        <v>517895</v>
      </c>
      <c r="NV18" s="121">
        <v>517895</v>
      </c>
      <c r="NW18" s="142">
        <v>0</v>
      </c>
      <c r="NX18" s="119">
        <v>0</v>
      </c>
      <c r="NY18" s="120">
        <v>0</v>
      </c>
      <c r="NZ18" s="145"/>
      <c r="OA18" s="119">
        <v>0</v>
      </c>
      <c r="OB18" s="119">
        <v>0</v>
      </c>
      <c r="OC18" s="119">
        <v>0</v>
      </c>
      <c r="OD18" s="119">
        <v>0</v>
      </c>
      <c r="OE18" s="119">
        <v>0</v>
      </c>
      <c r="OF18" s="120">
        <v>0</v>
      </c>
      <c r="OG18" s="121">
        <v>0</v>
      </c>
      <c r="OH18" s="142">
        <v>1113426</v>
      </c>
      <c r="OI18" s="119">
        <v>1240916</v>
      </c>
      <c r="OJ18" s="141">
        <v>2354342</v>
      </c>
      <c r="OK18" s="118">
        <v>0</v>
      </c>
      <c r="OL18" s="119">
        <v>6593053</v>
      </c>
      <c r="OM18" s="119">
        <v>7812514</v>
      </c>
      <c r="ON18" s="119">
        <v>10021515</v>
      </c>
      <c r="OO18" s="119">
        <v>12565870</v>
      </c>
      <c r="OP18" s="119">
        <v>8824925</v>
      </c>
      <c r="OQ18" s="120">
        <v>45817877</v>
      </c>
      <c r="OR18" s="143">
        <v>48172219</v>
      </c>
    </row>
    <row r="19" spans="1:408" ht="20.25" customHeight="1" x14ac:dyDescent="0.2">
      <c r="A19" s="126" t="s">
        <v>13</v>
      </c>
      <c r="B19" s="110">
        <v>363296</v>
      </c>
      <c r="C19" s="114">
        <v>516645</v>
      </c>
      <c r="D19" s="113">
        <v>879941</v>
      </c>
      <c r="E19" s="110">
        <v>0</v>
      </c>
      <c r="F19" s="170">
        <v>3086135</v>
      </c>
      <c r="G19" s="114">
        <v>4262931</v>
      </c>
      <c r="H19" s="114">
        <v>5617401</v>
      </c>
      <c r="I19" s="114">
        <v>3911945</v>
      </c>
      <c r="J19" s="114">
        <v>4186102</v>
      </c>
      <c r="K19" s="112">
        <v>21064514</v>
      </c>
      <c r="L19" s="116">
        <v>21944455</v>
      </c>
      <c r="M19" s="110">
        <v>72509</v>
      </c>
      <c r="N19" s="114">
        <v>149201</v>
      </c>
      <c r="O19" s="113">
        <v>221710</v>
      </c>
      <c r="P19" s="110">
        <v>0</v>
      </c>
      <c r="Q19" s="114">
        <v>792353</v>
      </c>
      <c r="R19" s="114">
        <v>1385677</v>
      </c>
      <c r="S19" s="114">
        <v>2435324</v>
      </c>
      <c r="T19" s="114">
        <v>2117918</v>
      </c>
      <c r="U19" s="114">
        <v>2033198</v>
      </c>
      <c r="V19" s="113">
        <v>8764470</v>
      </c>
      <c r="W19" s="116">
        <v>8986180</v>
      </c>
      <c r="X19" s="110">
        <v>0</v>
      </c>
      <c r="Y19" s="114">
        <v>0</v>
      </c>
      <c r="Z19" s="113">
        <v>0</v>
      </c>
      <c r="AA19" s="110">
        <v>0</v>
      </c>
      <c r="AB19" s="114">
        <v>294436</v>
      </c>
      <c r="AC19" s="114">
        <v>689492</v>
      </c>
      <c r="AD19" s="114">
        <v>1332056</v>
      </c>
      <c r="AE19" s="114">
        <v>1420116</v>
      </c>
      <c r="AF19" s="114">
        <v>1317927</v>
      </c>
      <c r="AG19" s="113">
        <v>5054027</v>
      </c>
      <c r="AH19" s="116">
        <v>5054027</v>
      </c>
      <c r="AI19" s="110">
        <v>0</v>
      </c>
      <c r="AJ19" s="114">
        <v>0</v>
      </c>
      <c r="AK19" s="113">
        <v>0</v>
      </c>
      <c r="AL19" s="110">
        <v>0</v>
      </c>
      <c r="AM19" s="114">
        <v>0</v>
      </c>
      <c r="AN19" s="114">
        <v>0</v>
      </c>
      <c r="AO19" s="114">
        <v>106238</v>
      </c>
      <c r="AP19" s="114">
        <v>72773</v>
      </c>
      <c r="AQ19" s="114">
        <v>0</v>
      </c>
      <c r="AR19" s="113">
        <v>179011</v>
      </c>
      <c r="AS19" s="116">
        <v>179011</v>
      </c>
      <c r="AT19" s="110">
        <v>21094</v>
      </c>
      <c r="AU19" s="114">
        <v>77850</v>
      </c>
      <c r="AV19" s="113">
        <v>98944</v>
      </c>
      <c r="AW19" s="110">
        <v>0</v>
      </c>
      <c r="AX19" s="114">
        <v>346059</v>
      </c>
      <c r="AY19" s="114">
        <v>317440</v>
      </c>
      <c r="AZ19" s="114">
        <v>647971</v>
      </c>
      <c r="BA19" s="114">
        <v>389213</v>
      </c>
      <c r="BB19" s="114">
        <v>447892</v>
      </c>
      <c r="BC19" s="113">
        <v>2148575</v>
      </c>
      <c r="BD19" s="116">
        <v>2247519</v>
      </c>
      <c r="BE19" s="110">
        <v>0</v>
      </c>
      <c r="BF19" s="114">
        <v>0</v>
      </c>
      <c r="BG19" s="112">
        <v>0</v>
      </c>
      <c r="BH19" s="111">
        <v>0</v>
      </c>
      <c r="BI19" s="114">
        <v>0</v>
      </c>
      <c r="BJ19" s="114">
        <v>140647</v>
      </c>
      <c r="BK19" s="114">
        <v>42928</v>
      </c>
      <c r="BL19" s="114">
        <v>0</v>
      </c>
      <c r="BM19" s="114">
        <v>75047</v>
      </c>
      <c r="BN19" s="113">
        <v>258622</v>
      </c>
      <c r="BO19" s="116">
        <v>258622</v>
      </c>
      <c r="BP19" s="110">
        <v>51415</v>
      </c>
      <c r="BQ19" s="114">
        <v>71351</v>
      </c>
      <c r="BR19" s="113">
        <v>122766</v>
      </c>
      <c r="BS19" s="110">
        <v>0</v>
      </c>
      <c r="BT19" s="114">
        <v>151858</v>
      </c>
      <c r="BU19" s="114">
        <v>238098</v>
      </c>
      <c r="BV19" s="114">
        <v>306131</v>
      </c>
      <c r="BW19" s="114">
        <v>235816</v>
      </c>
      <c r="BX19" s="114">
        <v>192332</v>
      </c>
      <c r="BY19" s="113">
        <v>1124235</v>
      </c>
      <c r="BZ19" s="116">
        <v>1247001</v>
      </c>
      <c r="CA19" s="110">
        <v>0</v>
      </c>
      <c r="CB19" s="114">
        <v>32713</v>
      </c>
      <c r="CC19" s="113">
        <v>32713</v>
      </c>
      <c r="CD19" s="110">
        <v>0</v>
      </c>
      <c r="CE19" s="114">
        <v>638506</v>
      </c>
      <c r="CF19" s="114">
        <v>1085279</v>
      </c>
      <c r="CG19" s="114">
        <v>1222071</v>
      </c>
      <c r="CH19" s="114">
        <v>398132</v>
      </c>
      <c r="CI19" s="114">
        <v>68550</v>
      </c>
      <c r="CJ19" s="113">
        <v>3412538</v>
      </c>
      <c r="CK19" s="116">
        <v>3445251</v>
      </c>
      <c r="CL19" s="110">
        <v>0</v>
      </c>
      <c r="CM19" s="114">
        <v>0</v>
      </c>
      <c r="CN19" s="113">
        <v>0</v>
      </c>
      <c r="CO19" s="111">
        <v>0</v>
      </c>
      <c r="CP19" s="114">
        <v>599795</v>
      </c>
      <c r="CQ19" s="114">
        <v>971888</v>
      </c>
      <c r="CR19" s="114">
        <v>1002735</v>
      </c>
      <c r="CS19" s="114">
        <v>354529</v>
      </c>
      <c r="CT19" s="114">
        <v>58753</v>
      </c>
      <c r="CU19" s="113">
        <v>2987700</v>
      </c>
      <c r="CV19" s="116">
        <v>2987700</v>
      </c>
      <c r="CW19" s="110">
        <v>0</v>
      </c>
      <c r="CX19" s="114">
        <v>32713</v>
      </c>
      <c r="CY19" s="113">
        <v>32713</v>
      </c>
      <c r="CZ19" s="110">
        <v>0</v>
      </c>
      <c r="DA19" s="114">
        <v>38711</v>
      </c>
      <c r="DB19" s="114">
        <v>113391</v>
      </c>
      <c r="DC19" s="114">
        <v>219336</v>
      </c>
      <c r="DD19" s="114">
        <v>43603</v>
      </c>
      <c r="DE19" s="114">
        <v>9797</v>
      </c>
      <c r="DF19" s="113">
        <v>424838</v>
      </c>
      <c r="DG19" s="116">
        <v>457551</v>
      </c>
      <c r="DH19" s="110">
        <v>0</v>
      </c>
      <c r="DI19" s="114">
        <v>0</v>
      </c>
      <c r="DJ19" s="112">
        <v>0</v>
      </c>
      <c r="DK19" s="111">
        <v>0</v>
      </c>
      <c r="DL19" s="114">
        <v>100315</v>
      </c>
      <c r="DM19" s="114">
        <v>30914</v>
      </c>
      <c r="DN19" s="114">
        <v>406943</v>
      </c>
      <c r="DO19" s="114">
        <v>110340</v>
      </c>
      <c r="DP19" s="114">
        <v>289375</v>
      </c>
      <c r="DQ19" s="113">
        <v>937887</v>
      </c>
      <c r="DR19" s="116">
        <v>937887</v>
      </c>
      <c r="DS19" s="110">
        <v>0</v>
      </c>
      <c r="DT19" s="114">
        <v>0</v>
      </c>
      <c r="DU19" s="113">
        <v>0</v>
      </c>
      <c r="DV19" s="110">
        <v>0</v>
      </c>
      <c r="DW19" s="114">
        <v>100315</v>
      </c>
      <c r="DX19" s="114">
        <v>30914</v>
      </c>
      <c r="DY19" s="114">
        <v>406943</v>
      </c>
      <c r="DZ19" s="114">
        <v>110340</v>
      </c>
      <c r="EA19" s="114">
        <v>289375</v>
      </c>
      <c r="EB19" s="113">
        <v>937887</v>
      </c>
      <c r="EC19" s="116">
        <v>937887</v>
      </c>
      <c r="ED19" s="110">
        <v>0</v>
      </c>
      <c r="EE19" s="112">
        <v>0</v>
      </c>
      <c r="EF19" s="113">
        <v>0</v>
      </c>
      <c r="EG19" s="110">
        <v>0</v>
      </c>
      <c r="EH19" s="114">
        <v>0</v>
      </c>
      <c r="EI19" s="114">
        <v>0</v>
      </c>
      <c r="EJ19" s="114">
        <v>0</v>
      </c>
      <c r="EK19" s="114">
        <v>0</v>
      </c>
      <c r="EL19" s="114">
        <v>0</v>
      </c>
      <c r="EM19" s="112">
        <v>0</v>
      </c>
      <c r="EN19" s="116">
        <v>0</v>
      </c>
      <c r="EO19" s="110">
        <v>0</v>
      </c>
      <c r="EP19" s="114">
        <v>0</v>
      </c>
      <c r="EQ19" s="112">
        <v>0</v>
      </c>
      <c r="ER19" s="111">
        <v>0</v>
      </c>
      <c r="ES19" s="114">
        <v>0</v>
      </c>
      <c r="ET19" s="114">
        <v>0</v>
      </c>
      <c r="EU19" s="114">
        <v>0</v>
      </c>
      <c r="EV19" s="114">
        <v>0</v>
      </c>
      <c r="EW19" s="114">
        <v>0</v>
      </c>
      <c r="EX19" s="113">
        <v>0</v>
      </c>
      <c r="EY19" s="116">
        <v>0</v>
      </c>
      <c r="EZ19" s="110">
        <v>0</v>
      </c>
      <c r="FA19" s="114">
        <v>0</v>
      </c>
      <c r="FB19" s="112">
        <v>0</v>
      </c>
      <c r="FC19" s="348"/>
      <c r="FD19" s="114">
        <v>0</v>
      </c>
      <c r="FE19" s="114">
        <v>0</v>
      </c>
      <c r="FF19" s="114">
        <v>0</v>
      </c>
      <c r="FG19" s="114">
        <v>0</v>
      </c>
      <c r="FH19" s="114">
        <v>0</v>
      </c>
      <c r="FI19" s="113">
        <v>0</v>
      </c>
      <c r="FJ19" s="116">
        <v>0</v>
      </c>
      <c r="FK19" s="110">
        <v>18900</v>
      </c>
      <c r="FL19" s="114">
        <v>90230</v>
      </c>
      <c r="FM19" s="113">
        <v>109130</v>
      </c>
      <c r="FN19" s="110">
        <v>0</v>
      </c>
      <c r="FO19" s="114">
        <v>96376</v>
      </c>
      <c r="FP19" s="114">
        <v>412636</v>
      </c>
      <c r="FQ19" s="114">
        <v>383124</v>
      </c>
      <c r="FR19" s="114">
        <v>194019</v>
      </c>
      <c r="FS19" s="114">
        <v>179809</v>
      </c>
      <c r="FT19" s="113">
        <v>1265964</v>
      </c>
      <c r="FU19" s="116">
        <v>1375094</v>
      </c>
      <c r="FV19" s="115">
        <v>18900</v>
      </c>
      <c r="FW19" s="114">
        <v>48790</v>
      </c>
      <c r="FX19" s="112">
        <v>67690</v>
      </c>
      <c r="FY19" s="111">
        <v>0</v>
      </c>
      <c r="FZ19" s="114">
        <v>59976</v>
      </c>
      <c r="GA19" s="114">
        <v>376936</v>
      </c>
      <c r="GB19" s="114">
        <v>356524</v>
      </c>
      <c r="GC19" s="114">
        <v>183624</v>
      </c>
      <c r="GD19" s="114">
        <v>179809</v>
      </c>
      <c r="GE19" s="113">
        <v>1156869</v>
      </c>
      <c r="GF19" s="319">
        <v>1224559</v>
      </c>
      <c r="GG19" s="115">
        <v>0</v>
      </c>
      <c r="GH19" s="114">
        <v>16940</v>
      </c>
      <c r="GI19" s="112">
        <v>16940</v>
      </c>
      <c r="GJ19" s="111">
        <v>0</v>
      </c>
      <c r="GK19" s="114">
        <v>0</v>
      </c>
      <c r="GL19" s="114">
        <v>0</v>
      </c>
      <c r="GM19" s="114">
        <v>26600</v>
      </c>
      <c r="GN19" s="114">
        <v>10395</v>
      </c>
      <c r="GO19" s="114">
        <v>0</v>
      </c>
      <c r="GP19" s="113">
        <v>36995</v>
      </c>
      <c r="GQ19" s="116">
        <v>53935</v>
      </c>
      <c r="GR19" s="110">
        <v>0</v>
      </c>
      <c r="GS19" s="114">
        <v>24500</v>
      </c>
      <c r="GT19" s="113">
        <v>24500</v>
      </c>
      <c r="GU19" s="110">
        <v>0</v>
      </c>
      <c r="GV19" s="114">
        <v>36400</v>
      </c>
      <c r="GW19" s="114">
        <v>35700</v>
      </c>
      <c r="GX19" s="114">
        <v>0</v>
      </c>
      <c r="GY19" s="114">
        <v>0</v>
      </c>
      <c r="GZ19" s="114">
        <v>0</v>
      </c>
      <c r="HA19" s="112">
        <v>72100</v>
      </c>
      <c r="HB19" s="116">
        <v>96600</v>
      </c>
      <c r="HC19" s="110">
        <v>271887</v>
      </c>
      <c r="HD19" s="114">
        <v>244501</v>
      </c>
      <c r="HE19" s="112">
        <v>516388</v>
      </c>
      <c r="HF19" s="111">
        <v>0</v>
      </c>
      <c r="HG19" s="114">
        <v>1458585</v>
      </c>
      <c r="HH19" s="114">
        <v>1348425</v>
      </c>
      <c r="HI19" s="114">
        <v>1169939</v>
      </c>
      <c r="HJ19" s="114">
        <v>1091536</v>
      </c>
      <c r="HK19" s="114">
        <v>1615170</v>
      </c>
      <c r="HL19" s="113">
        <v>6683655</v>
      </c>
      <c r="HM19" s="109">
        <v>7200043</v>
      </c>
      <c r="HN19" s="329"/>
      <c r="HO19" s="330"/>
      <c r="HP19" s="331"/>
      <c r="HQ19" s="332"/>
      <c r="HR19" s="330"/>
      <c r="HS19" s="330"/>
      <c r="HT19" s="330"/>
      <c r="HU19" s="330"/>
      <c r="HV19" s="330"/>
      <c r="HW19" s="333"/>
      <c r="HX19" s="334"/>
      <c r="HY19" s="131">
        <v>0</v>
      </c>
      <c r="HZ19" s="132">
        <v>0</v>
      </c>
      <c r="IA19" s="133">
        <v>0</v>
      </c>
      <c r="IB19" s="146">
        <v>0</v>
      </c>
      <c r="IC19" s="132">
        <v>219084</v>
      </c>
      <c r="ID19" s="147">
        <v>589271</v>
      </c>
      <c r="IE19" s="133">
        <v>1221399</v>
      </c>
      <c r="IF19" s="132">
        <v>517423</v>
      </c>
      <c r="IG19" s="133">
        <v>0</v>
      </c>
      <c r="IH19" s="148">
        <v>2547177</v>
      </c>
      <c r="II19" s="139">
        <v>2547177</v>
      </c>
      <c r="IJ19" s="232">
        <v>0</v>
      </c>
      <c r="IK19" s="236">
        <v>0</v>
      </c>
      <c r="IL19" s="237">
        <v>0</v>
      </c>
      <c r="IM19" s="140"/>
      <c r="IN19" s="119">
        <v>0</v>
      </c>
      <c r="IO19" s="119">
        <v>0</v>
      </c>
      <c r="IP19" s="119">
        <v>0</v>
      </c>
      <c r="IQ19" s="119">
        <v>0</v>
      </c>
      <c r="IR19" s="119">
        <v>0</v>
      </c>
      <c r="IS19" s="141">
        <v>0</v>
      </c>
      <c r="IT19" s="321">
        <v>0</v>
      </c>
      <c r="IU19" s="142">
        <v>0</v>
      </c>
      <c r="IV19" s="119">
        <v>0</v>
      </c>
      <c r="IW19" s="120">
        <v>0</v>
      </c>
      <c r="IX19" s="144"/>
      <c r="IY19" s="119">
        <v>0</v>
      </c>
      <c r="IZ19" s="119">
        <v>0</v>
      </c>
      <c r="JA19" s="119">
        <v>0</v>
      </c>
      <c r="JB19" s="119">
        <v>0</v>
      </c>
      <c r="JC19" s="119">
        <v>0</v>
      </c>
      <c r="JD19" s="120">
        <v>0</v>
      </c>
      <c r="JE19" s="121">
        <v>0</v>
      </c>
      <c r="JF19" s="142">
        <v>0</v>
      </c>
      <c r="JG19" s="119">
        <v>0</v>
      </c>
      <c r="JH19" s="141">
        <v>0</v>
      </c>
      <c r="JI19" s="118">
        <v>0</v>
      </c>
      <c r="JJ19" s="119">
        <v>219084</v>
      </c>
      <c r="JK19" s="119">
        <v>437405</v>
      </c>
      <c r="JL19" s="119">
        <v>453104</v>
      </c>
      <c r="JM19" s="119">
        <v>335165</v>
      </c>
      <c r="JN19" s="119">
        <v>0</v>
      </c>
      <c r="JO19" s="120">
        <v>1444758</v>
      </c>
      <c r="JP19" s="321">
        <v>1444758</v>
      </c>
      <c r="JQ19" s="142">
        <v>0</v>
      </c>
      <c r="JR19" s="119">
        <v>0</v>
      </c>
      <c r="JS19" s="141">
        <v>0</v>
      </c>
      <c r="JT19" s="118">
        <v>0</v>
      </c>
      <c r="JU19" s="119">
        <v>0</v>
      </c>
      <c r="JV19" s="119">
        <v>0</v>
      </c>
      <c r="JW19" s="119">
        <v>0</v>
      </c>
      <c r="JX19" s="119">
        <v>0</v>
      </c>
      <c r="JY19" s="119">
        <v>0</v>
      </c>
      <c r="JZ19" s="120">
        <v>0</v>
      </c>
      <c r="KA19" s="321">
        <v>0</v>
      </c>
      <c r="KB19" s="234">
        <v>0</v>
      </c>
      <c r="KC19" s="230">
        <v>0</v>
      </c>
      <c r="KD19" s="120">
        <v>0</v>
      </c>
      <c r="KE19" s="118">
        <v>0</v>
      </c>
      <c r="KF19" s="119">
        <v>0</v>
      </c>
      <c r="KG19" s="119">
        <v>151866</v>
      </c>
      <c r="KH19" s="119">
        <v>0</v>
      </c>
      <c r="KI19" s="119">
        <v>0</v>
      </c>
      <c r="KJ19" s="119">
        <v>0</v>
      </c>
      <c r="KK19" s="120">
        <v>151866</v>
      </c>
      <c r="KL19" s="143">
        <v>151866</v>
      </c>
      <c r="KM19" s="232">
        <v>0</v>
      </c>
      <c r="KN19" s="236">
        <v>0</v>
      </c>
      <c r="KO19" s="237">
        <v>0</v>
      </c>
      <c r="KP19" s="140"/>
      <c r="KQ19" s="119">
        <v>0</v>
      </c>
      <c r="KR19" s="119">
        <v>0</v>
      </c>
      <c r="KS19" s="119">
        <v>435255</v>
      </c>
      <c r="KT19" s="119">
        <v>0</v>
      </c>
      <c r="KU19" s="119">
        <v>0</v>
      </c>
      <c r="KV19" s="120">
        <v>435255</v>
      </c>
      <c r="KW19" s="321">
        <v>435255</v>
      </c>
      <c r="KX19" s="142">
        <v>0</v>
      </c>
      <c r="KY19" s="119">
        <v>0</v>
      </c>
      <c r="KZ19" s="120">
        <v>0</v>
      </c>
      <c r="LA19" s="145"/>
      <c r="LB19" s="119">
        <v>0</v>
      </c>
      <c r="LC19" s="119">
        <v>0</v>
      </c>
      <c r="LD19" s="119">
        <v>333040</v>
      </c>
      <c r="LE19" s="119">
        <v>182258</v>
      </c>
      <c r="LF19" s="119">
        <v>0</v>
      </c>
      <c r="LG19" s="120">
        <v>515298</v>
      </c>
      <c r="LH19" s="121">
        <v>515298</v>
      </c>
      <c r="LI19" s="142">
        <v>0</v>
      </c>
      <c r="LJ19" s="119">
        <v>0</v>
      </c>
      <c r="LK19" s="120">
        <v>0</v>
      </c>
      <c r="LL19" s="145"/>
      <c r="LM19" s="119">
        <v>0</v>
      </c>
      <c r="LN19" s="119">
        <v>0</v>
      </c>
      <c r="LO19" s="119">
        <v>0</v>
      </c>
      <c r="LP19" s="119">
        <v>0</v>
      </c>
      <c r="LQ19" s="119">
        <v>0</v>
      </c>
      <c r="LR19" s="120">
        <v>0</v>
      </c>
      <c r="LS19" s="321">
        <v>0</v>
      </c>
      <c r="LT19" s="142">
        <v>0</v>
      </c>
      <c r="LU19" s="119">
        <v>0</v>
      </c>
      <c r="LV19" s="120">
        <v>0</v>
      </c>
      <c r="LW19" s="145"/>
      <c r="LX19" s="119">
        <v>0</v>
      </c>
      <c r="LY19" s="119">
        <v>0</v>
      </c>
      <c r="LZ19" s="119">
        <v>0</v>
      </c>
      <c r="MA19" s="119">
        <v>0</v>
      </c>
      <c r="MB19" s="119">
        <v>0</v>
      </c>
      <c r="MC19" s="120">
        <v>0</v>
      </c>
      <c r="MD19" s="121">
        <v>0</v>
      </c>
      <c r="ME19" s="142">
        <v>0</v>
      </c>
      <c r="MF19" s="119">
        <v>0</v>
      </c>
      <c r="MG19" s="120">
        <v>0</v>
      </c>
      <c r="MH19" s="145"/>
      <c r="MI19" s="119">
        <v>0</v>
      </c>
      <c r="MJ19" s="119">
        <v>0</v>
      </c>
      <c r="MK19" s="119">
        <v>1072913</v>
      </c>
      <c r="ML19" s="119">
        <v>1669911</v>
      </c>
      <c r="MM19" s="119">
        <v>1099319</v>
      </c>
      <c r="MN19" s="120">
        <v>3842143</v>
      </c>
      <c r="MO19" s="143">
        <v>3842143</v>
      </c>
      <c r="MP19" s="142">
        <v>0</v>
      </c>
      <c r="MQ19" s="119">
        <v>0</v>
      </c>
      <c r="MR19" s="120">
        <v>0</v>
      </c>
      <c r="MS19" s="145"/>
      <c r="MT19" s="119">
        <v>0</v>
      </c>
      <c r="MU19" s="119">
        <v>0</v>
      </c>
      <c r="MV19" s="119">
        <v>610243</v>
      </c>
      <c r="MW19" s="119">
        <v>925001</v>
      </c>
      <c r="MX19" s="119">
        <v>763318</v>
      </c>
      <c r="MY19" s="120">
        <v>2298562</v>
      </c>
      <c r="MZ19" s="143">
        <v>2298562</v>
      </c>
      <c r="NA19" s="142">
        <v>0</v>
      </c>
      <c r="NB19" s="119">
        <v>0</v>
      </c>
      <c r="NC19" s="120">
        <v>0</v>
      </c>
      <c r="ND19" s="145">
        <v>0</v>
      </c>
      <c r="NE19" s="119">
        <v>0</v>
      </c>
      <c r="NF19" s="119">
        <v>0</v>
      </c>
      <c r="NG19" s="119">
        <v>462670</v>
      </c>
      <c r="NH19" s="119">
        <v>744910</v>
      </c>
      <c r="NI19" s="119">
        <v>336001</v>
      </c>
      <c r="NJ19" s="120">
        <v>1543581</v>
      </c>
      <c r="NK19" s="321">
        <v>1543581</v>
      </c>
      <c r="NL19" s="142">
        <v>0</v>
      </c>
      <c r="NM19" s="119">
        <v>0</v>
      </c>
      <c r="NN19" s="120">
        <v>0</v>
      </c>
      <c r="NO19" s="145"/>
      <c r="NP19" s="119">
        <v>0</v>
      </c>
      <c r="NQ19" s="119">
        <v>0</v>
      </c>
      <c r="NR19" s="119">
        <v>0</v>
      </c>
      <c r="NS19" s="119">
        <v>0</v>
      </c>
      <c r="NT19" s="119">
        <v>0</v>
      </c>
      <c r="NU19" s="120">
        <v>0</v>
      </c>
      <c r="NV19" s="121">
        <v>0</v>
      </c>
      <c r="NW19" s="142">
        <v>0</v>
      </c>
      <c r="NX19" s="119">
        <v>0</v>
      </c>
      <c r="NY19" s="120">
        <v>0</v>
      </c>
      <c r="NZ19" s="145"/>
      <c r="OA19" s="119">
        <v>0</v>
      </c>
      <c r="OB19" s="119">
        <v>0</v>
      </c>
      <c r="OC19" s="119">
        <v>0</v>
      </c>
      <c r="OD19" s="119">
        <v>0</v>
      </c>
      <c r="OE19" s="119">
        <v>0</v>
      </c>
      <c r="OF19" s="120">
        <v>0</v>
      </c>
      <c r="OG19" s="121">
        <v>0</v>
      </c>
      <c r="OH19" s="142">
        <v>363296</v>
      </c>
      <c r="OI19" s="119">
        <v>516645</v>
      </c>
      <c r="OJ19" s="141">
        <v>879941</v>
      </c>
      <c r="OK19" s="118">
        <v>0</v>
      </c>
      <c r="OL19" s="119">
        <v>3305219</v>
      </c>
      <c r="OM19" s="119">
        <v>4852202</v>
      </c>
      <c r="ON19" s="119">
        <v>7911713</v>
      </c>
      <c r="OO19" s="119">
        <v>6099279</v>
      </c>
      <c r="OP19" s="119">
        <v>5285421</v>
      </c>
      <c r="OQ19" s="120">
        <v>27453834</v>
      </c>
      <c r="OR19" s="143">
        <v>28333775</v>
      </c>
    </row>
    <row r="20" spans="1:408" ht="20.25" customHeight="1" x14ac:dyDescent="0.2">
      <c r="A20" s="126" t="s">
        <v>15</v>
      </c>
      <c r="B20" s="110">
        <v>102967</v>
      </c>
      <c r="C20" s="114">
        <v>238612</v>
      </c>
      <c r="D20" s="113">
        <v>341579</v>
      </c>
      <c r="E20" s="109">
        <v>0</v>
      </c>
      <c r="F20" s="114">
        <v>1235632</v>
      </c>
      <c r="G20" s="114">
        <v>1263109</v>
      </c>
      <c r="H20" s="114">
        <v>1375469</v>
      </c>
      <c r="I20" s="114">
        <v>1017344</v>
      </c>
      <c r="J20" s="114">
        <v>1060682</v>
      </c>
      <c r="K20" s="109">
        <v>5952236</v>
      </c>
      <c r="L20" s="116">
        <v>6293815</v>
      </c>
      <c r="M20" s="110">
        <v>0</v>
      </c>
      <c r="N20" s="114">
        <v>21252</v>
      </c>
      <c r="O20" s="113">
        <v>21252</v>
      </c>
      <c r="P20" s="110">
        <v>0</v>
      </c>
      <c r="Q20" s="114">
        <v>162876</v>
      </c>
      <c r="R20" s="114">
        <v>331755</v>
      </c>
      <c r="S20" s="114">
        <v>293961</v>
      </c>
      <c r="T20" s="114">
        <v>82273</v>
      </c>
      <c r="U20" s="114">
        <v>804584</v>
      </c>
      <c r="V20" s="113">
        <v>1675449</v>
      </c>
      <c r="W20" s="116">
        <v>1696701</v>
      </c>
      <c r="X20" s="110">
        <v>0</v>
      </c>
      <c r="Y20" s="114">
        <v>0</v>
      </c>
      <c r="Z20" s="113">
        <v>0</v>
      </c>
      <c r="AA20" s="110">
        <v>0</v>
      </c>
      <c r="AB20" s="114">
        <v>69657</v>
      </c>
      <c r="AC20" s="114">
        <v>92657</v>
      </c>
      <c r="AD20" s="114">
        <v>74638</v>
      </c>
      <c r="AE20" s="114">
        <v>0</v>
      </c>
      <c r="AF20" s="114">
        <v>305368</v>
      </c>
      <c r="AG20" s="113">
        <v>542320</v>
      </c>
      <c r="AH20" s="116">
        <v>542320</v>
      </c>
      <c r="AI20" s="110">
        <v>0</v>
      </c>
      <c r="AJ20" s="114">
        <v>0</v>
      </c>
      <c r="AK20" s="113">
        <v>0</v>
      </c>
      <c r="AL20" s="110">
        <v>0</v>
      </c>
      <c r="AM20" s="114">
        <v>0</v>
      </c>
      <c r="AN20" s="114">
        <v>0</v>
      </c>
      <c r="AO20" s="114">
        <v>0</v>
      </c>
      <c r="AP20" s="114">
        <v>0</v>
      </c>
      <c r="AQ20" s="114">
        <v>234516</v>
      </c>
      <c r="AR20" s="113">
        <v>234516</v>
      </c>
      <c r="AS20" s="116">
        <v>234516</v>
      </c>
      <c r="AT20" s="110">
        <v>0</v>
      </c>
      <c r="AU20" s="114">
        <v>0</v>
      </c>
      <c r="AV20" s="113">
        <v>0</v>
      </c>
      <c r="AW20" s="110">
        <v>0</v>
      </c>
      <c r="AX20" s="114">
        <v>13230</v>
      </c>
      <c r="AY20" s="114">
        <v>118663</v>
      </c>
      <c r="AZ20" s="114">
        <v>145865</v>
      </c>
      <c r="BA20" s="114">
        <v>67685</v>
      </c>
      <c r="BB20" s="114">
        <v>203499</v>
      </c>
      <c r="BC20" s="113">
        <v>548942</v>
      </c>
      <c r="BD20" s="116">
        <v>548942</v>
      </c>
      <c r="BE20" s="110">
        <v>0</v>
      </c>
      <c r="BF20" s="114">
        <v>0</v>
      </c>
      <c r="BG20" s="112">
        <v>0</v>
      </c>
      <c r="BH20" s="111">
        <v>0</v>
      </c>
      <c r="BI20" s="114">
        <v>0</v>
      </c>
      <c r="BJ20" s="114">
        <v>0</v>
      </c>
      <c r="BK20" s="114">
        <v>0</v>
      </c>
      <c r="BL20" s="114">
        <v>0</v>
      </c>
      <c r="BM20" s="114">
        <v>0</v>
      </c>
      <c r="BN20" s="113">
        <v>0</v>
      </c>
      <c r="BO20" s="116">
        <v>0</v>
      </c>
      <c r="BP20" s="110">
        <v>0</v>
      </c>
      <c r="BQ20" s="114">
        <v>21252</v>
      </c>
      <c r="BR20" s="113">
        <v>21252</v>
      </c>
      <c r="BS20" s="110">
        <v>0</v>
      </c>
      <c r="BT20" s="114">
        <v>79989</v>
      </c>
      <c r="BU20" s="114">
        <v>120435</v>
      </c>
      <c r="BV20" s="114">
        <v>73458</v>
      </c>
      <c r="BW20" s="114">
        <v>14588</v>
      </c>
      <c r="BX20" s="114">
        <v>61201</v>
      </c>
      <c r="BY20" s="113">
        <v>349671</v>
      </c>
      <c r="BZ20" s="116">
        <v>370923</v>
      </c>
      <c r="CA20" s="110">
        <v>0</v>
      </c>
      <c r="CB20" s="114">
        <v>33949</v>
      </c>
      <c r="CC20" s="113">
        <v>33949</v>
      </c>
      <c r="CD20" s="110">
        <v>0</v>
      </c>
      <c r="CE20" s="114">
        <v>238591</v>
      </c>
      <c r="CF20" s="114">
        <v>172230</v>
      </c>
      <c r="CG20" s="114">
        <v>395829</v>
      </c>
      <c r="CH20" s="114">
        <v>272656</v>
      </c>
      <c r="CI20" s="114">
        <v>141798</v>
      </c>
      <c r="CJ20" s="113">
        <v>1221104</v>
      </c>
      <c r="CK20" s="116">
        <v>1255053</v>
      </c>
      <c r="CL20" s="110">
        <v>0</v>
      </c>
      <c r="CM20" s="114">
        <v>0</v>
      </c>
      <c r="CN20" s="113">
        <v>0</v>
      </c>
      <c r="CO20" s="111">
        <v>0</v>
      </c>
      <c r="CP20" s="114">
        <v>150326</v>
      </c>
      <c r="CQ20" s="114">
        <v>47194</v>
      </c>
      <c r="CR20" s="114">
        <v>241145</v>
      </c>
      <c r="CS20" s="114">
        <v>108911</v>
      </c>
      <c r="CT20" s="114">
        <v>0</v>
      </c>
      <c r="CU20" s="113">
        <v>547576</v>
      </c>
      <c r="CV20" s="116">
        <v>547576</v>
      </c>
      <c r="CW20" s="110">
        <v>0</v>
      </c>
      <c r="CX20" s="114">
        <v>33949</v>
      </c>
      <c r="CY20" s="113">
        <v>33949</v>
      </c>
      <c r="CZ20" s="110">
        <v>0</v>
      </c>
      <c r="DA20" s="114">
        <v>88265</v>
      </c>
      <c r="DB20" s="114">
        <v>125036</v>
      </c>
      <c r="DC20" s="114">
        <v>154684</v>
      </c>
      <c r="DD20" s="114">
        <v>163745</v>
      </c>
      <c r="DE20" s="114">
        <v>141798</v>
      </c>
      <c r="DF20" s="113">
        <v>673528</v>
      </c>
      <c r="DG20" s="116">
        <v>707477</v>
      </c>
      <c r="DH20" s="110">
        <v>0</v>
      </c>
      <c r="DI20" s="114">
        <v>0</v>
      </c>
      <c r="DJ20" s="112">
        <v>0</v>
      </c>
      <c r="DK20" s="111">
        <v>0</v>
      </c>
      <c r="DL20" s="114">
        <v>0</v>
      </c>
      <c r="DM20" s="114">
        <v>71786</v>
      </c>
      <c r="DN20" s="114">
        <v>51072</v>
      </c>
      <c r="DO20" s="114">
        <v>494247</v>
      </c>
      <c r="DP20" s="114">
        <v>9993</v>
      </c>
      <c r="DQ20" s="113">
        <v>627098</v>
      </c>
      <c r="DR20" s="116">
        <v>627098</v>
      </c>
      <c r="DS20" s="110">
        <v>0</v>
      </c>
      <c r="DT20" s="114">
        <v>0</v>
      </c>
      <c r="DU20" s="113">
        <v>0</v>
      </c>
      <c r="DV20" s="110">
        <v>0</v>
      </c>
      <c r="DW20" s="114">
        <v>0</v>
      </c>
      <c r="DX20" s="114">
        <v>46791</v>
      </c>
      <c r="DY20" s="114">
        <v>51072</v>
      </c>
      <c r="DZ20" s="114">
        <v>494247</v>
      </c>
      <c r="EA20" s="114">
        <v>9993</v>
      </c>
      <c r="EB20" s="113">
        <v>602103</v>
      </c>
      <c r="EC20" s="116">
        <v>602103</v>
      </c>
      <c r="ED20" s="110">
        <v>0</v>
      </c>
      <c r="EE20" s="112">
        <v>0</v>
      </c>
      <c r="EF20" s="113">
        <v>0</v>
      </c>
      <c r="EG20" s="110">
        <v>0</v>
      </c>
      <c r="EH20" s="114">
        <v>0</v>
      </c>
      <c r="EI20" s="114">
        <v>24995</v>
      </c>
      <c r="EJ20" s="114">
        <v>0</v>
      </c>
      <c r="EK20" s="114">
        <v>0</v>
      </c>
      <c r="EL20" s="114">
        <v>0</v>
      </c>
      <c r="EM20" s="112">
        <v>24995</v>
      </c>
      <c r="EN20" s="116">
        <v>24995</v>
      </c>
      <c r="EO20" s="110">
        <v>0</v>
      </c>
      <c r="EP20" s="114">
        <v>0</v>
      </c>
      <c r="EQ20" s="112">
        <v>0</v>
      </c>
      <c r="ER20" s="111">
        <v>0</v>
      </c>
      <c r="ES20" s="114">
        <v>0</v>
      </c>
      <c r="ET20" s="114">
        <v>0</v>
      </c>
      <c r="EU20" s="114">
        <v>0</v>
      </c>
      <c r="EV20" s="114">
        <v>0</v>
      </c>
      <c r="EW20" s="114">
        <v>0</v>
      </c>
      <c r="EX20" s="113">
        <v>0</v>
      </c>
      <c r="EY20" s="116">
        <v>0</v>
      </c>
      <c r="EZ20" s="110">
        <v>0</v>
      </c>
      <c r="FA20" s="114">
        <v>0</v>
      </c>
      <c r="FB20" s="112">
        <v>0</v>
      </c>
      <c r="FC20" s="348"/>
      <c r="FD20" s="114">
        <v>0</v>
      </c>
      <c r="FE20" s="114">
        <v>0</v>
      </c>
      <c r="FF20" s="114">
        <v>0</v>
      </c>
      <c r="FG20" s="114">
        <v>0</v>
      </c>
      <c r="FH20" s="114">
        <v>0</v>
      </c>
      <c r="FI20" s="113">
        <v>0</v>
      </c>
      <c r="FJ20" s="116">
        <v>0</v>
      </c>
      <c r="FK20" s="110">
        <v>0</v>
      </c>
      <c r="FL20" s="114">
        <v>24500</v>
      </c>
      <c r="FM20" s="113">
        <v>24500</v>
      </c>
      <c r="FN20" s="110">
        <v>0</v>
      </c>
      <c r="FO20" s="114">
        <v>15904</v>
      </c>
      <c r="FP20" s="114">
        <v>111713</v>
      </c>
      <c r="FQ20" s="114">
        <v>118293</v>
      </c>
      <c r="FR20" s="114">
        <v>168168</v>
      </c>
      <c r="FS20" s="114">
        <v>104307</v>
      </c>
      <c r="FT20" s="113">
        <v>518385</v>
      </c>
      <c r="FU20" s="116">
        <v>542885</v>
      </c>
      <c r="FV20" s="115">
        <v>0</v>
      </c>
      <c r="FW20" s="114">
        <v>24500</v>
      </c>
      <c r="FX20" s="112">
        <v>24500</v>
      </c>
      <c r="FY20" s="111">
        <v>0</v>
      </c>
      <c r="FZ20" s="114">
        <v>15904</v>
      </c>
      <c r="GA20" s="114">
        <v>111713</v>
      </c>
      <c r="GB20" s="114">
        <v>118293</v>
      </c>
      <c r="GC20" s="114">
        <v>168168</v>
      </c>
      <c r="GD20" s="114">
        <v>104307</v>
      </c>
      <c r="GE20" s="113">
        <v>518385</v>
      </c>
      <c r="GF20" s="319">
        <v>542885</v>
      </c>
      <c r="GG20" s="115">
        <v>0</v>
      </c>
      <c r="GH20" s="114">
        <v>0</v>
      </c>
      <c r="GI20" s="112">
        <v>0</v>
      </c>
      <c r="GJ20" s="111">
        <v>0</v>
      </c>
      <c r="GK20" s="114">
        <v>0</v>
      </c>
      <c r="GL20" s="114">
        <v>0</v>
      </c>
      <c r="GM20" s="114">
        <v>0</v>
      </c>
      <c r="GN20" s="114">
        <v>0</v>
      </c>
      <c r="GO20" s="114">
        <v>0</v>
      </c>
      <c r="GP20" s="113">
        <v>0</v>
      </c>
      <c r="GQ20" s="116">
        <v>0</v>
      </c>
      <c r="GR20" s="110">
        <v>0</v>
      </c>
      <c r="GS20" s="114">
        <v>0</v>
      </c>
      <c r="GT20" s="113">
        <v>0</v>
      </c>
      <c r="GU20" s="110">
        <v>0</v>
      </c>
      <c r="GV20" s="114">
        <v>0</v>
      </c>
      <c r="GW20" s="114">
        <v>0</v>
      </c>
      <c r="GX20" s="114">
        <v>0</v>
      </c>
      <c r="GY20" s="114">
        <v>0</v>
      </c>
      <c r="GZ20" s="114">
        <v>0</v>
      </c>
      <c r="HA20" s="112">
        <v>0</v>
      </c>
      <c r="HB20" s="116">
        <v>0</v>
      </c>
      <c r="HC20" s="110">
        <v>102967</v>
      </c>
      <c r="HD20" s="114">
        <v>158911</v>
      </c>
      <c r="HE20" s="112">
        <v>261878</v>
      </c>
      <c r="HF20" s="111">
        <v>0</v>
      </c>
      <c r="HG20" s="114">
        <v>818261</v>
      </c>
      <c r="HH20" s="114">
        <v>575625</v>
      </c>
      <c r="HI20" s="114">
        <v>516314</v>
      </c>
      <c r="HJ20" s="114">
        <v>0</v>
      </c>
      <c r="HK20" s="114">
        <v>0</v>
      </c>
      <c r="HL20" s="113">
        <v>1910200</v>
      </c>
      <c r="HM20" s="109">
        <v>2172078</v>
      </c>
      <c r="HN20" s="329"/>
      <c r="HO20" s="330"/>
      <c r="HP20" s="331"/>
      <c r="HQ20" s="332"/>
      <c r="HR20" s="330"/>
      <c r="HS20" s="330"/>
      <c r="HT20" s="330"/>
      <c r="HU20" s="330"/>
      <c r="HV20" s="330"/>
      <c r="HW20" s="333"/>
      <c r="HX20" s="334"/>
      <c r="HY20" s="150">
        <v>0</v>
      </c>
      <c r="HZ20" s="135">
        <v>0</v>
      </c>
      <c r="IA20" s="150">
        <v>0</v>
      </c>
      <c r="IB20" s="134">
        <v>0</v>
      </c>
      <c r="IC20" s="135">
        <v>191004</v>
      </c>
      <c r="ID20" s="136">
        <v>524206</v>
      </c>
      <c r="IE20" s="137">
        <v>422301</v>
      </c>
      <c r="IF20" s="135">
        <v>490955</v>
      </c>
      <c r="IG20" s="137">
        <v>277946</v>
      </c>
      <c r="IH20" s="138">
        <v>1906412</v>
      </c>
      <c r="II20" s="150">
        <v>1906412</v>
      </c>
      <c r="IJ20" s="232">
        <v>0</v>
      </c>
      <c r="IK20" s="236">
        <v>0</v>
      </c>
      <c r="IL20" s="237">
        <v>0</v>
      </c>
      <c r="IM20" s="140"/>
      <c r="IN20" s="119">
        <v>0</v>
      </c>
      <c r="IO20" s="119">
        <v>61473</v>
      </c>
      <c r="IP20" s="119">
        <v>0</v>
      </c>
      <c r="IQ20" s="119">
        <v>0</v>
      </c>
      <c r="IR20" s="119">
        <v>0</v>
      </c>
      <c r="IS20" s="141">
        <v>61473</v>
      </c>
      <c r="IT20" s="321">
        <v>61473</v>
      </c>
      <c r="IU20" s="142">
        <v>0</v>
      </c>
      <c r="IV20" s="119">
        <v>0</v>
      </c>
      <c r="IW20" s="120">
        <v>0</v>
      </c>
      <c r="IX20" s="144"/>
      <c r="IY20" s="119">
        <v>0</v>
      </c>
      <c r="IZ20" s="119">
        <v>0</v>
      </c>
      <c r="JA20" s="119">
        <v>0</v>
      </c>
      <c r="JB20" s="119">
        <v>0</v>
      </c>
      <c r="JC20" s="119">
        <v>0</v>
      </c>
      <c r="JD20" s="120">
        <v>0</v>
      </c>
      <c r="JE20" s="121">
        <v>0</v>
      </c>
      <c r="JF20" s="142">
        <v>0</v>
      </c>
      <c r="JG20" s="119">
        <v>0</v>
      </c>
      <c r="JH20" s="141">
        <v>0</v>
      </c>
      <c r="JI20" s="118">
        <v>0</v>
      </c>
      <c r="JJ20" s="119">
        <v>191004</v>
      </c>
      <c r="JK20" s="119">
        <v>257215</v>
      </c>
      <c r="JL20" s="119">
        <v>43090</v>
      </c>
      <c r="JM20" s="119">
        <v>205538</v>
      </c>
      <c r="JN20" s="119">
        <v>61666</v>
      </c>
      <c r="JO20" s="120">
        <v>758513</v>
      </c>
      <c r="JP20" s="321">
        <v>758513</v>
      </c>
      <c r="JQ20" s="142">
        <v>0</v>
      </c>
      <c r="JR20" s="119">
        <v>0</v>
      </c>
      <c r="JS20" s="141">
        <v>0</v>
      </c>
      <c r="JT20" s="118">
        <v>0</v>
      </c>
      <c r="JU20" s="119">
        <v>0</v>
      </c>
      <c r="JV20" s="119">
        <v>0</v>
      </c>
      <c r="JW20" s="119">
        <v>0</v>
      </c>
      <c r="JX20" s="119">
        <v>0</v>
      </c>
      <c r="JY20" s="119">
        <v>0</v>
      </c>
      <c r="JZ20" s="120">
        <v>0</v>
      </c>
      <c r="KA20" s="321">
        <v>0</v>
      </c>
      <c r="KB20" s="234">
        <v>0</v>
      </c>
      <c r="KC20" s="230">
        <v>0</v>
      </c>
      <c r="KD20" s="120">
        <v>0</v>
      </c>
      <c r="KE20" s="118">
        <v>0</v>
      </c>
      <c r="KF20" s="119">
        <v>0</v>
      </c>
      <c r="KG20" s="119">
        <v>0</v>
      </c>
      <c r="KH20" s="119">
        <v>0</v>
      </c>
      <c r="KI20" s="119">
        <v>0</v>
      </c>
      <c r="KJ20" s="119">
        <v>0</v>
      </c>
      <c r="KK20" s="120">
        <v>0</v>
      </c>
      <c r="KL20" s="143">
        <v>0</v>
      </c>
      <c r="KM20" s="232">
        <v>0</v>
      </c>
      <c r="KN20" s="236">
        <v>0</v>
      </c>
      <c r="KO20" s="237">
        <v>0</v>
      </c>
      <c r="KP20" s="140"/>
      <c r="KQ20" s="119">
        <v>0</v>
      </c>
      <c r="KR20" s="119">
        <v>205518</v>
      </c>
      <c r="KS20" s="119">
        <v>208451</v>
      </c>
      <c r="KT20" s="119">
        <v>285417</v>
      </c>
      <c r="KU20" s="119">
        <v>216280</v>
      </c>
      <c r="KV20" s="120">
        <v>915666</v>
      </c>
      <c r="KW20" s="321">
        <v>915666</v>
      </c>
      <c r="KX20" s="142">
        <v>0</v>
      </c>
      <c r="KY20" s="119">
        <v>0</v>
      </c>
      <c r="KZ20" s="120">
        <v>0</v>
      </c>
      <c r="LA20" s="145"/>
      <c r="LB20" s="119">
        <v>0</v>
      </c>
      <c r="LC20" s="119">
        <v>0</v>
      </c>
      <c r="LD20" s="119">
        <v>0</v>
      </c>
      <c r="LE20" s="119">
        <v>0</v>
      </c>
      <c r="LF20" s="119">
        <v>0</v>
      </c>
      <c r="LG20" s="120">
        <v>0</v>
      </c>
      <c r="LH20" s="121">
        <v>0</v>
      </c>
      <c r="LI20" s="142">
        <v>0</v>
      </c>
      <c r="LJ20" s="119">
        <v>0</v>
      </c>
      <c r="LK20" s="120">
        <v>0</v>
      </c>
      <c r="LL20" s="145"/>
      <c r="LM20" s="119">
        <v>0</v>
      </c>
      <c r="LN20" s="119">
        <v>0</v>
      </c>
      <c r="LO20" s="119">
        <v>170760</v>
      </c>
      <c r="LP20" s="119">
        <v>0</v>
      </c>
      <c r="LQ20" s="119">
        <v>0</v>
      </c>
      <c r="LR20" s="120">
        <v>170760</v>
      </c>
      <c r="LS20" s="321">
        <v>170760</v>
      </c>
      <c r="LT20" s="142">
        <v>0</v>
      </c>
      <c r="LU20" s="119">
        <v>0</v>
      </c>
      <c r="LV20" s="120">
        <v>0</v>
      </c>
      <c r="LW20" s="145"/>
      <c r="LX20" s="119">
        <v>0</v>
      </c>
      <c r="LY20" s="119">
        <v>0</v>
      </c>
      <c r="LZ20" s="119">
        <v>0</v>
      </c>
      <c r="MA20" s="119">
        <v>0</v>
      </c>
      <c r="MB20" s="119">
        <v>0</v>
      </c>
      <c r="MC20" s="120">
        <v>0</v>
      </c>
      <c r="MD20" s="121">
        <v>0</v>
      </c>
      <c r="ME20" s="142">
        <v>0</v>
      </c>
      <c r="MF20" s="119">
        <v>0</v>
      </c>
      <c r="MG20" s="120">
        <v>0</v>
      </c>
      <c r="MH20" s="145"/>
      <c r="MI20" s="119">
        <v>183693</v>
      </c>
      <c r="MJ20" s="119">
        <v>0</v>
      </c>
      <c r="MK20" s="119">
        <v>225755</v>
      </c>
      <c r="ML20" s="119">
        <v>459893</v>
      </c>
      <c r="MM20" s="119">
        <v>252347</v>
      </c>
      <c r="MN20" s="120">
        <v>1121688</v>
      </c>
      <c r="MO20" s="143">
        <v>1121688</v>
      </c>
      <c r="MP20" s="142">
        <v>0</v>
      </c>
      <c r="MQ20" s="119">
        <v>0</v>
      </c>
      <c r="MR20" s="120">
        <v>0</v>
      </c>
      <c r="MS20" s="145"/>
      <c r="MT20" s="119">
        <v>0</v>
      </c>
      <c r="MU20" s="119">
        <v>0</v>
      </c>
      <c r="MV20" s="119">
        <v>0</v>
      </c>
      <c r="MW20" s="119">
        <v>208923</v>
      </c>
      <c r="MX20" s="119">
        <v>252347</v>
      </c>
      <c r="MY20" s="120">
        <v>461270</v>
      </c>
      <c r="MZ20" s="143">
        <v>461270</v>
      </c>
      <c r="NA20" s="142">
        <v>0</v>
      </c>
      <c r="NB20" s="119">
        <v>0</v>
      </c>
      <c r="NC20" s="120">
        <v>0</v>
      </c>
      <c r="ND20" s="145">
        <v>0</v>
      </c>
      <c r="NE20" s="119">
        <v>183693</v>
      </c>
      <c r="NF20" s="119">
        <v>0</v>
      </c>
      <c r="NG20" s="119">
        <v>225755</v>
      </c>
      <c r="NH20" s="119">
        <v>250970</v>
      </c>
      <c r="NI20" s="119">
        <v>0</v>
      </c>
      <c r="NJ20" s="120">
        <v>660418</v>
      </c>
      <c r="NK20" s="321">
        <v>660418</v>
      </c>
      <c r="NL20" s="142">
        <v>0</v>
      </c>
      <c r="NM20" s="119">
        <v>0</v>
      </c>
      <c r="NN20" s="120">
        <v>0</v>
      </c>
      <c r="NO20" s="145"/>
      <c r="NP20" s="119">
        <v>0</v>
      </c>
      <c r="NQ20" s="119">
        <v>0</v>
      </c>
      <c r="NR20" s="119">
        <v>0</v>
      </c>
      <c r="NS20" s="119">
        <v>0</v>
      </c>
      <c r="NT20" s="119">
        <v>0</v>
      </c>
      <c r="NU20" s="120">
        <v>0</v>
      </c>
      <c r="NV20" s="121">
        <v>0</v>
      </c>
      <c r="NW20" s="142">
        <v>0</v>
      </c>
      <c r="NX20" s="119">
        <v>0</v>
      </c>
      <c r="NY20" s="120">
        <v>0</v>
      </c>
      <c r="NZ20" s="145"/>
      <c r="OA20" s="119">
        <v>0</v>
      </c>
      <c r="OB20" s="119">
        <v>0</v>
      </c>
      <c r="OC20" s="119">
        <v>0</v>
      </c>
      <c r="OD20" s="119">
        <v>0</v>
      </c>
      <c r="OE20" s="119">
        <v>0</v>
      </c>
      <c r="OF20" s="120">
        <v>0</v>
      </c>
      <c r="OG20" s="121">
        <v>0</v>
      </c>
      <c r="OH20" s="142">
        <v>102967</v>
      </c>
      <c r="OI20" s="119">
        <v>238612</v>
      </c>
      <c r="OJ20" s="141">
        <v>341579</v>
      </c>
      <c r="OK20" s="118">
        <v>0</v>
      </c>
      <c r="OL20" s="119">
        <v>1610329</v>
      </c>
      <c r="OM20" s="119">
        <v>1787315</v>
      </c>
      <c r="ON20" s="119">
        <v>2023525</v>
      </c>
      <c r="OO20" s="119">
        <v>1968192</v>
      </c>
      <c r="OP20" s="119">
        <v>1590975</v>
      </c>
      <c r="OQ20" s="120">
        <v>8980336</v>
      </c>
      <c r="OR20" s="143">
        <v>9321915</v>
      </c>
    </row>
    <row r="21" spans="1:408" ht="20.25" customHeight="1" x14ac:dyDescent="0.2">
      <c r="A21" s="126" t="s">
        <v>16</v>
      </c>
      <c r="B21" s="110">
        <v>510263</v>
      </c>
      <c r="C21" s="114">
        <v>333816</v>
      </c>
      <c r="D21" s="113">
        <v>844079</v>
      </c>
      <c r="E21" s="109">
        <v>0</v>
      </c>
      <c r="F21" s="114">
        <v>3824678</v>
      </c>
      <c r="G21" s="114">
        <v>5448419</v>
      </c>
      <c r="H21" s="114">
        <v>2753250</v>
      </c>
      <c r="I21" s="114">
        <v>3480273</v>
      </c>
      <c r="J21" s="114">
        <v>2550306</v>
      </c>
      <c r="K21" s="109">
        <v>18056926</v>
      </c>
      <c r="L21" s="116">
        <v>18901005</v>
      </c>
      <c r="M21" s="110">
        <v>52228</v>
      </c>
      <c r="N21" s="114">
        <v>41151</v>
      </c>
      <c r="O21" s="113">
        <v>93379</v>
      </c>
      <c r="P21" s="110">
        <v>0</v>
      </c>
      <c r="Q21" s="114">
        <v>550868</v>
      </c>
      <c r="R21" s="114">
        <v>1203903</v>
      </c>
      <c r="S21" s="114">
        <v>944128</v>
      </c>
      <c r="T21" s="114">
        <v>636271</v>
      </c>
      <c r="U21" s="114">
        <v>664322</v>
      </c>
      <c r="V21" s="113">
        <v>3999492</v>
      </c>
      <c r="W21" s="116">
        <v>4092871</v>
      </c>
      <c r="X21" s="110">
        <v>0</v>
      </c>
      <c r="Y21" s="114">
        <v>0</v>
      </c>
      <c r="Z21" s="113">
        <v>0</v>
      </c>
      <c r="AA21" s="110">
        <v>0</v>
      </c>
      <c r="AB21" s="114">
        <v>140631</v>
      </c>
      <c r="AC21" s="114">
        <v>499864</v>
      </c>
      <c r="AD21" s="114">
        <v>459231</v>
      </c>
      <c r="AE21" s="114">
        <v>312410</v>
      </c>
      <c r="AF21" s="114">
        <v>228958</v>
      </c>
      <c r="AG21" s="113">
        <v>1641094</v>
      </c>
      <c r="AH21" s="116">
        <v>1641094</v>
      </c>
      <c r="AI21" s="110">
        <v>0</v>
      </c>
      <c r="AJ21" s="114">
        <v>0</v>
      </c>
      <c r="AK21" s="113">
        <v>0</v>
      </c>
      <c r="AL21" s="110">
        <v>0</v>
      </c>
      <c r="AM21" s="114">
        <v>0</v>
      </c>
      <c r="AN21" s="114">
        <v>39445</v>
      </c>
      <c r="AO21" s="114">
        <v>61858</v>
      </c>
      <c r="AP21" s="114">
        <v>0</v>
      </c>
      <c r="AQ21" s="114">
        <v>134621</v>
      </c>
      <c r="AR21" s="113">
        <v>235924</v>
      </c>
      <c r="AS21" s="116">
        <v>235924</v>
      </c>
      <c r="AT21" s="110">
        <v>18306</v>
      </c>
      <c r="AU21" s="114">
        <v>41151</v>
      </c>
      <c r="AV21" s="113">
        <v>59457</v>
      </c>
      <c r="AW21" s="110">
        <v>0</v>
      </c>
      <c r="AX21" s="114">
        <v>211024</v>
      </c>
      <c r="AY21" s="114">
        <v>540169</v>
      </c>
      <c r="AZ21" s="114">
        <v>255719</v>
      </c>
      <c r="BA21" s="114">
        <v>129296</v>
      </c>
      <c r="BB21" s="114">
        <v>140737</v>
      </c>
      <c r="BC21" s="113">
        <v>1276945</v>
      </c>
      <c r="BD21" s="116">
        <v>1336402</v>
      </c>
      <c r="BE21" s="110">
        <v>0</v>
      </c>
      <c r="BF21" s="114">
        <v>0</v>
      </c>
      <c r="BG21" s="112">
        <v>0</v>
      </c>
      <c r="BH21" s="111">
        <v>0</v>
      </c>
      <c r="BI21" s="114">
        <v>0</v>
      </c>
      <c r="BJ21" s="114">
        <v>0</v>
      </c>
      <c r="BK21" s="114">
        <v>54809</v>
      </c>
      <c r="BL21" s="114">
        <v>0</v>
      </c>
      <c r="BM21" s="114">
        <v>27650</v>
      </c>
      <c r="BN21" s="113">
        <v>82459</v>
      </c>
      <c r="BO21" s="116">
        <v>82459</v>
      </c>
      <c r="BP21" s="110">
        <v>33922</v>
      </c>
      <c r="BQ21" s="114">
        <v>0</v>
      </c>
      <c r="BR21" s="113">
        <v>33922</v>
      </c>
      <c r="BS21" s="110">
        <v>0</v>
      </c>
      <c r="BT21" s="114">
        <v>199213</v>
      </c>
      <c r="BU21" s="114">
        <v>124425</v>
      </c>
      <c r="BV21" s="114">
        <v>112511</v>
      </c>
      <c r="BW21" s="114">
        <v>194565</v>
      </c>
      <c r="BX21" s="114">
        <v>132356</v>
      </c>
      <c r="BY21" s="113">
        <v>763070</v>
      </c>
      <c r="BZ21" s="116">
        <v>796992</v>
      </c>
      <c r="CA21" s="110">
        <v>91930</v>
      </c>
      <c r="CB21" s="114">
        <v>168219</v>
      </c>
      <c r="CC21" s="113">
        <v>260149</v>
      </c>
      <c r="CD21" s="110">
        <v>0</v>
      </c>
      <c r="CE21" s="114">
        <v>1184649</v>
      </c>
      <c r="CF21" s="114">
        <v>2147676</v>
      </c>
      <c r="CG21" s="114">
        <v>1124661</v>
      </c>
      <c r="CH21" s="114">
        <v>181880</v>
      </c>
      <c r="CI21" s="114">
        <v>77373</v>
      </c>
      <c r="CJ21" s="113">
        <v>4716239</v>
      </c>
      <c r="CK21" s="116">
        <v>4976388</v>
      </c>
      <c r="CL21" s="110">
        <v>0</v>
      </c>
      <c r="CM21" s="114">
        <v>0</v>
      </c>
      <c r="CN21" s="113">
        <v>0</v>
      </c>
      <c r="CO21" s="111">
        <v>0</v>
      </c>
      <c r="CP21" s="114">
        <v>783502</v>
      </c>
      <c r="CQ21" s="114">
        <v>1115890</v>
      </c>
      <c r="CR21" s="114">
        <v>692396</v>
      </c>
      <c r="CS21" s="114">
        <v>181880</v>
      </c>
      <c r="CT21" s="114">
        <v>77373</v>
      </c>
      <c r="CU21" s="113">
        <v>2851041</v>
      </c>
      <c r="CV21" s="116">
        <v>2851041</v>
      </c>
      <c r="CW21" s="110">
        <v>91930</v>
      </c>
      <c r="CX21" s="114">
        <v>168219</v>
      </c>
      <c r="CY21" s="113">
        <v>260149</v>
      </c>
      <c r="CZ21" s="110">
        <v>0</v>
      </c>
      <c r="DA21" s="114">
        <v>401147</v>
      </c>
      <c r="DB21" s="114">
        <v>1031786</v>
      </c>
      <c r="DC21" s="114">
        <v>432265</v>
      </c>
      <c r="DD21" s="114">
        <v>0</v>
      </c>
      <c r="DE21" s="114">
        <v>0</v>
      </c>
      <c r="DF21" s="113">
        <v>1865198</v>
      </c>
      <c r="DG21" s="116">
        <v>2125347</v>
      </c>
      <c r="DH21" s="110">
        <v>0</v>
      </c>
      <c r="DI21" s="114">
        <v>0</v>
      </c>
      <c r="DJ21" s="112">
        <v>0</v>
      </c>
      <c r="DK21" s="111">
        <v>0</v>
      </c>
      <c r="DL21" s="114">
        <v>232436</v>
      </c>
      <c r="DM21" s="114">
        <v>125513</v>
      </c>
      <c r="DN21" s="114">
        <v>59711</v>
      </c>
      <c r="DO21" s="114">
        <v>22632</v>
      </c>
      <c r="DP21" s="114">
        <v>89707</v>
      </c>
      <c r="DQ21" s="113">
        <v>529999</v>
      </c>
      <c r="DR21" s="116">
        <v>529999</v>
      </c>
      <c r="DS21" s="110">
        <v>0</v>
      </c>
      <c r="DT21" s="114">
        <v>0</v>
      </c>
      <c r="DU21" s="113">
        <v>0</v>
      </c>
      <c r="DV21" s="110">
        <v>0</v>
      </c>
      <c r="DW21" s="114">
        <v>143844</v>
      </c>
      <c r="DX21" s="114">
        <v>125513</v>
      </c>
      <c r="DY21" s="114">
        <v>59711</v>
      </c>
      <c r="DZ21" s="114">
        <v>22632</v>
      </c>
      <c r="EA21" s="114">
        <v>89707</v>
      </c>
      <c r="EB21" s="113">
        <v>441407</v>
      </c>
      <c r="EC21" s="116">
        <v>441407</v>
      </c>
      <c r="ED21" s="110">
        <v>0</v>
      </c>
      <c r="EE21" s="112">
        <v>0</v>
      </c>
      <c r="EF21" s="113">
        <v>0</v>
      </c>
      <c r="EG21" s="110">
        <v>0</v>
      </c>
      <c r="EH21" s="114">
        <v>88592</v>
      </c>
      <c r="EI21" s="114">
        <v>0</v>
      </c>
      <c r="EJ21" s="114">
        <v>0</v>
      </c>
      <c r="EK21" s="114">
        <v>0</v>
      </c>
      <c r="EL21" s="114">
        <v>0</v>
      </c>
      <c r="EM21" s="112">
        <v>88592</v>
      </c>
      <c r="EN21" s="116">
        <v>88592</v>
      </c>
      <c r="EO21" s="110">
        <v>0</v>
      </c>
      <c r="EP21" s="114">
        <v>0</v>
      </c>
      <c r="EQ21" s="112">
        <v>0</v>
      </c>
      <c r="ER21" s="111">
        <v>0</v>
      </c>
      <c r="ES21" s="114">
        <v>0</v>
      </c>
      <c r="ET21" s="114">
        <v>0</v>
      </c>
      <c r="EU21" s="114">
        <v>0</v>
      </c>
      <c r="EV21" s="114">
        <v>0</v>
      </c>
      <c r="EW21" s="114">
        <v>0</v>
      </c>
      <c r="EX21" s="113">
        <v>0</v>
      </c>
      <c r="EY21" s="116">
        <v>0</v>
      </c>
      <c r="EZ21" s="110">
        <v>0</v>
      </c>
      <c r="FA21" s="114">
        <v>0</v>
      </c>
      <c r="FB21" s="112">
        <v>0</v>
      </c>
      <c r="FC21" s="348"/>
      <c r="FD21" s="114">
        <v>0</v>
      </c>
      <c r="FE21" s="114">
        <v>0</v>
      </c>
      <c r="FF21" s="114">
        <v>0</v>
      </c>
      <c r="FG21" s="114">
        <v>0</v>
      </c>
      <c r="FH21" s="114">
        <v>0</v>
      </c>
      <c r="FI21" s="113">
        <v>0</v>
      </c>
      <c r="FJ21" s="116">
        <v>0</v>
      </c>
      <c r="FK21" s="110">
        <v>139806</v>
      </c>
      <c r="FL21" s="114">
        <v>124446</v>
      </c>
      <c r="FM21" s="113">
        <v>264252</v>
      </c>
      <c r="FN21" s="110">
        <v>0</v>
      </c>
      <c r="FO21" s="114">
        <v>75698</v>
      </c>
      <c r="FP21" s="114">
        <v>339773</v>
      </c>
      <c r="FQ21" s="114">
        <v>112004</v>
      </c>
      <c r="FR21" s="114">
        <v>273889</v>
      </c>
      <c r="FS21" s="114">
        <v>250411</v>
      </c>
      <c r="FT21" s="113">
        <v>1051775</v>
      </c>
      <c r="FU21" s="116">
        <v>1316027</v>
      </c>
      <c r="FV21" s="115">
        <v>36610</v>
      </c>
      <c r="FW21" s="114">
        <v>124446</v>
      </c>
      <c r="FX21" s="112">
        <v>161056</v>
      </c>
      <c r="FY21" s="111">
        <v>0</v>
      </c>
      <c r="FZ21" s="114">
        <v>75698</v>
      </c>
      <c r="GA21" s="114">
        <v>320677</v>
      </c>
      <c r="GB21" s="114">
        <v>112004</v>
      </c>
      <c r="GC21" s="114">
        <v>169169</v>
      </c>
      <c r="GD21" s="114">
        <v>250411</v>
      </c>
      <c r="GE21" s="113">
        <v>927959</v>
      </c>
      <c r="GF21" s="319">
        <v>1089015</v>
      </c>
      <c r="GG21" s="115">
        <v>0</v>
      </c>
      <c r="GH21" s="114">
        <v>0</v>
      </c>
      <c r="GI21" s="112">
        <v>0</v>
      </c>
      <c r="GJ21" s="111">
        <v>0</v>
      </c>
      <c r="GK21" s="114">
        <v>0</v>
      </c>
      <c r="GL21" s="114">
        <v>19096</v>
      </c>
      <c r="GM21" s="114">
        <v>0</v>
      </c>
      <c r="GN21" s="114">
        <v>27720</v>
      </c>
      <c r="GO21" s="114">
        <v>0</v>
      </c>
      <c r="GP21" s="113">
        <v>46816</v>
      </c>
      <c r="GQ21" s="116">
        <v>46816</v>
      </c>
      <c r="GR21" s="110">
        <v>103196</v>
      </c>
      <c r="GS21" s="114">
        <v>0</v>
      </c>
      <c r="GT21" s="113">
        <v>103196</v>
      </c>
      <c r="GU21" s="110">
        <v>0</v>
      </c>
      <c r="GV21" s="114">
        <v>0</v>
      </c>
      <c r="GW21" s="114">
        <v>0</v>
      </c>
      <c r="GX21" s="114">
        <v>0</v>
      </c>
      <c r="GY21" s="114">
        <v>77000</v>
      </c>
      <c r="GZ21" s="114">
        <v>0</v>
      </c>
      <c r="HA21" s="112">
        <v>77000</v>
      </c>
      <c r="HB21" s="116">
        <v>180196</v>
      </c>
      <c r="HC21" s="110">
        <v>226299</v>
      </c>
      <c r="HD21" s="114">
        <v>0</v>
      </c>
      <c r="HE21" s="112">
        <v>226299</v>
      </c>
      <c r="HF21" s="111">
        <v>0</v>
      </c>
      <c r="HG21" s="114">
        <v>1781027</v>
      </c>
      <c r="HH21" s="114">
        <v>1631554</v>
      </c>
      <c r="HI21" s="114">
        <v>512746</v>
      </c>
      <c r="HJ21" s="114">
        <v>2365601</v>
      </c>
      <c r="HK21" s="114">
        <v>1468493</v>
      </c>
      <c r="HL21" s="113">
        <v>7759421</v>
      </c>
      <c r="HM21" s="109">
        <v>7985720</v>
      </c>
      <c r="HN21" s="329"/>
      <c r="HO21" s="330"/>
      <c r="HP21" s="331"/>
      <c r="HQ21" s="332"/>
      <c r="HR21" s="330"/>
      <c r="HS21" s="330"/>
      <c r="HT21" s="330"/>
      <c r="HU21" s="330"/>
      <c r="HV21" s="330"/>
      <c r="HW21" s="333"/>
      <c r="HX21" s="334"/>
      <c r="HY21" s="131">
        <v>0</v>
      </c>
      <c r="HZ21" s="132">
        <v>0</v>
      </c>
      <c r="IA21" s="133">
        <v>0</v>
      </c>
      <c r="IB21" s="146">
        <v>0</v>
      </c>
      <c r="IC21" s="132">
        <v>481879</v>
      </c>
      <c r="ID21" s="147">
        <v>516428</v>
      </c>
      <c r="IE21" s="133">
        <v>811068</v>
      </c>
      <c r="IF21" s="132">
        <v>214813</v>
      </c>
      <c r="IG21" s="133">
        <v>902242</v>
      </c>
      <c r="IH21" s="148">
        <v>2926430</v>
      </c>
      <c r="II21" s="139">
        <v>2926430</v>
      </c>
      <c r="IJ21" s="232">
        <v>0</v>
      </c>
      <c r="IK21" s="236">
        <v>0</v>
      </c>
      <c r="IL21" s="237">
        <v>0</v>
      </c>
      <c r="IM21" s="140"/>
      <c r="IN21" s="119">
        <v>0</v>
      </c>
      <c r="IO21" s="119">
        <v>0</v>
      </c>
      <c r="IP21" s="119">
        <v>0</v>
      </c>
      <c r="IQ21" s="119">
        <v>0</v>
      </c>
      <c r="IR21" s="119">
        <v>230723</v>
      </c>
      <c r="IS21" s="141">
        <v>230723</v>
      </c>
      <c r="IT21" s="321">
        <v>230723</v>
      </c>
      <c r="IU21" s="142">
        <v>0</v>
      </c>
      <c r="IV21" s="119">
        <v>0</v>
      </c>
      <c r="IW21" s="120">
        <v>0</v>
      </c>
      <c r="IX21" s="144"/>
      <c r="IY21" s="119">
        <v>0</v>
      </c>
      <c r="IZ21" s="119">
        <v>0</v>
      </c>
      <c r="JA21" s="119">
        <v>13727</v>
      </c>
      <c r="JB21" s="119">
        <v>0</v>
      </c>
      <c r="JC21" s="119">
        <v>0</v>
      </c>
      <c r="JD21" s="120">
        <v>13727</v>
      </c>
      <c r="JE21" s="121">
        <v>13727</v>
      </c>
      <c r="JF21" s="142">
        <v>0</v>
      </c>
      <c r="JG21" s="119">
        <v>0</v>
      </c>
      <c r="JH21" s="141">
        <v>0</v>
      </c>
      <c r="JI21" s="118">
        <v>0</v>
      </c>
      <c r="JJ21" s="119">
        <v>283859</v>
      </c>
      <c r="JK21" s="119">
        <v>174860</v>
      </c>
      <c r="JL21" s="119">
        <v>267031</v>
      </c>
      <c r="JM21" s="119">
        <v>0</v>
      </c>
      <c r="JN21" s="119">
        <v>190565</v>
      </c>
      <c r="JO21" s="120">
        <v>916315</v>
      </c>
      <c r="JP21" s="321">
        <v>916315</v>
      </c>
      <c r="JQ21" s="142">
        <v>0</v>
      </c>
      <c r="JR21" s="119">
        <v>0</v>
      </c>
      <c r="JS21" s="141">
        <v>0</v>
      </c>
      <c r="JT21" s="118">
        <v>0</v>
      </c>
      <c r="JU21" s="119">
        <v>0</v>
      </c>
      <c r="JV21" s="119">
        <v>137106</v>
      </c>
      <c r="JW21" s="119">
        <v>103070</v>
      </c>
      <c r="JX21" s="119">
        <v>0</v>
      </c>
      <c r="JY21" s="119">
        <v>0</v>
      </c>
      <c r="JZ21" s="120">
        <v>240176</v>
      </c>
      <c r="KA21" s="321">
        <v>240176</v>
      </c>
      <c r="KB21" s="234">
        <v>0</v>
      </c>
      <c r="KC21" s="230">
        <v>0</v>
      </c>
      <c r="KD21" s="120">
        <v>0</v>
      </c>
      <c r="KE21" s="118">
        <v>0</v>
      </c>
      <c r="KF21" s="119">
        <v>0</v>
      </c>
      <c r="KG21" s="119">
        <v>0</v>
      </c>
      <c r="KH21" s="119">
        <v>0</v>
      </c>
      <c r="KI21" s="119">
        <v>0</v>
      </c>
      <c r="KJ21" s="119">
        <v>480954</v>
      </c>
      <c r="KK21" s="120">
        <v>480954</v>
      </c>
      <c r="KL21" s="143">
        <v>480954</v>
      </c>
      <c r="KM21" s="232">
        <v>0</v>
      </c>
      <c r="KN21" s="236">
        <v>0</v>
      </c>
      <c r="KO21" s="237">
        <v>0</v>
      </c>
      <c r="KP21" s="140"/>
      <c r="KQ21" s="119">
        <v>198020</v>
      </c>
      <c r="KR21" s="119">
        <v>204462</v>
      </c>
      <c r="KS21" s="119">
        <v>427240</v>
      </c>
      <c r="KT21" s="119">
        <v>214813</v>
      </c>
      <c r="KU21" s="119">
        <v>0</v>
      </c>
      <c r="KV21" s="120">
        <v>1044535</v>
      </c>
      <c r="KW21" s="321">
        <v>1044535</v>
      </c>
      <c r="KX21" s="142">
        <v>0</v>
      </c>
      <c r="KY21" s="119">
        <v>0</v>
      </c>
      <c r="KZ21" s="120">
        <v>0</v>
      </c>
      <c r="LA21" s="145"/>
      <c r="LB21" s="119">
        <v>0</v>
      </c>
      <c r="LC21" s="119">
        <v>0</v>
      </c>
      <c r="LD21" s="119">
        <v>0</v>
      </c>
      <c r="LE21" s="119">
        <v>0</v>
      </c>
      <c r="LF21" s="119">
        <v>0</v>
      </c>
      <c r="LG21" s="120">
        <v>0</v>
      </c>
      <c r="LH21" s="121">
        <v>0</v>
      </c>
      <c r="LI21" s="142">
        <v>0</v>
      </c>
      <c r="LJ21" s="119">
        <v>0</v>
      </c>
      <c r="LK21" s="120">
        <v>0</v>
      </c>
      <c r="LL21" s="145"/>
      <c r="LM21" s="119">
        <v>0</v>
      </c>
      <c r="LN21" s="119">
        <v>0</v>
      </c>
      <c r="LO21" s="119">
        <v>0</v>
      </c>
      <c r="LP21" s="119">
        <v>0</v>
      </c>
      <c r="LQ21" s="119">
        <v>0</v>
      </c>
      <c r="LR21" s="120">
        <v>0</v>
      </c>
      <c r="LS21" s="321">
        <v>0</v>
      </c>
      <c r="LT21" s="142">
        <v>0</v>
      </c>
      <c r="LU21" s="119">
        <v>0</v>
      </c>
      <c r="LV21" s="120">
        <v>0</v>
      </c>
      <c r="LW21" s="145"/>
      <c r="LX21" s="119">
        <v>0</v>
      </c>
      <c r="LY21" s="119">
        <v>0</v>
      </c>
      <c r="LZ21" s="119">
        <v>0</v>
      </c>
      <c r="MA21" s="119">
        <v>0</v>
      </c>
      <c r="MB21" s="119">
        <v>0</v>
      </c>
      <c r="MC21" s="120">
        <v>0</v>
      </c>
      <c r="MD21" s="121">
        <v>0</v>
      </c>
      <c r="ME21" s="142">
        <v>0</v>
      </c>
      <c r="MF21" s="119">
        <v>0</v>
      </c>
      <c r="MG21" s="120">
        <v>0</v>
      </c>
      <c r="MH21" s="145"/>
      <c r="MI21" s="119">
        <v>200263</v>
      </c>
      <c r="MJ21" s="119">
        <v>658782</v>
      </c>
      <c r="MK21" s="119">
        <v>2025195</v>
      </c>
      <c r="ML21" s="119">
        <v>3193072</v>
      </c>
      <c r="MM21" s="119">
        <v>1033895</v>
      </c>
      <c r="MN21" s="120">
        <v>7111207</v>
      </c>
      <c r="MO21" s="143">
        <v>7111207</v>
      </c>
      <c r="MP21" s="142">
        <v>0</v>
      </c>
      <c r="MQ21" s="119">
        <v>0</v>
      </c>
      <c r="MR21" s="120">
        <v>0</v>
      </c>
      <c r="MS21" s="145"/>
      <c r="MT21" s="119">
        <v>0</v>
      </c>
      <c r="MU21" s="119">
        <v>0</v>
      </c>
      <c r="MV21" s="119">
        <v>1162785</v>
      </c>
      <c r="MW21" s="119">
        <v>1530904</v>
      </c>
      <c r="MX21" s="119">
        <v>295308</v>
      </c>
      <c r="MY21" s="120">
        <v>2988997</v>
      </c>
      <c r="MZ21" s="143">
        <v>2988997</v>
      </c>
      <c r="NA21" s="142">
        <v>0</v>
      </c>
      <c r="NB21" s="119">
        <v>0</v>
      </c>
      <c r="NC21" s="120">
        <v>0</v>
      </c>
      <c r="ND21" s="145">
        <v>0</v>
      </c>
      <c r="NE21" s="119">
        <v>200263</v>
      </c>
      <c r="NF21" s="119">
        <v>658782</v>
      </c>
      <c r="NG21" s="119">
        <v>862410</v>
      </c>
      <c r="NH21" s="119">
        <v>1016980</v>
      </c>
      <c r="NI21" s="119">
        <v>738587</v>
      </c>
      <c r="NJ21" s="120">
        <v>3477022</v>
      </c>
      <c r="NK21" s="321">
        <v>3477022</v>
      </c>
      <c r="NL21" s="142">
        <v>0</v>
      </c>
      <c r="NM21" s="119">
        <v>0</v>
      </c>
      <c r="NN21" s="120">
        <v>0</v>
      </c>
      <c r="NO21" s="145"/>
      <c r="NP21" s="119">
        <v>0</v>
      </c>
      <c r="NQ21" s="119">
        <v>0</v>
      </c>
      <c r="NR21" s="119">
        <v>0</v>
      </c>
      <c r="NS21" s="119">
        <v>0</v>
      </c>
      <c r="NT21" s="119">
        <v>0</v>
      </c>
      <c r="NU21" s="120">
        <v>0</v>
      </c>
      <c r="NV21" s="121">
        <v>0</v>
      </c>
      <c r="NW21" s="142">
        <v>0</v>
      </c>
      <c r="NX21" s="119">
        <v>0</v>
      </c>
      <c r="NY21" s="120">
        <v>0</v>
      </c>
      <c r="NZ21" s="145"/>
      <c r="OA21" s="119">
        <v>0</v>
      </c>
      <c r="OB21" s="119">
        <v>0</v>
      </c>
      <c r="OC21" s="119">
        <v>0</v>
      </c>
      <c r="OD21" s="119">
        <v>645188</v>
      </c>
      <c r="OE21" s="119">
        <v>0</v>
      </c>
      <c r="OF21" s="120">
        <v>645188</v>
      </c>
      <c r="OG21" s="121">
        <v>645188</v>
      </c>
      <c r="OH21" s="142">
        <v>510263</v>
      </c>
      <c r="OI21" s="119">
        <v>333816</v>
      </c>
      <c r="OJ21" s="141">
        <v>844079</v>
      </c>
      <c r="OK21" s="118">
        <v>0</v>
      </c>
      <c r="OL21" s="119">
        <v>4506820</v>
      </c>
      <c r="OM21" s="119">
        <v>6623629</v>
      </c>
      <c r="ON21" s="119">
        <v>5589513</v>
      </c>
      <c r="OO21" s="119">
        <v>6888158</v>
      </c>
      <c r="OP21" s="119">
        <v>4486443</v>
      </c>
      <c r="OQ21" s="120">
        <v>28094563</v>
      </c>
      <c r="OR21" s="143">
        <v>28938642</v>
      </c>
    </row>
    <row r="22" spans="1:408" ht="20.25" customHeight="1" x14ac:dyDescent="0.2">
      <c r="A22" s="126" t="s">
        <v>17</v>
      </c>
      <c r="B22" s="110">
        <v>310723</v>
      </c>
      <c r="C22" s="114">
        <v>952962</v>
      </c>
      <c r="D22" s="113">
        <v>1263685</v>
      </c>
      <c r="E22" s="109">
        <v>0</v>
      </c>
      <c r="F22" s="114">
        <v>4099730</v>
      </c>
      <c r="G22" s="114">
        <v>6322436</v>
      </c>
      <c r="H22" s="114">
        <v>5318863</v>
      </c>
      <c r="I22" s="114">
        <v>5239363</v>
      </c>
      <c r="J22" s="114">
        <v>4147324</v>
      </c>
      <c r="K22" s="109">
        <v>25127716</v>
      </c>
      <c r="L22" s="116">
        <v>26391401</v>
      </c>
      <c r="M22" s="110">
        <v>96969</v>
      </c>
      <c r="N22" s="114">
        <v>293201</v>
      </c>
      <c r="O22" s="113">
        <v>390170</v>
      </c>
      <c r="P22" s="110">
        <v>0</v>
      </c>
      <c r="Q22" s="114">
        <v>700887</v>
      </c>
      <c r="R22" s="114">
        <v>1993945</v>
      </c>
      <c r="S22" s="114">
        <v>2155436</v>
      </c>
      <c r="T22" s="114">
        <v>1053894</v>
      </c>
      <c r="U22" s="114">
        <v>1889868</v>
      </c>
      <c r="V22" s="113">
        <v>7794030</v>
      </c>
      <c r="W22" s="116">
        <v>8184200</v>
      </c>
      <c r="X22" s="110">
        <v>0</v>
      </c>
      <c r="Y22" s="114">
        <v>0</v>
      </c>
      <c r="Z22" s="113">
        <v>0</v>
      </c>
      <c r="AA22" s="110">
        <v>0</v>
      </c>
      <c r="AB22" s="114">
        <v>160832</v>
      </c>
      <c r="AC22" s="114">
        <v>920492</v>
      </c>
      <c r="AD22" s="114">
        <v>1136165</v>
      </c>
      <c r="AE22" s="114">
        <v>359371</v>
      </c>
      <c r="AF22" s="114">
        <v>938475</v>
      </c>
      <c r="AG22" s="113">
        <v>3515335</v>
      </c>
      <c r="AH22" s="116">
        <v>3515335</v>
      </c>
      <c r="AI22" s="110">
        <v>0</v>
      </c>
      <c r="AJ22" s="114">
        <v>0</v>
      </c>
      <c r="AK22" s="113">
        <v>0</v>
      </c>
      <c r="AL22" s="110">
        <v>0</v>
      </c>
      <c r="AM22" s="114">
        <v>0</v>
      </c>
      <c r="AN22" s="114">
        <v>142201</v>
      </c>
      <c r="AO22" s="114">
        <v>30632</v>
      </c>
      <c r="AP22" s="114">
        <v>153881</v>
      </c>
      <c r="AQ22" s="114">
        <v>223692</v>
      </c>
      <c r="AR22" s="113">
        <v>550406</v>
      </c>
      <c r="AS22" s="116">
        <v>550406</v>
      </c>
      <c r="AT22" s="110">
        <v>71461</v>
      </c>
      <c r="AU22" s="114">
        <v>208641</v>
      </c>
      <c r="AV22" s="113">
        <v>280102</v>
      </c>
      <c r="AW22" s="110">
        <v>0</v>
      </c>
      <c r="AX22" s="114">
        <v>361800</v>
      </c>
      <c r="AY22" s="114">
        <v>632690</v>
      </c>
      <c r="AZ22" s="114">
        <v>683878</v>
      </c>
      <c r="BA22" s="114">
        <v>208701</v>
      </c>
      <c r="BB22" s="114">
        <v>493257</v>
      </c>
      <c r="BC22" s="113">
        <v>2380326</v>
      </c>
      <c r="BD22" s="116">
        <v>2660428</v>
      </c>
      <c r="BE22" s="110">
        <v>0</v>
      </c>
      <c r="BF22" s="114">
        <v>0</v>
      </c>
      <c r="BG22" s="112">
        <v>0</v>
      </c>
      <c r="BH22" s="111">
        <v>0</v>
      </c>
      <c r="BI22" s="114">
        <v>0</v>
      </c>
      <c r="BJ22" s="114">
        <v>42040</v>
      </c>
      <c r="BK22" s="114">
        <v>70065</v>
      </c>
      <c r="BL22" s="114">
        <v>20273</v>
      </c>
      <c r="BM22" s="114">
        <v>0</v>
      </c>
      <c r="BN22" s="113">
        <v>132378</v>
      </c>
      <c r="BO22" s="116">
        <v>132378</v>
      </c>
      <c r="BP22" s="110">
        <v>25508</v>
      </c>
      <c r="BQ22" s="114">
        <v>84560</v>
      </c>
      <c r="BR22" s="113">
        <v>110068</v>
      </c>
      <c r="BS22" s="110">
        <v>0</v>
      </c>
      <c r="BT22" s="114">
        <v>178255</v>
      </c>
      <c r="BU22" s="114">
        <v>256522</v>
      </c>
      <c r="BV22" s="114">
        <v>234696</v>
      </c>
      <c r="BW22" s="114">
        <v>311668</v>
      </c>
      <c r="BX22" s="114">
        <v>234444</v>
      </c>
      <c r="BY22" s="113">
        <v>1215585</v>
      </c>
      <c r="BZ22" s="116">
        <v>1325653</v>
      </c>
      <c r="CA22" s="110">
        <v>55808</v>
      </c>
      <c r="CB22" s="114">
        <v>245983</v>
      </c>
      <c r="CC22" s="113">
        <v>301791</v>
      </c>
      <c r="CD22" s="110">
        <v>0</v>
      </c>
      <c r="CE22" s="114">
        <v>1739171</v>
      </c>
      <c r="CF22" s="114">
        <v>2206338</v>
      </c>
      <c r="CG22" s="114">
        <v>1477254</v>
      </c>
      <c r="CH22" s="114">
        <v>598677</v>
      </c>
      <c r="CI22" s="114">
        <v>531161</v>
      </c>
      <c r="CJ22" s="113">
        <v>6552601</v>
      </c>
      <c r="CK22" s="116">
        <v>6854392</v>
      </c>
      <c r="CL22" s="110">
        <v>0</v>
      </c>
      <c r="CM22" s="114">
        <v>0</v>
      </c>
      <c r="CN22" s="113">
        <v>0</v>
      </c>
      <c r="CO22" s="111">
        <v>0</v>
      </c>
      <c r="CP22" s="114">
        <v>1417291</v>
      </c>
      <c r="CQ22" s="114">
        <v>2043870</v>
      </c>
      <c r="CR22" s="114">
        <v>1276111</v>
      </c>
      <c r="CS22" s="114">
        <v>399122</v>
      </c>
      <c r="CT22" s="114">
        <v>394360</v>
      </c>
      <c r="CU22" s="113">
        <v>5530754</v>
      </c>
      <c r="CV22" s="116">
        <v>5530754</v>
      </c>
      <c r="CW22" s="110">
        <v>55808</v>
      </c>
      <c r="CX22" s="114">
        <v>245983</v>
      </c>
      <c r="CY22" s="113">
        <v>301791</v>
      </c>
      <c r="CZ22" s="110">
        <v>0</v>
      </c>
      <c r="DA22" s="114">
        <v>321880</v>
      </c>
      <c r="DB22" s="114">
        <v>162468</v>
      </c>
      <c r="DC22" s="114">
        <v>201143</v>
      </c>
      <c r="DD22" s="114">
        <v>199555</v>
      </c>
      <c r="DE22" s="114">
        <v>136801</v>
      </c>
      <c r="DF22" s="113">
        <v>1021847</v>
      </c>
      <c r="DG22" s="116">
        <v>1323638</v>
      </c>
      <c r="DH22" s="110">
        <v>0</v>
      </c>
      <c r="DI22" s="114">
        <v>0</v>
      </c>
      <c r="DJ22" s="112">
        <v>0</v>
      </c>
      <c r="DK22" s="111">
        <v>0</v>
      </c>
      <c r="DL22" s="114">
        <v>300073</v>
      </c>
      <c r="DM22" s="114">
        <v>403586</v>
      </c>
      <c r="DN22" s="114">
        <v>384330</v>
      </c>
      <c r="DO22" s="114">
        <v>416182</v>
      </c>
      <c r="DP22" s="114">
        <v>76514</v>
      </c>
      <c r="DQ22" s="113">
        <v>1580685</v>
      </c>
      <c r="DR22" s="116">
        <v>1580685</v>
      </c>
      <c r="DS22" s="110">
        <v>0</v>
      </c>
      <c r="DT22" s="114">
        <v>0</v>
      </c>
      <c r="DU22" s="113">
        <v>0</v>
      </c>
      <c r="DV22" s="110">
        <v>0</v>
      </c>
      <c r="DW22" s="114">
        <v>264202</v>
      </c>
      <c r="DX22" s="114">
        <v>403586</v>
      </c>
      <c r="DY22" s="114">
        <v>384330</v>
      </c>
      <c r="DZ22" s="114">
        <v>416182</v>
      </c>
      <c r="EA22" s="114">
        <v>76514</v>
      </c>
      <c r="EB22" s="113">
        <v>1544814</v>
      </c>
      <c r="EC22" s="116">
        <v>1544814</v>
      </c>
      <c r="ED22" s="110">
        <v>0</v>
      </c>
      <c r="EE22" s="112">
        <v>0</v>
      </c>
      <c r="EF22" s="113">
        <v>0</v>
      </c>
      <c r="EG22" s="110">
        <v>0</v>
      </c>
      <c r="EH22" s="114">
        <v>35871</v>
      </c>
      <c r="EI22" s="114">
        <v>0</v>
      </c>
      <c r="EJ22" s="114">
        <v>0</v>
      </c>
      <c r="EK22" s="114">
        <v>0</v>
      </c>
      <c r="EL22" s="114">
        <v>0</v>
      </c>
      <c r="EM22" s="112">
        <v>35871</v>
      </c>
      <c r="EN22" s="116">
        <v>35871</v>
      </c>
      <c r="EO22" s="110">
        <v>0</v>
      </c>
      <c r="EP22" s="114">
        <v>0</v>
      </c>
      <c r="EQ22" s="112">
        <v>0</v>
      </c>
      <c r="ER22" s="111">
        <v>0</v>
      </c>
      <c r="ES22" s="114">
        <v>0</v>
      </c>
      <c r="ET22" s="114">
        <v>0</v>
      </c>
      <c r="EU22" s="114">
        <v>0</v>
      </c>
      <c r="EV22" s="114">
        <v>0</v>
      </c>
      <c r="EW22" s="114">
        <v>0</v>
      </c>
      <c r="EX22" s="113">
        <v>0</v>
      </c>
      <c r="EY22" s="116">
        <v>0</v>
      </c>
      <c r="EZ22" s="110">
        <v>0</v>
      </c>
      <c r="FA22" s="114">
        <v>0</v>
      </c>
      <c r="FB22" s="112">
        <v>0</v>
      </c>
      <c r="FC22" s="348"/>
      <c r="FD22" s="114">
        <v>0</v>
      </c>
      <c r="FE22" s="114">
        <v>0</v>
      </c>
      <c r="FF22" s="114">
        <v>0</v>
      </c>
      <c r="FG22" s="114">
        <v>0</v>
      </c>
      <c r="FH22" s="114">
        <v>0</v>
      </c>
      <c r="FI22" s="113">
        <v>0</v>
      </c>
      <c r="FJ22" s="116">
        <v>0</v>
      </c>
      <c r="FK22" s="110">
        <v>61628</v>
      </c>
      <c r="FL22" s="114">
        <v>106456</v>
      </c>
      <c r="FM22" s="113">
        <v>168084</v>
      </c>
      <c r="FN22" s="110">
        <v>0</v>
      </c>
      <c r="FO22" s="114">
        <v>255136</v>
      </c>
      <c r="FP22" s="114">
        <v>743502</v>
      </c>
      <c r="FQ22" s="114">
        <v>626437</v>
      </c>
      <c r="FR22" s="114">
        <v>363524</v>
      </c>
      <c r="FS22" s="114">
        <v>302029</v>
      </c>
      <c r="FT22" s="113">
        <v>2290628</v>
      </c>
      <c r="FU22" s="116">
        <v>2458712</v>
      </c>
      <c r="FV22" s="115">
        <v>61628</v>
      </c>
      <c r="FW22" s="114">
        <v>106456</v>
      </c>
      <c r="FX22" s="112">
        <v>168084</v>
      </c>
      <c r="FY22" s="111">
        <v>0</v>
      </c>
      <c r="FZ22" s="114">
        <v>124152</v>
      </c>
      <c r="GA22" s="114">
        <v>567091</v>
      </c>
      <c r="GB22" s="114">
        <v>595021</v>
      </c>
      <c r="GC22" s="114">
        <v>363524</v>
      </c>
      <c r="GD22" s="114">
        <v>289569</v>
      </c>
      <c r="GE22" s="113">
        <v>1939357</v>
      </c>
      <c r="GF22" s="319">
        <v>2107441</v>
      </c>
      <c r="GG22" s="115">
        <v>0</v>
      </c>
      <c r="GH22" s="114">
        <v>0</v>
      </c>
      <c r="GI22" s="112">
        <v>0</v>
      </c>
      <c r="GJ22" s="111">
        <v>0</v>
      </c>
      <c r="GK22" s="114">
        <v>22064</v>
      </c>
      <c r="GL22" s="114">
        <v>29411</v>
      </c>
      <c r="GM22" s="114">
        <v>31416</v>
      </c>
      <c r="GN22" s="114">
        <v>0</v>
      </c>
      <c r="GO22" s="114">
        <v>12460</v>
      </c>
      <c r="GP22" s="113">
        <v>95351</v>
      </c>
      <c r="GQ22" s="116">
        <v>95351</v>
      </c>
      <c r="GR22" s="110">
        <v>0</v>
      </c>
      <c r="GS22" s="114">
        <v>0</v>
      </c>
      <c r="GT22" s="113">
        <v>0</v>
      </c>
      <c r="GU22" s="110">
        <v>0</v>
      </c>
      <c r="GV22" s="114">
        <v>108920</v>
      </c>
      <c r="GW22" s="114">
        <v>147000</v>
      </c>
      <c r="GX22" s="114">
        <v>0</v>
      </c>
      <c r="GY22" s="114">
        <v>0</v>
      </c>
      <c r="GZ22" s="114">
        <v>0</v>
      </c>
      <c r="HA22" s="112">
        <v>255920</v>
      </c>
      <c r="HB22" s="116">
        <v>255920</v>
      </c>
      <c r="HC22" s="110">
        <v>96318</v>
      </c>
      <c r="HD22" s="114">
        <v>307322</v>
      </c>
      <c r="HE22" s="112">
        <v>403640</v>
      </c>
      <c r="HF22" s="111">
        <v>0</v>
      </c>
      <c r="HG22" s="114">
        <v>1104463</v>
      </c>
      <c r="HH22" s="114">
        <v>975065</v>
      </c>
      <c r="HI22" s="114">
        <v>675406</v>
      </c>
      <c r="HJ22" s="114">
        <v>2807086</v>
      </c>
      <c r="HK22" s="114">
        <v>1347752</v>
      </c>
      <c r="HL22" s="113">
        <v>6909772</v>
      </c>
      <c r="HM22" s="109">
        <v>7313412</v>
      </c>
      <c r="HN22" s="329"/>
      <c r="HO22" s="330"/>
      <c r="HP22" s="331"/>
      <c r="HQ22" s="332"/>
      <c r="HR22" s="330"/>
      <c r="HS22" s="330"/>
      <c r="HT22" s="330"/>
      <c r="HU22" s="330"/>
      <c r="HV22" s="330"/>
      <c r="HW22" s="333"/>
      <c r="HX22" s="334"/>
      <c r="HY22" s="150">
        <v>0</v>
      </c>
      <c r="HZ22" s="135">
        <v>0</v>
      </c>
      <c r="IA22" s="150">
        <v>0</v>
      </c>
      <c r="IB22" s="134">
        <v>0</v>
      </c>
      <c r="IC22" s="135">
        <v>982691</v>
      </c>
      <c r="ID22" s="136">
        <v>2069641</v>
      </c>
      <c r="IE22" s="137">
        <v>1362618</v>
      </c>
      <c r="IF22" s="135">
        <v>1340923</v>
      </c>
      <c r="IG22" s="137">
        <v>1924719</v>
      </c>
      <c r="IH22" s="138">
        <v>7680592</v>
      </c>
      <c r="II22" s="150">
        <v>7680592</v>
      </c>
      <c r="IJ22" s="232">
        <v>0</v>
      </c>
      <c r="IK22" s="236">
        <v>0</v>
      </c>
      <c r="IL22" s="237">
        <v>0</v>
      </c>
      <c r="IM22" s="140"/>
      <c r="IN22" s="119">
        <v>0</v>
      </c>
      <c r="IO22" s="119">
        <v>0</v>
      </c>
      <c r="IP22" s="119">
        <v>0</v>
      </c>
      <c r="IQ22" s="119">
        <v>0</v>
      </c>
      <c r="IR22" s="119">
        <v>0</v>
      </c>
      <c r="IS22" s="141">
        <v>0</v>
      </c>
      <c r="IT22" s="321">
        <v>0</v>
      </c>
      <c r="IU22" s="142">
        <v>0</v>
      </c>
      <c r="IV22" s="119">
        <v>0</v>
      </c>
      <c r="IW22" s="120">
        <v>0</v>
      </c>
      <c r="IX22" s="144"/>
      <c r="IY22" s="119">
        <v>0</v>
      </c>
      <c r="IZ22" s="119">
        <v>0</v>
      </c>
      <c r="JA22" s="119">
        <v>0</v>
      </c>
      <c r="JB22" s="119">
        <v>0</v>
      </c>
      <c r="JC22" s="119">
        <v>0</v>
      </c>
      <c r="JD22" s="120">
        <v>0</v>
      </c>
      <c r="JE22" s="121">
        <v>0</v>
      </c>
      <c r="JF22" s="142">
        <v>0</v>
      </c>
      <c r="JG22" s="119">
        <v>0</v>
      </c>
      <c r="JH22" s="141">
        <v>0</v>
      </c>
      <c r="JI22" s="118">
        <v>0</v>
      </c>
      <c r="JJ22" s="119">
        <v>444459</v>
      </c>
      <c r="JK22" s="119">
        <v>861871</v>
      </c>
      <c r="JL22" s="119">
        <v>255835</v>
      </c>
      <c r="JM22" s="119">
        <v>279350</v>
      </c>
      <c r="JN22" s="119">
        <v>53098</v>
      </c>
      <c r="JO22" s="120">
        <v>1894613</v>
      </c>
      <c r="JP22" s="321">
        <v>1894613</v>
      </c>
      <c r="JQ22" s="142">
        <v>0</v>
      </c>
      <c r="JR22" s="119">
        <v>0</v>
      </c>
      <c r="JS22" s="141">
        <v>0</v>
      </c>
      <c r="JT22" s="118">
        <v>0</v>
      </c>
      <c r="JU22" s="119">
        <v>0</v>
      </c>
      <c r="JV22" s="119">
        <v>0</v>
      </c>
      <c r="JW22" s="119">
        <v>0</v>
      </c>
      <c r="JX22" s="119">
        <v>0</v>
      </c>
      <c r="JY22" s="119">
        <v>0</v>
      </c>
      <c r="JZ22" s="120">
        <v>0</v>
      </c>
      <c r="KA22" s="321">
        <v>0</v>
      </c>
      <c r="KB22" s="234">
        <v>0</v>
      </c>
      <c r="KC22" s="230">
        <v>0</v>
      </c>
      <c r="KD22" s="120">
        <v>0</v>
      </c>
      <c r="KE22" s="118">
        <v>0</v>
      </c>
      <c r="KF22" s="119">
        <v>111078</v>
      </c>
      <c r="KG22" s="119">
        <v>162186</v>
      </c>
      <c r="KH22" s="119">
        <v>220233</v>
      </c>
      <c r="KI22" s="119">
        <v>234194</v>
      </c>
      <c r="KJ22" s="119">
        <v>253513</v>
      </c>
      <c r="KK22" s="120">
        <v>981204</v>
      </c>
      <c r="KL22" s="143">
        <v>981204</v>
      </c>
      <c r="KM22" s="232">
        <v>0</v>
      </c>
      <c r="KN22" s="236">
        <v>0</v>
      </c>
      <c r="KO22" s="237">
        <v>0</v>
      </c>
      <c r="KP22" s="140"/>
      <c r="KQ22" s="119">
        <v>427154</v>
      </c>
      <c r="KR22" s="119">
        <v>1045584</v>
      </c>
      <c r="KS22" s="119">
        <v>475922</v>
      </c>
      <c r="KT22" s="119">
        <v>442420</v>
      </c>
      <c r="KU22" s="119">
        <v>674510</v>
      </c>
      <c r="KV22" s="120">
        <v>3065590</v>
      </c>
      <c r="KW22" s="321">
        <v>3065590</v>
      </c>
      <c r="KX22" s="142">
        <v>0</v>
      </c>
      <c r="KY22" s="119">
        <v>0</v>
      </c>
      <c r="KZ22" s="120">
        <v>0</v>
      </c>
      <c r="LA22" s="145"/>
      <c r="LB22" s="119">
        <v>0</v>
      </c>
      <c r="LC22" s="119">
        <v>0</v>
      </c>
      <c r="LD22" s="119">
        <v>0</v>
      </c>
      <c r="LE22" s="119">
        <v>0</v>
      </c>
      <c r="LF22" s="119">
        <v>0</v>
      </c>
      <c r="LG22" s="120">
        <v>0</v>
      </c>
      <c r="LH22" s="121">
        <v>0</v>
      </c>
      <c r="LI22" s="142">
        <v>0</v>
      </c>
      <c r="LJ22" s="119">
        <v>0</v>
      </c>
      <c r="LK22" s="120">
        <v>0</v>
      </c>
      <c r="LL22" s="145"/>
      <c r="LM22" s="119">
        <v>0</v>
      </c>
      <c r="LN22" s="119">
        <v>0</v>
      </c>
      <c r="LO22" s="119">
        <v>410628</v>
      </c>
      <c r="LP22" s="119">
        <v>384959</v>
      </c>
      <c r="LQ22" s="119">
        <v>943598</v>
      </c>
      <c r="LR22" s="120">
        <v>1739185</v>
      </c>
      <c r="LS22" s="321">
        <v>1739185</v>
      </c>
      <c r="LT22" s="142">
        <v>0</v>
      </c>
      <c r="LU22" s="119">
        <v>0</v>
      </c>
      <c r="LV22" s="120">
        <v>0</v>
      </c>
      <c r="LW22" s="145"/>
      <c r="LX22" s="119">
        <v>0</v>
      </c>
      <c r="LY22" s="119">
        <v>0</v>
      </c>
      <c r="LZ22" s="119">
        <v>0</v>
      </c>
      <c r="MA22" s="119">
        <v>0</v>
      </c>
      <c r="MB22" s="119">
        <v>0</v>
      </c>
      <c r="MC22" s="120">
        <v>0</v>
      </c>
      <c r="MD22" s="121">
        <v>0</v>
      </c>
      <c r="ME22" s="142">
        <v>0</v>
      </c>
      <c r="MF22" s="119">
        <v>0</v>
      </c>
      <c r="MG22" s="120">
        <v>0</v>
      </c>
      <c r="MH22" s="145"/>
      <c r="MI22" s="119">
        <v>233504</v>
      </c>
      <c r="MJ22" s="119">
        <v>890174</v>
      </c>
      <c r="MK22" s="119">
        <v>4558681</v>
      </c>
      <c r="ML22" s="119">
        <v>2254747</v>
      </c>
      <c r="MM22" s="119">
        <v>2327197</v>
      </c>
      <c r="MN22" s="120">
        <v>10264303</v>
      </c>
      <c r="MO22" s="143">
        <v>10264303</v>
      </c>
      <c r="MP22" s="142">
        <v>0</v>
      </c>
      <c r="MQ22" s="119">
        <v>0</v>
      </c>
      <c r="MR22" s="120">
        <v>0</v>
      </c>
      <c r="MS22" s="145"/>
      <c r="MT22" s="119">
        <v>136396</v>
      </c>
      <c r="MU22" s="119">
        <v>202695</v>
      </c>
      <c r="MV22" s="119">
        <v>1641170</v>
      </c>
      <c r="MW22" s="119">
        <v>880294</v>
      </c>
      <c r="MX22" s="119">
        <v>1178770</v>
      </c>
      <c r="MY22" s="120">
        <v>4039325</v>
      </c>
      <c r="MZ22" s="143">
        <v>4039325</v>
      </c>
      <c r="NA22" s="142">
        <v>0</v>
      </c>
      <c r="NB22" s="119">
        <v>0</v>
      </c>
      <c r="NC22" s="120">
        <v>0</v>
      </c>
      <c r="ND22" s="145">
        <v>0</v>
      </c>
      <c r="NE22" s="119">
        <v>97108</v>
      </c>
      <c r="NF22" s="119">
        <v>687479</v>
      </c>
      <c r="NG22" s="119">
        <v>2701083</v>
      </c>
      <c r="NH22" s="119">
        <v>1374453</v>
      </c>
      <c r="NI22" s="119">
        <v>1148427</v>
      </c>
      <c r="NJ22" s="120">
        <v>6008550</v>
      </c>
      <c r="NK22" s="321">
        <v>6008550</v>
      </c>
      <c r="NL22" s="142">
        <v>0</v>
      </c>
      <c r="NM22" s="119">
        <v>0</v>
      </c>
      <c r="NN22" s="120">
        <v>0</v>
      </c>
      <c r="NO22" s="145"/>
      <c r="NP22" s="119">
        <v>0</v>
      </c>
      <c r="NQ22" s="119">
        <v>0</v>
      </c>
      <c r="NR22" s="119">
        <v>0</v>
      </c>
      <c r="NS22" s="119">
        <v>0</v>
      </c>
      <c r="NT22" s="119">
        <v>0</v>
      </c>
      <c r="NU22" s="120">
        <v>0</v>
      </c>
      <c r="NV22" s="121">
        <v>0</v>
      </c>
      <c r="NW22" s="142">
        <v>0</v>
      </c>
      <c r="NX22" s="119">
        <v>0</v>
      </c>
      <c r="NY22" s="120">
        <v>0</v>
      </c>
      <c r="NZ22" s="145"/>
      <c r="OA22" s="119">
        <v>0</v>
      </c>
      <c r="OB22" s="119">
        <v>0</v>
      </c>
      <c r="OC22" s="119">
        <v>216428</v>
      </c>
      <c r="OD22" s="119">
        <v>0</v>
      </c>
      <c r="OE22" s="119">
        <v>0</v>
      </c>
      <c r="OF22" s="120">
        <v>216428</v>
      </c>
      <c r="OG22" s="121">
        <v>216428</v>
      </c>
      <c r="OH22" s="142">
        <v>310723</v>
      </c>
      <c r="OI22" s="119">
        <v>952962</v>
      </c>
      <c r="OJ22" s="141">
        <v>1263685</v>
      </c>
      <c r="OK22" s="118">
        <v>0</v>
      </c>
      <c r="OL22" s="119">
        <v>5315925</v>
      </c>
      <c r="OM22" s="119">
        <v>9282251</v>
      </c>
      <c r="ON22" s="119">
        <v>11240162</v>
      </c>
      <c r="OO22" s="119">
        <v>8835033</v>
      </c>
      <c r="OP22" s="119">
        <v>8399240</v>
      </c>
      <c r="OQ22" s="120">
        <v>43072611</v>
      </c>
      <c r="OR22" s="143">
        <v>44336296</v>
      </c>
    </row>
    <row r="23" spans="1:408" ht="20.25" customHeight="1" x14ac:dyDescent="0.2">
      <c r="A23" s="126" t="s">
        <v>18</v>
      </c>
      <c r="B23" s="110">
        <v>634155</v>
      </c>
      <c r="C23" s="114">
        <v>361342</v>
      </c>
      <c r="D23" s="113">
        <v>995497</v>
      </c>
      <c r="E23" s="109">
        <v>0</v>
      </c>
      <c r="F23" s="114">
        <v>5761252</v>
      </c>
      <c r="G23" s="114">
        <v>9299378</v>
      </c>
      <c r="H23" s="114">
        <v>5847888</v>
      </c>
      <c r="I23" s="114">
        <v>8490531</v>
      </c>
      <c r="J23" s="114">
        <v>5526741</v>
      </c>
      <c r="K23" s="109">
        <v>34925790</v>
      </c>
      <c r="L23" s="116">
        <v>35921287</v>
      </c>
      <c r="M23" s="110">
        <v>216563</v>
      </c>
      <c r="N23" s="114">
        <v>124731</v>
      </c>
      <c r="O23" s="113">
        <v>341294</v>
      </c>
      <c r="P23" s="110">
        <v>0</v>
      </c>
      <c r="Q23" s="114">
        <v>1370528</v>
      </c>
      <c r="R23" s="114">
        <v>2643451</v>
      </c>
      <c r="S23" s="114">
        <v>2220727</v>
      </c>
      <c r="T23" s="114">
        <v>3478904</v>
      </c>
      <c r="U23" s="114">
        <v>2052427</v>
      </c>
      <c r="V23" s="113">
        <v>11766037</v>
      </c>
      <c r="W23" s="116">
        <v>12107331</v>
      </c>
      <c r="X23" s="110">
        <v>0</v>
      </c>
      <c r="Y23" s="114">
        <v>0</v>
      </c>
      <c r="Z23" s="113">
        <v>0</v>
      </c>
      <c r="AA23" s="110">
        <v>0</v>
      </c>
      <c r="AB23" s="114">
        <v>540311</v>
      </c>
      <c r="AC23" s="114">
        <v>1131037</v>
      </c>
      <c r="AD23" s="114">
        <v>1422695</v>
      </c>
      <c r="AE23" s="114">
        <v>1925183</v>
      </c>
      <c r="AF23" s="114">
        <v>1036912</v>
      </c>
      <c r="AG23" s="113">
        <v>6056138</v>
      </c>
      <c r="AH23" s="116">
        <v>6056138</v>
      </c>
      <c r="AI23" s="110">
        <v>0</v>
      </c>
      <c r="AJ23" s="114">
        <v>0</v>
      </c>
      <c r="AK23" s="113">
        <v>0</v>
      </c>
      <c r="AL23" s="110">
        <v>0</v>
      </c>
      <c r="AM23" s="114">
        <v>0</v>
      </c>
      <c r="AN23" s="114">
        <v>42161</v>
      </c>
      <c r="AO23" s="114">
        <v>59904</v>
      </c>
      <c r="AP23" s="114">
        <v>176620</v>
      </c>
      <c r="AQ23" s="114">
        <v>209126</v>
      </c>
      <c r="AR23" s="113">
        <v>487811</v>
      </c>
      <c r="AS23" s="116">
        <v>487811</v>
      </c>
      <c r="AT23" s="110">
        <v>109964</v>
      </c>
      <c r="AU23" s="114">
        <v>118473</v>
      </c>
      <c r="AV23" s="113">
        <v>228437</v>
      </c>
      <c r="AW23" s="110">
        <v>0</v>
      </c>
      <c r="AX23" s="114">
        <v>460941</v>
      </c>
      <c r="AY23" s="114">
        <v>989517</v>
      </c>
      <c r="AZ23" s="114">
        <v>450802</v>
      </c>
      <c r="BA23" s="114">
        <v>878043</v>
      </c>
      <c r="BB23" s="114">
        <v>386865</v>
      </c>
      <c r="BC23" s="113">
        <v>3166168</v>
      </c>
      <c r="BD23" s="116">
        <v>3394605</v>
      </c>
      <c r="BE23" s="110">
        <v>27737</v>
      </c>
      <c r="BF23" s="114">
        <v>0</v>
      </c>
      <c r="BG23" s="112">
        <v>27737</v>
      </c>
      <c r="BH23" s="111">
        <v>0</v>
      </c>
      <c r="BI23" s="114">
        <v>58805</v>
      </c>
      <c r="BJ23" s="114">
        <v>119088</v>
      </c>
      <c r="BK23" s="114">
        <v>79041</v>
      </c>
      <c r="BL23" s="114">
        <v>148701</v>
      </c>
      <c r="BM23" s="114">
        <v>38556</v>
      </c>
      <c r="BN23" s="113">
        <v>444191</v>
      </c>
      <c r="BO23" s="116">
        <v>471928</v>
      </c>
      <c r="BP23" s="110">
        <v>78862</v>
      </c>
      <c r="BQ23" s="114">
        <v>6258</v>
      </c>
      <c r="BR23" s="113">
        <v>85120</v>
      </c>
      <c r="BS23" s="110">
        <v>0</v>
      </c>
      <c r="BT23" s="114">
        <v>310471</v>
      </c>
      <c r="BU23" s="114">
        <v>361648</v>
      </c>
      <c r="BV23" s="114">
        <v>208285</v>
      </c>
      <c r="BW23" s="114">
        <v>350357</v>
      </c>
      <c r="BX23" s="114">
        <v>380968</v>
      </c>
      <c r="BY23" s="113">
        <v>1611729</v>
      </c>
      <c r="BZ23" s="116">
        <v>1696849</v>
      </c>
      <c r="CA23" s="110">
        <v>73094</v>
      </c>
      <c r="CB23" s="114">
        <v>133890</v>
      </c>
      <c r="CC23" s="113">
        <v>206984</v>
      </c>
      <c r="CD23" s="110">
        <v>0</v>
      </c>
      <c r="CE23" s="114">
        <v>2054328</v>
      </c>
      <c r="CF23" s="114">
        <v>3866484</v>
      </c>
      <c r="CG23" s="114">
        <v>1343173</v>
      </c>
      <c r="CH23" s="114">
        <v>1867207</v>
      </c>
      <c r="CI23" s="114">
        <v>355679</v>
      </c>
      <c r="CJ23" s="113">
        <v>9486871</v>
      </c>
      <c r="CK23" s="116">
        <v>9693855</v>
      </c>
      <c r="CL23" s="110">
        <v>0</v>
      </c>
      <c r="CM23" s="114">
        <v>0</v>
      </c>
      <c r="CN23" s="113">
        <v>0</v>
      </c>
      <c r="CO23" s="111">
        <v>0</v>
      </c>
      <c r="CP23" s="114">
        <v>1592257</v>
      </c>
      <c r="CQ23" s="114">
        <v>2991724</v>
      </c>
      <c r="CR23" s="114">
        <v>987743</v>
      </c>
      <c r="CS23" s="114">
        <v>1345869</v>
      </c>
      <c r="CT23" s="114">
        <v>338421</v>
      </c>
      <c r="CU23" s="113">
        <v>7256014</v>
      </c>
      <c r="CV23" s="116">
        <v>7256014</v>
      </c>
      <c r="CW23" s="110">
        <v>73094</v>
      </c>
      <c r="CX23" s="114">
        <v>133890</v>
      </c>
      <c r="CY23" s="113">
        <v>206984</v>
      </c>
      <c r="CZ23" s="110">
        <v>0</v>
      </c>
      <c r="DA23" s="114">
        <v>462071</v>
      </c>
      <c r="DB23" s="114">
        <v>874760</v>
      </c>
      <c r="DC23" s="114">
        <v>355430</v>
      </c>
      <c r="DD23" s="114">
        <v>521338</v>
      </c>
      <c r="DE23" s="114">
        <v>17258</v>
      </c>
      <c r="DF23" s="113">
        <v>2230857</v>
      </c>
      <c r="DG23" s="116">
        <v>2437841</v>
      </c>
      <c r="DH23" s="110">
        <v>0</v>
      </c>
      <c r="DI23" s="114">
        <v>0</v>
      </c>
      <c r="DJ23" s="112">
        <v>0</v>
      </c>
      <c r="DK23" s="111">
        <v>0</v>
      </c>
      <c r="DL23" s="114">
        <v>25064</v>
      </c>
      <c r="DM23" s="114">
        <v>733120</v>
      </c>
      <c r="DN23" s="114">
        <v>1001098</v>
      </c>
      <c r="DO23" s="114">
        <v>519239</v>
      </c>
      <c r="DP23" s="114">
        <v>315007</v>
      </c>
      <c r="DQ23" s="113">
        <v>2593528</v>
      </c>
      <c r="DR23" s="116">
        <v>2593528</v>
      </c>
      <c r="DS23" s="110">
        <v>0</v>
      </c>
      <c r="DT23" s="114">
        <v>0</v>
      </c>
      <c r="DU23" s="113">
        <v>0</v>
      </c>
      <c r="DV23" s="110">
        <v>0</v>
      </c>
      <c r="DW23" s="114">
        <v>25064</v>
      </c>
      <c r="DX23" s="114">
        <v>733120</v>
      </c>
      <c r="DY23" s="114">
        <v>1001098</v>
      </c>
      <c r="DZ23" s="114">
        <v>519239</v>
      </c>
      <c r="EA23" s="114">
        <v>256529</v>
      </c>
      <c r="EB23" s="113">
        <v>2535050</v>
      </c>
      <c r="EC23" s="116">
        <v>2535050</v>
      </c>
      <c r="ED23" s="110">
        <v>0</v>
      </c>
      <c r="EE23" s="112">
        <v>0</v>
      </c>
      <c r="EF23" s="113">
        <v>0</v>
      </c>
      <c r="EG23" s="110">
        <v>0</v>
      </c>
      <c r="EH23" s="114">
        <v>0</v>
      </c>
      <c r="EI23" s="114">
        <v>0</v>
      </c>
      <c r="EJ23" s="114">
        <v>0</v>
      </c>
      <c r="EK23" s="114">
        <v>0</v>
      </c>
      <c r="EL23" s="114">
        <v>58478</v>
      </c>
      <c r="EM23" s="112">
        <v>58478</v>
      </c>
      <c r="EN23" s="116">
        <v>58478</v>
      </c>
      <c r="EO23" s="110">
        <v>0</v>
      </c>
      <c r="EP23" s="114">
        <v>0</v>
      </c>
      <c r="EQ23" s="112">
        <v>0</v>
      </c>
      <c r="ER23" s="111">
        <v>0</v>
      </c>
      <c r="ES23" s="114">
        <v>0</v>
      </c>
      <c r="ET23" s="114">
        <v>0</v>
      </c>
      <c r="EU23" s="114">
        <v>0</v>
      </c>
      <c r="EV23" s="114">
        <v>0</v>
      </c>
      <c r="EW23" s="114">
        <v>0</v>
      </c>
      <c r="EX23" s="113">
        <v>0</v>
      </c>
      <c r="EY23" s="116">
        <v>0</v>
      </c>
      <c r="EZ23" s="110">
        <v>0</v>
      </c>
      <c r="FA23" s="114">
        <v>0</v>
      </c>
      <c r="FB23" s="112">
        <v>0</v>
      </c>
      <c r="FC23" s="348"/>
      <c r="FD23" s="114">
        <v>0</v>
      </c>
      <c r="FE23" s="114">
        <v>0</v>
      </c>
      <c r="FF23" s="114">
        <v>0</v>
      </c>
      <c r="FG23" s="114">
        <v>0</v>
      </c>
      <c r="FH23" s="114">
        <v>0</v>
      </c>
      <c r="FI23" s="113">
        <v>0</v>
      </c>
      <c r="FJ23" s="116">
        <v>0</v>
      </c>
      <c r="FK23" s="110">
        <v>57456</v>
      </c>
      <c r="FL23" s="114">
        <v>76790</v>
      </c>
      <c r="FM23" s="113">
        <v>134246</v>
      </c>
      <c r="FN23" s="110">
        <v>0</v>
      </c>
      <c r="FO23" s="114">
        <v>572663</v>
      </c>
      <c r="FP23" s="114">
        <v>651553</v>
      </c>
      <c r="FQ23" s="114">
        <v>438550</v>
      </c>
      <c r="FR23" s="114">
        <v>772807</v>
      </c>
      <c r="FS23" s="114">
        <v>405923</v>
      </c>
      <c r="FT23" s="113">
        <v>2841496</v>
      </c>
      <c r="FU23" s="116">
        <v>2975742</v>
      </c>
      <c r="FV23" s="115">
        <v>57456</v>
      </c>
      <c r="FW23" s="114">
        <v>76790</v>
      </c>
      <c r="FX23" s="112">
        <v>134246</v>
      </c>
      <c r="FY23" s="111">
        <v>0</v>
      </c>
      <c r="FZ23" s="114">
        <v>239071</v>
      </c>
      <c r="GA23" s="114">
        <v>632863</v>
      </c>
      <c r="GB23" s="114">
        <v>418530</v>
      </c>
      <c r="GC23" s="114">
        <v>716975</v>
      </c>
      <c r="GD23" s="114">
        <v>339395</v>
      </c>
      <c r="GE23" s="113">
        <v>2346834</v>
      </c>
      <c r="GF23" s="319">
        <v>2481080</v>
      </c>
      <c r="GG23" s="115">
        <v>0</v>
      </c>
      <c r="GH23" s="114">
        <v>0</v>
      </c>
      <c r="GI23" s="112">
        <v>0</v>
      </c>
      <c r="GJ23" s="111">
        <v>0</v>
      </c>
      <c r="GK23" s="114">
        <v>10780</v>
      </c>
      <c r="GL23" s="114">
        <v>18690</v>
      </c>
      <c r="GM23" s="114">
        <v>8470</v>
      </c>
      <c r="GN23" s="114">
        <v>29232</v>
      </c>
      <c r="GO23" s="114">
        <v>66528</v>
      </c>
      <c r="GP23" s="113">
        <v>133700</v>
      </c>
      <c r="GQ23" s="116">
        <v>133700</v>
      </c>
      <c r="GR23" s="110">
        <v>0</v>
      </c>
      <c r="GS23" s="114">
        <v>0</v>
      </c>
      <c r="GT23" s="113">
        <v>0</v>
      </c>
      <c r="GU23" s="110">
        <v>0</v>
      </c>
      <c r="GV23" s="114">
        <v>322812</v>
      </c>
      <c r="GW23" s="114">
        <v>0</v>
      </c>
      <c r="GX23" s="114">
        <v>11550</v>
      </c>
      <c r="GY23" s="114">
        <v>26600</v>
      </c>
      <c r="GZ23" s="114">
        <v>0</v>
      </c>
      <c r="HA23" s="112">
        <v>360962</v>
      </c>
      <c r="HB23" s="116">
        <v>360962</v>
      </c>
      <c r="HC23" s="110">
        <v>287042</v>
      </c>
      <c r="HD23" s="114">
        <v>25931</v>
      </c>
      <c r="HE23" s="112">
        <v>312973</v>
      </c>
      <c r="HF23" s="111">
        <v>0</v>
      </c>
      <c r="HG23" s="114">
        <v>1738669</v>
      </c>
      <c r="HH23" s="114">
        <v>1404770</v>
      </c>
      <c r="HI23" s="114">
        <v>844340</v>
      </c>
      <c r="HJ23" s="114">
        <v>1852374</v>
      </c>
      <c r="HK23" s="114">
        <v>2397705</v>
      </c>
      <c r="HL23" s="113">
        <v>8237858</v>
      </c>
      <c r="HM23" s="109">
        <v>8550831</v>
      </c>
      <c r="HN23" s="329"/>
      <c r="HO23" s="330"/>
      <c r="HP23" s="331"/>
      <c r="HQ23" s="332"/>
      <c r="HR23" s="330"/>
      <c r="HS23" s="330"/>
      <c r="HT23" s="330"/>
      <c r="HU23" s="330"/>
      <c r="HV23" s="330"/>
      <c r="HW23" s="333"/>
      <c r="HX23" s="334"/>
      <c r="HY23" s="131">
        <v>0</v>
      </c>
      <c r="HZ23" s="132">
        <v>0</v>
      </c>
      <c r="IA23" s="133">
        <v>0</v>
      </c>
      <c r="IB23" s="146">
        <v>0</v>
      </c>
      <c r="IC23" s="132">
        <v>868894</v>
      </c>
      <c r="ID23" s="147">
        <v>1198452</v>
      </c>
      <c r="IE23" s="133">
        <v>1630788</v>
      </c>
      <c r="IF23" s="132">
        <v>719450</v>
      </c>
      <c r="IG23" s="133">
        <v>1273785</v>
      </c>
      <c r="IH23" s="148">
        <v>5691369</v>
      </c>
      <c r="II23" s="139">
        <v>5691369</v>
      </c>
      <c r="IJ23" s="232">
        <v>0</v>
      </c>
      <c r="IK23" s="236">
        <v>0</v>
      </c>
      <c r="IL23" s="237">
        <v>0</v>
      </c>
      <c r="IM23" s="140"/>
      <c r="IN23" s="119">
        <v>0</v>
      </c>
      <c r="IO23" s="119">
        <v>0</v>
      </c>
      <c r="IP23" s="119">
        <v>0</v>
      </c>
      <c r="IQ23" s="119">
        <v>0</v>
      </c>
      <c r="IR23" s="119">
        <v>237450</v>
      </c>
      <c r="IS23" s="141">
        <v>237450</v>
      </c>
      <c r="IT23" s="321">
        <v>237450</v>
      </c>
      <c r="IU23" s="142">
        <v>0</v>
      </c>
      <c r="IV23" s="119">
        <v>0</v>
      </c>
      <c r="IW23" s="120">
        <v>0</v>
      </c>
      <c r="IX23" s="144"/>
      <c r="IY23" s="119">
        <v>0</v>
      </c>
      <c r="IZ23" s="119">
        <v>0</v>
      </c>
      <c r="JA23" s="119">
        <v>0</v>
      </c>
      <c r="JB23" s="119">
        <v>0</v>
      </c>
      <c r="JC23" s="119">
        <v>0</v>
      </c>
      <c r="JD23" s="120">
        <v>0</v>
      </c>
      <c r="JE23" s="121">
        <v>0</v>
      </c>
      <c r="JF23" s="142">
        <v>0</v>
      </c>
      <c r="JG23" s="119">
        <v>0</v>
      </c>
      <c r="JH23" s="141">
        <v>0</v>
      </c>
      <c r="JI23" s="118">
        <v>0</v>
      </c>
      <c r="JJ23" s="119">
        <v>666466</v>
      </c>
      <c r="JK23" s="119">
        <v>420820</v>
      </c>
      <c r="JL23" s="119">
        <v>853441</v>
      </c>
      <c r="JM23" s="119">
        <v>0</v>
      </c>
      <c r="JN23" s="119">
        <v>0</v>
      </c>
      <c r="JO23" s="120">
        <v>1940727</v>
      </c>
      <c r="JP23" s="321">
        <v>1940727</v>
      </c>
      <c r="JQ23" s="142">
        <v>0</v>
      </c>
      <c r="JR23" s="119">
        <v>0</v>
      </c>
      <c r="JS23" s="141">
        <v>0</v>
      </c>
      <c r="JT23" s="118">
        <v>0</v>
      </c>
      <c r="JU23" s="119">
        <v>0</v>
      </c>
      <c r="JV23" s="119">
        <v>0</v>
      </c>
      <c r="JW23" s="119">
        <v>313971</v>
      </c>
      <c r="JX23" s="119">
        <v>0</v>
      </c>
      <c r="JY23" s="119">
        <v>0</v>
      </c>
      <c r="JZ23" s="120">
        <v>313971</v>
      </c>
      <c r="KA23" s="321">
        <v>313971</v>
      </c>
      <c r="KB23" s="234">
        <v>0</v>
      </c>
      <c r="KC23" s="230">
        <v>0</v>
      </c>
      <c r="KD23" s="120">
        <v>0</v>
      </c>
      <c r="KE23" s="118">
        <v>0</v>
      </c>
      <c r="KF23" s="119">
        <v>202428</v>
      </c>
      <c r="KG23" s="119">
        <v>152758</v>
      </c>
      <c r="KH23" s="119">
        <v>0</v>
      </c>
      <c r="KI23" s="119">
        <v>223225</v>
      </c>
      <c r="KJ23" s="119">
        <v>248999</v>
      </c>
      <c r="KK23" s="120">
        <v>827410</v>
      </c>
      <c r="KL23" s="143">
        <v>827410</v>
      </c>
      <c r="KM23" s="232">
        <v>0</v>
      </c>
      <c r="KN23" s="236">
        <v>0</v>
      </c>
      <c r="KO23" s="237">
        <v>0</v>
      </c>
      <c r="KP23" s="140"/>
      <c r="KQ23" s="119">
        <v>0</v>
      </c>
      <c r="KR23" s="119">
        <v>624874</v>
      </c>
      <c r="KS23" s="119">
        <v>216260</v>
      </c>
      <c r="KT23" s="119">
        <v>0</v>
      </c>
      <c r="KU23" s="119">
        <v>219734</v>
      </c>
      <c r="KV23" s="120">
        <v>1060868</v>
      </c>
      <c r="KW23" s="321">
        <v>1060868</v>
      </c>
      <c r="KX23" s="142">
        <v>0</v>
      </c>
      <c r="KY23" s="119">
        <v>0</v>
      </c>
      <c r="KZ23" s="120">
        <v>0</v>
      </c>
      <c r="LA23" s="145"/>
      <c r="LB23" s="119">
        <v>0</v>
      </c>
      <c r="LC23" s="119">
        <v>0</v>
      </c>
      <c r="LD23" s="119">
        <v>0</v>
      </c>
      <c r="LE23" s="119">
        <v>0</v>
      </c>
      <c r="LF23" s="119">
        <v>0</v>
      </c>
      <c r="LG23" s="120">
        <v>0</v>
      </c>
      <c r="LH23" s="121">
        <v>0</v>
      </c>
      <c r="LI23" s="142">
        <v>0</v>
      </c>
      <c r="LJ23" s="119">
        <v>0</v>
      </c>
      <c r="LK23" s="120">
        <v>0</v>
      </c>
      <c r="LL23" s="145"/>
      <c r="LM23" s="119">
        <v>0</v>
      </c>
      <c r="LN23" s="119">
        <v>0</v>
      </c>
      <c r="LO23" s="119">
        <v>0</v>
      </c>
      <c r="LP23" s="119">
        <v>238637</v>
      </c>
      <c r="LQ23" s="119">
        <v>0</v>
      </c>
      <c r="LR23" s="120">
        <v>238637</v>
      </c>
      <c r="LS23" s="321">
        <v>238637</v>
      </c>
      <c r="LT23" s="142">
        <v>0</v>
      </c>
      <c r="LU23" s="119">
        <v>0</v>
      </c>
      <c r="LV23" s="120">
        <v>0</v>
      </c>
      <c r="LW23" s="145"/>
      <c r="LX23" s="119">
        <v>0</v>
      </c>
      <c r="LY23" s="119">
        <v>0</v>
      </c>
      <c r="LZ23" s="119">
        <v>247116</v>
      </c>
      <c r="MA23" s="119">
        <v>257588</v>
      </c>
      <c r="MB23" s="119">
        <v>567602</v>
      </c>
      <c r="MC23" s="120">
        <v>1072306</v>
      </c>
      <c r="MD23" s="121">
        <v>1072306</v>
      </c>
      <c r="ME23" s="142">
        <v>0</v>
      </c>
      <c r="MF23" s="119">
        <v>0</v>
      </c>
      <c r="MG23" s="120">
        <v>0</v>
      </c>
      <c r="MH23" s="145"/>
      <c r="MI23" s="119">
        <v>786777</v>
      </c>
      <c r="MJ23" s="119">
        <v>364697</v>
      </c>
      <c r="MK23" s="119">
        <v>2390686</v>
      </c>
      <c r="ML23" s="119">
        <v>5008277</v>
      </c>
      <c r="MM23" s="119">
        <v>1838490</v>
      </c>
      <c r="MN23" s="120">
        <v>10388927</v>
      </c>
      <c r="MO23" s="143">
        <v>10388927</v>
      </c>
      <c r="MP23" s="142">
        <v>0</v>
      </c>
      <c r="MQ23" s="119">
        <v>0</v>
      </c>
      <c r="MR23" s="120">
        <v>0</v>
      </c>
      <c r="MS23" s="145"/>
      <c r="MT23" s="119">
        <v>0</v>
      </c>
      <c r="MU23" s="119">
        <v>0</v>
      </c>
      <c r="MV23" s="119">
        <v>1232573</v>
      </c>
      <c r="MW23" s="119">
        <v>3777869</v>
      </c>
      <c r="MX23" s="119">
        <v>734027</v>
      </c>
      <c r="MY23" s="120">
        <v>5744469</v>
      </c>
      <c r="MZ23" s="143">
        <v>5744469</v>
      </c>
      <c r="NA23" s="142">
        <v>0</v>
      </c>
      <c r="NB23" s="119">
        <v>0</v>
      </c>
      <c r="NC23" s="120">
        <v>0</v>
      </c>
      <c r="ND23" s="145">
        <v>0</v>
      </c>
      <c r="NE23" s="119">
        <v>786777</v>
      </c>
      <c r="NF23" s="119">
        <v>364697</v>
      </c>
      <c r="NG23" s="119">
        <v>1158113</v>
      </c>
      <c r="NH23" s="119">
        <v>1230408</v>
      </c>
      <c r="NI23" s="119">
        <v>840984</v>
      </c>
      <c r="NJ23" s="120">
        <v>4380979</v>
      </c>
      <c r="NK23" s="321">
        <v>4380979</v>
      </c>
      <c r="NL23" s="142">
        <v>0</v>
      </c>
      <c r="NM23" s="119">
        <v>0</v>
      </c>
      <c r="NN23" s="120">
        <v>0</v>
      </c>
      <c r="NO23" s="145"/>
      <c r="NP23" s="119">
        <v>0</v>
      </c>
      <c r="NQ23" s="119">
        <v>0</v>
      </c>
      <c r="NR23" s="119">
        <v>0</v>
      </c>
      <c r="NS23" s="119">
        <v>0</v>
      </c>
      <c r="NT23" s="119">
        <v>263479</v>
      </c>
      <c r="NU23" s="120">
        <v>263479</v>
      </c>
      <c r="NV23" s="121">
        <v>263479</v>
      </c>
      <c r="NW23" s="142">
        <v>0</v>
      </c>
      <c r="NX23" s="119">
        <v>0</v>
      </c>
      <c r="NY23" s="120">
        <v>0</v>
      </c>
      <c r="NZ23" s="145"/>
      <c r="OA23" s="119">
        <v>0</v>
      </c>
      <c r="OB23" s="119">
        <v>0</v>
      </c>
      <c r="OC23" s="119">
        <v>0</v>
      </c>
      <c r="OD23" s="119">
        <v>0</v>
      </c>
      <c r="OE23" s="119">
        <v>0</v>
      </c>
      <c r="OF23" s="120">
        <v>0</v>
      </c>
      <c r="OG23" s="121">
        <v>0</v>
      </c>
      <c r="OH23" s="142">
        <v>634155</v>
      </c>
      <c r="OI23" s="119">
        <v>361342</v>
      </c>
      <c r="OJ23" s="141">
        <v>995497</v>
      </c>
      <c r="OK23" s="118">
        <v>0</v>
      </c>
      <c r="OL23" s="119">
        <v>7416923</v>
      </c>
      <c r="OM23" s="119">
        <v>10862527</v>
      </c>
      <c r="ON23" s="119">
        <v>9869362</v>
      </c>
      <c r="OO23" s="119">
        <v>14218258</v>
      </c>
      <c r="OP23" s="119">
        <v>8639016</v>
      </c>
      <c r="OQ23" s="120">
        <v>51006086</v>
      </c>
      <c r="OR23" s="143">
        <v>52001583</v>
      </c>
    </row>
    <row r="24" spans="1:408" ht="20.25" customHeight="1" x14ac:dyDescent="0.2">
      <c r="A24" s="126" t="s">
        <v>19</v>
      </c>
      <c r="B24" s="110">
        <v>159698</v>
      </c>
      <c r="C24" s="114">
        <v>556223</v>
      </c>
      <c r="D24" s="113">
        <v>715921</v>
      </c>
      <c r="E24" s="109">
        <v>0</v>
      </c>
      <c r="F24" s="114">
        <v>3111292</v>
      </c>
      <c r="G24" s="114">
        <v>2665664</v>
      </c>
      <c r="H24" s="114">
        <v>2543397</v>
      </c>
      <c r="I24" s="114">
        <v>1624769</v>
      </c>
      <c r="J24" s="114">
        <v>1764485</v>
      </c>
      <c r="K24" s="109">
        <v>11709607</v>
      </c>
      <c r="L24" s="116">
        <v>12425528</v>
      </c>
      <c r="M24" s="110">
        <v>80611</v>
      </c>
      <c r="N24" s="114">
        <v>145435</v>
      </c>
      <c r="O24" s="113">
        <v>226046</v>
      </c>
      <c r="P24" s="110">
        <v>0</v>
      </c>
      <c r="Q24" s="114">
        <v>525448</v>
      </c>
      <c r="R24" s="114">
        <v>967901</v>
      </c>
      <c r="S24" s="114">
        <v>885074</v>
      </c>
      <c r="T24" s="114">
        <v>719007</v>
      </c>
      <c r="U24" s="114">
        <v>455969</v>
      </c>
      <c r="V24" s="113">
        <v>3553399</v>
      </c>
      <c r="W24" s="116">
        <v>3779445</v>
      </c>
      <c r="X24" s="110">
        <v>0</v>
      </c>
      <c r="Y24" s="114">
        <v>0</v>
      </c>
      <c r="Z24" s="113">
        <v>0</v>
      </c>
      <c r="AA24" s="110">
        <v>0</v>
      </c>
      <c r="AB24" s="114">
        <v>152400</v>
      </c>
      <c r="AC24" s="114">
        <v>377923</v>
      </c>
      <c r="AD24" s="114">
        <v>469325</v>
      </c>
      <c r="AE24" s="114">
        <v>255972</v>
      </c>
      <c r="AF24" s="114">
        <v>54075</v>
      </c>
      <c r="AG24" s="113">
        <v>1309695</v>
      </c>
      <c r="AH24" s="116">
        <v>1309695</v>
      </c>
      <c r="AI24" s="110">
        <v>0</v>
      </c>
      <c r="AJ24" s="114">
        <v>0</v>
      </c>
      <c r="AK24" s="113">
        <v>0</v>
      </c>
      <c r="AL24" s="110">
        <v>0</v>
      </c>
      <c r="AM24" s="114">
        <v>0</v>
      </c>
      <c r="AN24" s="114">
        <v>0</v>
      </c>
      <c r="AO24" s="114">
        <v>89243</v>
      </c>
      <c r="AP24" s="114">
        <v>29584</v>
      </c>
      <c r="AQ24" s="114">
        <v>132893</v>
      </c>
      <c r="AR24" s="113">
        <v>251720</v>
      </c>
      <c r="AS24" s="116">
        <v>251720</v>
      </c>
      <c r="AT24" s="110">
        <v>48929</v>
      </c>
      <c r="AU24" s="114">
        <v>108370</v>
      </c>
      <c r="AV24" s="113">
        <v>157299</v>
      </c>
      <c r="AW24" s="110">
        <v>0</v>
      </c>
      <c r="AX24" s="114">
        <v>143939</v>
      </c>
      <c r="AY24" s="114">
        <v>446639</v>
      </c>
      <c r="AZ24" s="114">
        <v>190216</v>
      </c>
      <c r="BA24" s="114">
        <v>328227</v>
      </c>
      <c r="BB24" s="114">
        <v>204937</v>
      </c>
      <c r="BC24" s="113">
        <v>1313958</v>
      </c>
      <c r="BD24" s="116">
        <v>1471257</v>
      </c>
      <c r="BE24" s="110">
        <v>0</v>
      </c>
      <c r="BF24" s="114">
        <v>0</v>
      </c>
      <c r="BG24" s="112">
        <v>0</v>
      </c>
      <c r="BH24" s="111">
        <v>0</v>
      </c>
      <c r="BI24" s="114">
        <v>84279</v>
      </c>
      <c r="BJ24" s="114">
        <v>27650</v>
      </c>
      <c r="BK24" s="114">
        <v>0</v>
      </c>
      <c r="BL24" s="114">
        <v>0</v>
      </c>
      <c r="BM24" s="114">
        <v>0</v>
      </c>
      <c r="BN24" s="113">
        <v>111929</v>
      </c>
      <c r="BO24" s="116">
        <v>111929</v>
      </c>
      <c r="BP24" s="110">
        <v>31682</v>
      </c>
      <c r="BQ24" s="114">
        <v>37065</v>
      </c>
      <c r="BR24" s="113">
        <v>68747</v>
      </c>
      <c r="BS24" s="110">
        <v>0</v>
      </c>
      <c r="BT24" s="114">
        <v>144830</v>
      </c>
      <c r="BU24" s="114">
        <v>115689</v>
      </c>
      <c r="BV24" s="114">
        <v>136290</v>
      </c>
      <c r="BW24" s="114">
        <v>105224</v>
      </c>
      <c r="BX24" s="114">
        <v>64064</v>
      </c>
      <c r="BY24" s="113">
        <v>566097</v>
      </c>
      <c r="BZ24" s="116">
        <v>634844</v>
      </c>
      <c r="CA24" s="110">
        <v>0</v>
      </c>
      <c r="CB24" s="114">
        <v>138480</v>
      </c>
      <c r="CC24" s="113">
        <v>138480</v>
      </c>
      <c r="CD24" s="110">
        <v>0</v>
      </c>
      <c r="CE24" s="114">
        <v>1064991</v>
      </c>
      <c r="CF24" s="114">
        <v>727723</v>
      </c>
      <c r="CG24" s="114">
        <v>540099</v>
      </c>
      <c r="CH24" s="114">
        <v>466621</v>
      </c>
      <c r="CI24" s="114">
        <v>458901</v>
      </c>
      <c r="CJ24" s="113">
        <v>3258335</v>
      </c>
      <c r="CK24" s="116">
        <v>3396815</v>
      </c>
      <c r="CL24" s="110">
        <v>0</v>
      </c>
      <c r="CM24" s="114">
        <v>0</v>
      </c>
      <c r="CN24" s="113">
        <v>0</v>
      </c>
      <c r="CO24" s="111">
        <v>0</v>
      </c>
      <c r="CP24" s="114">
        <v>895082</v>
      </c>
      <c r="CQ24" s="114">
        <v>542599</v>
      </c>
      <c r="CR24" s="114">
        <v>348211</v>
      </c>
      <c r="CS24" s="114">
        <v>33809</v>
      </c>
      <c r="CT24" s="114">
        <v>315670</v>
      </c>
      <c r="CU24" s="113">
        <v>2135371</v>
      </c>
      <c r="CV24" s="116">
        <v>2135371</v>
      </c>
      <c r="CW24" s="110">
        <v>0</v>
      </c>
      <c r="CX24" s="114">
        <v>138480</v>
      </c>
      <c r="CY24" s="113">
        <v>138480</v>
      </c>
      <c r="CZ24" s="110">
        <v>0</v>
      </c>
      <c r="DA24" s="114">
        <v>169909</v>
      </c>
      <c r="DB24" s="114">
        <v>185124</v>
      </c>
      <c r="DC24" s="114">
        <v>191888</v>
      </c>
      <c r="DD24" s="114">
        <v>432812</v>
      </c>
      <c r="DE24" s="114">
        <v>143231</v>
      </c>
      <c r="DF24" s="113">
        <v>1122964</v>
      </c>
      <c r="DG24" s="116">
        <v>1261444</v>
      </c>
      <c r="DH24" s="110">
        <v>0</v>
      </c>
      <c r="DI24" s="114">
        <v>0</v>
      </c>
      <c r="DJ24" s="112">
        <v>0</v>
      </c>
      <c r="DK24" s="111">
        <v>0</v>
      </c>
      <c r="DL24" s="114">
        <v>35937</v>
      </c>
      <c r="DM24" s="114">
        <v>136296</v>
      </c>
      <c r="DN24" s="114">
        <v>130668</v>
      </c>
      <c r="DO24" s="114">
        <v>35184</v>
      </c>
      <c r="DP24" s="114">
        <v>139458</v>
      </c>
      <c r="DQ24" s="113">
        <v>477543</v>
      </c>
      <c r="DR24" s="116">
        <v>477543</v>
      </c>
      <c r="DS24" s="110">
        <v>0</v>
      </c>
      <c r="DT24" s="114">
        <v>0</v>
      </c>
      <c r="DU24" s="113">
        <v>0</v>
      </c>
      <c r="DV24" s="110">
        <v>0</v>
      </c>
      <c r="DW24" s="114">
        <v>0</v>
      </c>
      <c r="DX24" s="114">
        <v>102026</v>
      </c>
      <c r="DY24" s="114">
        <v>47256</v>
      </c>
      <c r="DZ24" s="114">
        <v>0</v>
      </c>
      <c r="EA24" s="114">
        <v>139458</v>
      </c>
      <c r="EB24" s="113">
        <v>288740</v>
      </c>
      <c r="EC24" s="116">
        <v>288740</v>
      </c>
      <c r="ED24" s="110">
        <v>0</v>
      </c>
      <c r="EE24" s="112">
        <v>0</v>
      </c>
      <c r="EF24" s="113">
        <v>0</v>
      </c>
      <c r="EG24" s="110">
        <v>0</v>
      </c>
      <c r="EH24" s="114">
        <v>35937</v>
      </c>
      <c r="EI24" s="114">
        <v>34270</v>
      </c>
      <c r="EJ24" s="114">
        <v>83412</v>
      </c>
      <c r="EK24" s="114">
        <v>35184</v>
      </c>
      <c r="EL24" s="114">
        <v>0</v>
      </c>
      <c r="EM24" s="112">
        <v>188803</v>
      </c>
      <c r="EN24" s="116">
        <v>188803</v>
      </c>
      <c r="EO24" s="110">
        <v>0</v>
      </c>
      <c r="EP24" s="114">
        <v>0</v>
      </c>
      <c r="EQ24" s="112">
        <v>0</v>
      </c>
      <c r="ER24" s="111">
        <v>0</v>
      </c>
      <c r="ES24" s="114">
        <v>0</v>
      </c>
      <c r="ET24" s="114">
        <v>0</v>
      </c>
      <c r="EU24" s="114">
        <v>0</v>
      </c>
      <c r="EV24" s="114">
        <v>0</v>
      </c>
      <c r="EW24" s="114">
        <v>0</v>
      </c>
      <c r="EX24" s="113">
        <v>0</v>
      </c>
      <c r="EY24" s="116">
        <v>0</v>
      </c>
      <c r="EZ24" s="110">
        <v>0</v>
      </c>
      <c r="FA24" s="114">
        <v>0</v>
      </c>
      <c r="FB24" s="112">
        <v>0</v>
      </c>
      <c r="FC24" s="348"/>
      <c r="FD24" s="114">
        <v>0</v>
      </c>
      <c r="FE24" s="114">
        <v>0</v>
      </c>
      <c r="FF24" s="114">
        <v>0</v>
      </c>
      <c r="FG24" s="114">
        <v>0</v>
      </c>
      <c r="FH24" s="114">
        <v>0</v>
      </c>
      <c r="FI24" s="113">
        <v>0</v>
      </c>
      <c r="FJ24" s="116">
        <v>0</v>
      </c>
      <c r="FK24" s="110">
        <v>32355</v>
      </c>
      <c r="FL24" s="114">
        <v>38640</v>
      </c>
      <c r="FM24" s="113">
        <v>70995</v>
      </c>
      <c r="FN24" s="110">
        <v>0</v>
      </c>
      <c r="FO24" s="114">
        <v>104405</v>
      </c>
      <c r="FP24" s="114">
        <v>218449</v>
      </c>
      <c r="FQ24" s="114">
        <v>220395</v>
      </c>
      <c r="FR24" s="114">
        <v>257943</v>
      </c>
      <c r="FS24" s="114">
        <v>109767</v>
      </c>
      <c r="FT24" s="113">
        <v>910959</v>
      </c>
      <c r="FU24" s="116">
        <v>981954</v>
      </c>
      <c r="FV24" s="115">
        <v>17570</v>
      </c>
      <c r="FW24" s="114">
        <v>38640</v>
      </c>
      <c r="FX24" s="112">
        <v>56210</v>
      </c>
      <c r="FY24" s="111">
        <v>0</v>
      </c>
      <c r="FZ24" s="114">
        <v>104405</v>
      </c>
      <c r="GA24" s="114">
        <v>218449</v>
      </c>
      <c r="GB24" s="114">
        <v>213395</v>
      </c>
      <c r="GC24" s="114">
        <v>257943</v>
      </c>
      <c r="GD24" s="114">
        <v>109767</v>
      </c>
      <c r="GE24" s="113">
        <v>903959</v>
      </c>
      <c r="GF24" s="319">
        <v>960169</v>
      </c>
      <c r="GG24" s="115">
        <v>0</v>
      </c>
      <c r="GH24" s="114">
        <v>0</v>
      </c>
      <c r="GI24" s="112">
        <v>0</v>
      </c>
      <c r="GJ24" s="111">
        <v>0</v>
      </c>
      <c r="GK24" s="114">
        <v>0</v>
      </c>
      <c r="GL24" s="114">
        <v>0</v>
      </c>
      <c r="GM24" s="114">
        <v>0</v>
      </c>
      <c r="GN24" s="114">
        <v>0</v>
      </c>
      <c r="GO24" s="114">
        <v>0</v>
      </c>
      <c r="GP24" s="113">
        <v>0</v>
      </c>
      <c r="GQ24" s="116">
        <v>0</v>
      </c>
      <c r="GR24" s="110">
        <v>14785</v>
      </c>
      <c r="GS24" s="114">
        <v>0</v>
      </c>
      <c r="GT24" s="113">
        <v>14785</v>
      </c>
      <c r="GU24" s="110">
        <v>0</v>
      </c>
      <c r="GV24" s="114">
        <v>0</v>
      </c>
      <c r="GW24" s="114">
        <v>0</v>
      </c>
      <c r="GX24" s="114">
        <v>7000</v>
      </c>
      <c r="GY24" s="114">
        <v>0</v>
      </c>
      <c r="GZ24" s="114">
        <v>0</v>
      </c>
      <c r="HA24" s="112">
        <v>7000</v>
      </c>
      <c r="HB24" s="116">
        <v>21785</v>
      </c>
      <c r="HC24" s="110">
        <v>46732</v>
      </c>
      <c r="HD24" s="114">
        <v>233668</v>
      </c>
      <c r="HE24" s="112">
        <v>280400</v>
      </c>
      <c r="HF24" s="111">
        <v>0</v>
      </c>
      <c r="HG24" s="114">
        <v>1380511</v>
      </c>
      <c r="HH24" s="114">
        <v>615295</v>
      </c>
      <c r="HI24" s="114">
        <v>767161</v>
      </c>
      <c r="HJ24" s="114">
        <v>146014</v>
      </c>
      <c r="HK24" s="114">
        <v>600390</v>
      </c>
      <c r="HL24" s="113">
        <v>3509371</v>
      </c>
      <c r="HM24" s="109">
        <v>3789771</v>
      </c>
      <c r="HN24" s="329"/>
      <c r="HO24" s="330"/>
      <c r="HP24" s="331"/>
      <c r="HQ24" s="332"/>
      <c r="HR24" s="330"/>
      <c r="HS24" s="330"/>
      <c r="HT24" s="330"/>
      <c r="HU24" s="330"/>
      <c r="HV24" s="330"/>
      <c r="HW24" s="333"/>
      <c r="HX24" s="334"/>
      <c r="HY24" s="150">
        <v>0</v>
      </c>
      <c r="HZ24" s="135">
        <v>0</v>
      </c>
      <c r="IA24" s="150">
        <v>0</v>
      </c>
      <c r="IB24" s="134">
        <v>0</v>
      </c>
      <c r="IC24" s="135">
        <v>594956</v>
      </c>
      <c r="ID24" s="136">
        <v>954456</v>
      </c>
      <c r="IE24" s="137">
        <v>382426</v>
      </c>
      <c r="IF24" s="135">
        <v>1126382</v>
      </c>
      <c r="IG24" s="137">
        <v>250387</v>
      </c>
      <c r="IH24" s="138">
        <v>3308607</v>
      </c>
      <c r="II24" s="150">
        <v>3308607</v>
      </c>
      <c r="IJ24" s="232">
        <v>0</v>
      </c>
      <c r="IK24" s="236">
        <v>0</v>
      </c>
      <c r="IL24" s="237">
        <v>0</v>
      </c>
      <c r="IM24" s="140"/>
      <c r="IN24" s="119">
        <v>0</v>
      </c>
      <c r="IO24" s="119">
        <v>0</v>
      </c>
      <c r="IP24" s="119">
        <v>0</v>
      </c>
      <c r="IQ24" s="119">
        <v>344606</v>
      </c>
      <c r="IR24" s="119">
        <v>0</v>
      </c>
      <c r="IS24" s="141">
        <v>344606</v>
      </c>
      <c r="IT24" s="321">
        <v>344606</v>
      </c>
      <c r="IU24" s="142">
        <v>0</v>
      </c>
      <c r="IV24" s="119">
        <v>0</v>
      </c>
      <c r="IW24" s="120">
        <v>0</v>
      </c>
      <c r="IX24" s="144"/>
      <c r="IY24" s="119">
        <v>0</v>
      </c>
      <c r="IZ24" s="119">
        <v>0</v>
      </c>
      <c r="JA24" s="119">
        <v>5789</v>
      </c>
      <c r="JB24" s="119">
        <v>8725</v>
      </c>
      <c r="JC24" s="119">
        <v>0</v>
      </c>
      <c r="JD24" s="120">
        <v>14514</v>
      </c>
      <c r="JE24" s="121">
        <v>14514</v>
      </c>
      <c r="JF24" s="142">
        <v>0</v>
      </c>
      <c r="JG24" s="119">
        <v>0</v>
      </c>
      <c r="JH24" s="141">
        <v>0</v>
      </c>
      <c r="JI24" s="118">
        <v>0</v>
      </c>
      <c r="JJ24" s="119">
        <v>453793</v>
      </c>
      <c r="JK24" s="119">
        <v>164756</v>
      </c>
      <c r="JL24" s="119">
        <v>188993</v>
      </c>
      <c r="JM24" s="119">
        <v>139347</v>
      </c>
      <c r="JN24" s="119">
        <v>0</v>
      </c>
      <c r="JO24" s="120">
        <v>946889</v>
      </c>
      <c r="JP24" s="321">
        <v>946889</v>
      </c>
      <c r="JQ24" s="142">
        <v>0</v>
      </c>
      <c r="JR24" s="119">
        <v>0</v>
      </c>
      <c r="JS24" s="141">
        <v>0</v>
      </c>
      <c r="JT24" s="118">
        <v>0</v>
      </c>
      <c r="JU24" s="119">
        <v>34332</v>
      </c>
      <c r="JV24" s="119">
        <v>227108</v>
      </c>
      <c r="JW24" s="119">
        <v>0</v>
      </c>
      <c r="JX24" s="119">
        <v>0</v>
      </c>
      <c r="JY24" s="119">
        <v>0</v>
      </c>
      <c r="JZ24" s="120">
        <v>261440</v>
      </c>
      <c r="KA24" s="321">
        <v>261440</v>
      </c>
      <c r="KB24" s="234">
        <v>0</v>
      </c>
      <c r="KC24" s="230">
        <v>0</v>
      </c>
      <c r="KD24" s="120">
        <v>0</v>
      </c>
      <c r="KE24" s="118">
        <v>0</v>
      </c>
      <c r="KF24" s="119">
        <v>106831</v>
      </c>
      <c r="KG24" s="119">
        <v>142655</v>
      </c>
      <c r="KH24" s="119">
        <v>187644</v>
      </c>
      <c r="KI24" s="119">
        <v>438084</v>
      </c>
      <c r="KJ24" s="119">
        <v>250387</v>
      </c>
      <c r="KK24" s="120">
        <v>1125601</v>
      </c>
      <c r="KL24" s="143">
        <v>1125601</v>
      </c>
      <c r="KM24" s="232">
        <v>0</v>
      </c>
      <c r="KN24" s="236">
        <v>0</v>
      </c>
      <c r="KO24" s="237">
        <v>0</v>
      </c>
      <c r="KP24" s="140"/>
      <c r="KQ24" s="119">
        <v>0</v>
      </c>
      <c r="KR24" s="119">
        <v>419937</v>
      </c>
      <c r="KS24" s="119">
        <v>0</v>
      </c>
      <c r="KT24" s="119">
        <v>0</v>
      </c>
      <c r="KU24" s="119">
        <v>0</v>
      </c>
      <c r="KV24" s="120">
        <v>419937</v>
      </c>
      <c r="KW24" s="321">
        <v>419937</v>
      </c>
      <c r="KX24" s="142">
        <v>0</v>
      </c>
      <c r="KY24" s="119">
        <v>0</v>
      </c>
      <c r="KZ24" s="120">
        <v>0</v>
      </c>
      <c r="LA24" s="145"/>
      <c r="LB24" s="119">
        <v>0</v>
      </c>
      <c r="LC24" s="119">
        <v>0</v>
      </c>
      <c r="LD24" s="119">
        <v>0</v>
      </c>
      <c r="LE24" s="119">
        <v>0</v>
      </c>
      <c r="LF24" s="119">
        <v>0</v>
      </c>
      <c r="LG24" s="120">
        <v>0</v>
      </c>
      <c r="LH24" s="121">
        <v>0</v>
      </c>
      <c r="LI24" s="142">
        <v>0</v>
      </c>
      <c r="LJ24" s="119">
        <v>0</v>
      </c>
      <c r="LK24" s="120">
        <v>0</v>
      </c>
      <c r="LL24" s="145"/>
      <c r="LM24" s="119">
        <v>0</v>
      </c>
      <c r="LN24" s="119">
        <v>0</v>
      </c>
      <c r="LO24" s="119">
        <v>0</v>
      </c>
      <c r="LP24" s="119">
        <v>0</v>
      </c>
      <c r="LQ24" s="119">
        <v>0</v>
      </c>
      <c r="LR24" s="120">
        <v>0</v>
      </c>
      <c r="LS24" s="321">
        <v>0</v>
      </c>
      <c r="LT24" s="142">
        <v>0</v>
      </c>
      <c r="LU24" s="119">
        <v>0</v>
      </c>
      <c r="LV24" s="120">
        <v>0</v>
      </c>
      <c r="LW24" s="145"/>
      <c r="LX24" s="119">
        <v>0</v>
      </c>
      <c r="LY24" s="119">
        <v>0</v>
      </c>
      <c r="LZ24" s="119">
        <v>0</v>
      </c>
      <c r="MA24" s="119">
        <v>195620</v>
      </c>
      <c r="MB24" s="119">
        <v>0</v>
      </c>
      <c r="MC24" s="120">
        <v>195620</v>
      </c>
      <c r="MD24" s="121">
        <v>195620</v>
      </c>
      <c r="ME24" s="142">
        <v>0</v>
      </c>
      <c r="MF24" s="119">
        <v>0</v>
      </c>
      <c r="MG24" s="120">
        <v>0</v>
      </c>
      <c r="MH24" s="145"/>
      <c r="MI24" s="119">
        <v>153071</v>
      </c>
      <c r="MJ24" s="119">
        <v>410194</v>
      </c>
      <c r="MK24" s="119">
        <v>1217972</v>
      </c>
      <c r="ML24" s="119">
        <v>1095901</v>
      </c>
      <c r="MM24" s="119">
        <v>950778</v>
      </c>
      <c r="MN24" s="120">
        <v>3827916</v>
      </c>
      <c r="MO24" s="143">
        <v>3827916</v>
      </c>
      <c r="MP24" s="142">
        <v>0</v>
      </c>
      <c r="MQ24" s="119">
        <v>0</v>
      </c>
      <c r="MR24" s="120">
        <v>0</v>
      </c>
      <c r="MS24" s="145"/>
      <c r="MT24" s="119">
        <v>0</v>
      </c>
      <c r="MU24" s="119">
        <v>0</v>
      </c>
      <c r="MV24" s="119">
        <v>532588</v>
      </c>
      <c r="MW24" s="119">
        <v>1095901</v>
      </c>
      <c r="MX24" s="119">
        <v>477265</v>
      </c>
      <c r="MY24" s="120">
        <v>2105754</v>
      </c>
      <c r="MZ24" s="143">
        <v>2105754</v>
      </c>
      <c r="NA24" s="142">
        <v>0</v>
      </c>
      <c r="NB24" s="119">
        <v>0</v>
      </c>
      <c r="NC24" s="120">
        <v>0</v>
      </c>
      <c r="ND24" s="145">
        <v>0</v>
      </c>
      <c r="NE24" s="119">
        <v>153071</v>
      </c>
      <c r="NF24" s="119">
        <v>410194</v>
      </c>
      <c r="NG24" s="119">
        <v>685384</v>
      </c>
      <c r="NH24" s="119">
        <v>0</v>
      </c>
      <c r="NI24" s="119">
        <v>473513</v>
      </c>
      <c r="NJ24" s="120">
        <v>1722162</v>
      </c>
      <c r="NK24" s="321">
        <v>1722162</v>
      </c>
      <c r="NL24" s="142">
        <v>0</v>
      </c>
      <c r="NM24" s="119">
        <v>0</v>
      </c>
      <c r="NN24" s="120">
        <v>0</v>
      </c>
      <c r="NO24" s="145"/>
      <c r="NP24" s="119">
        <v>0</v>
      </c>
      <c r="NQ24" s="119">
        <v>0</v>
      </c>
      <c r="NR24" s="119">
        <v>0</v>
      </c>
      <c r="NS24" s="119">
        <v>0</v>
      </c>
      <c r="NT24" s="119">
        <v>0</v>
      </c>
      <c r="NU24" s="120">
        <v>0</v>
      </c>
      <c r="NV24" s="121">
        <v>0</v>
      </c>
      <c r="NW24" s="142">
        <v>0</v>
      </c>
      <c r="NX24" s="119">
        <v>0</v>
      </c>
      <c r="NY24" s="120">
        <v>0</v>
      </c>
      <c r="NZ24" s="145"/>
      <c r="OA24" s="119">
        <v>0</v>
      </c>
      <c r="OB24" s="119">
        <v>0</v>
      </c>
      <c r="OC24" s="119">
        <v>0</v>
      </c>
      <c r="OD24" s="119">
        <v>0</v>
      </c>
      <c r="OE24" s="119">
        <v>0</v>
      </c>
      <c r="OF24" s="120">
        <v>0</v>
      </c>
      <c r="OG24" s="121">
        <v>0</v>
      </c>
      <c r="OH24" s="142">
        <v>159698</v>
      </c>
      <c r="OI24" s="119">
        <v>556223</v>
      </c>
      <c r="OJ24" s="141">
        <v>715921</v>
      </c>
      <c r="OK24" s="118">
        <v>0</v>
      </c>
      <c r="OL24" s="119">
        <v>3859319</v>
      </c>
      <c r="OM24" s="119">
        <v>4030314</v>
      </c>
      <c r="ON24" s="119">
        <v>4143795</v>
      </c>
      <c r="OO24" s="119">
        <v>3847052</v>
      </c>
      <c r="OP24" s="119">
        <v>2965650</v>
      </c>
      <c r="OQ24" s="120">
        <v>18846130</v>
      </c>
      <c r="OR24" s="143">
        <v>19562051</v>
      </c>
    </row>
    <row r="25" spans="1:408" ht="20.25" customHeight="1" x14ac:dyDescent="0.2">
      <c r="A25" s="126" t="s">
        <v>20</v>
      </c>
      <c r="B25" s="110">
        <v>158468</v>
      </c>
      <c r="C25" s="114">
        <v>496894</v>
      </c>
      <c r="D25" s="113">
        <v>655362</v>
      </c>
      <c r="E25" s="110">
        <v>0</v>
      </c>
      <c r="F25" s="114">
        <v>2819484</v>
      </c>
      <c r="G25" s="114">
        <v>3028898</v>
      </c>
      <c r="H25" s="114">
        <v>2938970</v>
      </c>
      <c r="I25" s="114">
        <v>3102004</v>
      </c>
      <c r="J25" s="114">
        <v>2545133</v>
      </c>
      <c r="K25" s="173">
        <v>14434489</v>
      </c>
      <c r="L25" s="116">
        <v>15089851</v>
      </c>
      <c r="M25" s="110">
        <v>51915</v>
      </c>
      <c r="N25" s="114">
        <v>121986</v>
      </c>
      <c r="O25" s="113">
        <v>173901</v>
      </c>
      <c r="P25" s="110">
        <v>0</v>
      </c>
      <c r="Q25" s="114">
        <v>1147203</v>
      </c>
      <c r="R25" s="114">
        <v>870514</v>
      </c>
      <c r="S25" s="114">
        <v>761522</v>
      </c>
      <c r="T25" s="114">
        <v>875653</v>
      </c>
      <c r="U25" s="114">
        <v>988583</v>
      </c>
      <c r="V25" s="113">
        <v>4643475</v>
      </c>
      <c r="W25" s="116">
        <v>4817376</v>
      </c>
      <c r="X25" s="110">
        <v>0</v>
      </c>
      <c r="Y25" s="114">
        <v>0</v>
      </c>
      <c r="Z25" s="113">
        <v>0</v>
      </c>
      <c r="AA25" s="110">
        <v>0</v>
      </c>
      <c r="AB25" s="114">
        <v>415029</v>
      </c>
      <c r="AC25" s="114">
        <v>281298</v>
      </c>
      <c r="AD25" s="114">
        <v>331928</v>
      </c>
      <c r="AE25" s="114">
        <v>415289</v>
      </c>
      <c r="AF25" s="114">
        <v>600019</v>
      </c>
      <c r="AG25" s="113">
        <v>2043563</v>
      </c>
      <c r="AH25" s="116">
        <v>2043563</v>
      </c>
      <c r="AI25" s="110">
        <v>0</v>
      </c>
      <c r="AJ25" s="114">
        <v>0</v>
      </c>
      <c r="AK25" s="113">
        <v>0</v>
      </c>
      <c r="AL25" s="110">
        <v>0</v>
      </c>
      <c r="AM25" s="114">
        <v>0</v>
      </c>
      <c r="AN25" s="114">
        <v>0</v>
      </c>
      <c r="AO25" s="114">
        <v>0</v>
      </c>
      <c r="AP25" s="114">
        <v>0</v>
      </c>
      <c r="AQ25" s="114">
        <v>220841</v>
      </c>
      <c r="AR25" s="113">
        <v>220841</v>
      </c>
      <c r="AS25" s="116">
        <v>220841</v>
      </c>
      <c r="AT25" s="110">
        <v>18989</v>
      </c>
      <c r="AU25" s="114">
        <v>69059</v>
      </c>
      <c r="AV25" s="113">
        <v>88048</v>
      </c>
      <c r="AW25" s="110">
        <v>0</v>
      </c>
      <c r="AX25" s="114">
        <v>483298</v>
      </c>
      <c r="AY25" s="114">
        <v>364467</v>
      </c>
      <c r="AZ25" s="114">
        <v>237887</v>
      </c>
      <c r="BA25" s="114">
        <v>281703</v>
      </c>
      <c r="BB25" s="114">
        <v>58556</v>
      </c>
      <c r="BC25" s="113">
        <v>1425911</v>
      </c>
      <c r="BD25" s="116">
        <v>1513959</v>
      </c>
      <c r="BE25" s="110">
        <v>28922</v>
      </c>
      <c r="BF25" s="114">
        <v>37667</v>
      </c>
      <c r="BG25" s="112">
        <v>66589</v>
      </c>
      <c r="BH25" s="111">
        <v>0</v>
      </c>
      <c r="BI25" s="114">
        <v>36055</v>
      </c>
      <c r="BJ25" s="114">
        <v>153027</v>
      </c>
      <c r="BK25" s="114">
        <v>87169</v>
      </c>
      <c r="BL25" s="114">
        <v>0</v>
      </c>
      <c r="BM25" s="114">
        <v>16207</v>
      </c>
      <c r="BN25" s="113">
        <v>292458</v>
      </c>
      <c r="BO25" s="116">
        <v>359047</v>
      </c>
      <c r="BP25" s="110">
        <v>4004</v>
      </c>
      <c r="BQ25" s="114">
        <v>15260</v>
      </c>
      <c r="BR25" s="113">
        <v>19264</v>
      </c>
      <c r="BS25" s="110">
        <v>0</v>
      </c>
      <c r="BT25" s="114">
        <v>212821</v>
      </c>
      <c r="BU25" s="114">
        <v>71722</v>
      </c>
      <c r="BV25" s="114">
        <v>104538</v>
      </c>
      <c r="BW25" s="114">
        <v>178661</v>
      </c>
      <c r="BX25" s="114">
        <v>92960</v>
      </c>
      <c r="BY25" s="113">
        <v>660702</v>
      </c>
      <c r="BZ25" s="116">
        <v>679966</v>
      </c>
      <c r="CA25" s="110">
        <v>35646</v>
      </c>
      <c r="CB25" s="114">
        <v>137841</v>
      </c>
      <c r="CC25" s="113">
        <v>173487</v>
      </c>
      <c r="CD25" s="110">
        <v>0</v>
      </c>
      <c r="CE25" s="114">
        <v>641207</v>
      </c>
      <c r="CF25" s="114">
        <v>1321310</v>
      </c>
      <c r="CG25" s="114">
        <v>685710</v>
      </c>
      <c r="CH25" s="114">
        <v>395435</v>
      </c>
      <c r="CI25" s="114">
        <v>497706</v>
      </c>
      <c r="CJ25" s="113">
        <v>3541368</v>
      </c>
      <c r="CK25" s="116">
        <v>3714855</v>
      </c>
      <c r="CL25" s="110">
        <v>0</v>
      </c>
      <c r="CM25" s="114">
        <v>0</v>
      </c>
      <c r="CN25" s="113">
        <v>0</v>
      </c>
      <c r="CO25" s="111">
        <v>0</v>
      </c>
      <c r="CP25" s="114">
        <v>312266</v>
      </c>
      <c r="CQ25" s="114">
        <v>547006</v>
      </c>
      <c r="CR25" s="114">
        <v>465689</v>
      </c>
      <c r="CS25" s="114">
        <v>295276</v>
      </c>
      <c r="CT25" s="114">
        <v>379203</v>
      </c>
      <c r="CU25" s="113">
        <v>1999440</v>
      </c>
      <c r="CV25" s="116">
        <v>1999440</v>
      </c>
      <c r="CW25" s="110">
        <v>35646</v>
      </c>
      <c r="CX25" s="114">
        <v>137841</v>
      </c>
      <c r="CY25" s="113">
        <v>173487</v>
      </c>
      <c r="CZ25" s="110">
        <v>0</v>
      </c>
      <c r="DA25" s="114">
        <v>328941</v>
      </c>
      <c r="DB25" s="114">
        <v>774304</v>
      </c>
      <c r="DC25" s="114">
        <v>220021</v>
      </c>
      <c r="DD25" s="114">
        <v>100159</v>
      </c>
      <c r="DE25" s="114">
        <v>118503</v>
      </c>
      <c r="DF25" s="113">
        <v>1541928</v>
      </c>
      <c r="DG25" s="116">
        <v>1715415</v>
      </c>
      <c r="DH25" s="110">
        <v>0</v>
      </c>
      <c r="DI25" s="114">
        <v>0</v>
      </c>
      <c r="DJ25" s="112">
        <v>0</v>
      </c>
      <c r="DK25" s="111">
        <v>0</v>
      </c>
      <c r="DL25" s="114">
        <v>41793</v>
      </c>
      <c r="DM25" s="114">
        <v>80543</v>
      </c>
      <c r="DN25" s="114">
        <v>559915</v>
      </c>
      <c r="DO25" s="114">
        <v>417967</v>
      </c>
      <c r="DP25" s="114">
        <v>348571</v>
      </c>
      <c r="DQ25" s="113">
        <v>1448789</v>
      </c>
      <c r="DR25" s="116">
        <v>1448789</v>
      </c>
      <c r="DS25" s="110">
        <v>0</v>
      </c>
      <c r="DT25" s="114">
        <v>0</v>
      </c>
      <c r="DU25" s="113">
        <v>0</v>
      </c>
      <c r="DV25" s="110">
        <v>0</v>
      </c>
      <c r="DW25" s="114">
        <v>41793</v>
      </c>
      <c r="DX25" s="114">
        <v>14031</v>
      </c>
      <c r="DY25" s="114">
        <v>472796</v>
      </c>
      <c r="DZ25" s="114">
        <v>417967</v>
      </c>
      <c r="EA25" s="114">
        <v>348571</v>
      </c>
      <c r="EB25" s="113">
        <v>1295158</v>
      </c>
      <c r="EC25" s="116">
        <v>1295158</v>
      </c>
      <c r="ED25" s="110">
        <v>0</v>
      </c>
      <c r="EE25" s="112">
        <v>0</v>
      </c>
      <c r="EF25" s="113">
        <v>0</v>
      </c>
      <c r="EG25" s="110">
        <v>0</v>
      </c>
      <c r="EH25" s="114">
        <v>0</v>
      </c>
      <c r="EI25" s="114">
        <v>66512</v>
      </c>
      <c r="EJ25" s="114">
        <v>87119</v>
      </c>
      <c r="EK25" s="114">
        <v>0</v>
      </c>
      <c r="EL25" s="114">
        <v>0</v>
      </c>
      <c r="EM25" s="112">
        <v>153631</v>
      </c>
      <c r="EN25" s="116">
        <v>153631</v>
      </c>
      <c r="EO25" s="110">
        <v>0</v>
      </c>
      <c r="EP25" s="114">
        <v>0</v>
      </c>
      <c r="EQ25" s="112">
        <v>0</v>
      </c>
      <c r="ER25" s="111">
        <v>0</v>
      </c>
      <c r="ES25" s="114">
        <v>0</v>
      </c>
      <c r="ET25" s="114">
        <v>0</v>
      </c>
      <c r="EU25" s="114">
        <v>0</v>
      </c>
      <c r="EV25" s="114">
        <v>0</v>
      </c>
      <c r="EW25" s="114">
        <v>0</v>
      </c>
      <c r="EX25" s="113">
        <v>0</v>
      </c>
      <c r="EY25" s="116">
        <v>0</v>
      </c>
      <c r="EZ25" s="110">
        <v>0</v>
      </c>
      <c r="FA25" s="114">
        <v>0</v>
      </c>
      <c r="FB25" s="112">
        <v>0</v>
      </c>
      <c r="FC25" s="348"/>
      <c r="FD25" s="114">
        <v>0</v>
      </c>
      <c r="FE25" s="114">
        <v>0</v>
      </c>
      <c r="FF25" s="114">
        <v>0</v>
      </c>
      <c r="FG25" s="114">
        <v>0</v>
      </c>
      <c r="FH25" s="114">
        <v>0</v>
      </c>
      <c r="FI25" s="113">
        <v>0</v>
      </c>
      <c r="FJ25" s="116">
        <v>0</v>
      </c>
      <c r="FK25" s="110">
        <v>23555</v>
      </c>
      <c r="FL25" s="114">
        <v>83678</v>
      </c>
      <c r="FM25" s="113">
        <v>107233</v>
      </c>
      <c r="FN25" s="110">
        <v>0</v>
      </c>
      <c r="FO25" s="114">
        <v>184023</v>
      </c>
      <c r="FP25" s="114">
        <v>297101</v>
      </c>
      <c r="FQ25" s="114">
        <v>236320</v>
      </c>
      <c r="FR25" s="114">
        <v>134043</v>
      </c>
      <c r="FS25" s="114">
        <v>176351</v>
      </c>
      <c r="FT25" s="113">
        <v>1027838</v>
      </c>
      <c r="FU25" s="116">
        <v>1135071</v>
      </c>
      <c r="FV25" s="115">
        <v>23555</v>
      </c>
      <c r="FW25" s="114">
        <v>70126</v>
      </c>
      <c r="FX25" s="112">
        <v>93681</v>
      </c>
      <c r="FY25" s="111">
        <v>0</v>
      </c>
      <c r="FZ25" s="114">
        <v>169393</v>
      </c>
      <c r="GA25" s="114">
        <v>297101</v>
      </c>
      <c r="GB25" s="114">
        <v>236320</v>
      </c>
      <c r="GC25" s="114">
        <v>134043</v>
      </c>
      <c r="GD25" s="114">
        <v>176351</v>
      </c>
      <c r="GE25" s="113">
        <v>1013208</v>
      </c>
      <c r="GF25" s="319">
        <v>1106889</v>
      </c>
      <c r="GG25" s="115">
        <v>0</v>
      </c>
      <c r="GH25" s="114">
        <v>13552</v>
      </c>
      <c r="GI25" s="112">
        <v>13552</v>
      </c>
      <c r="GJ25" s="111">
        <v>0</v>
      </c>
      <c r="GK25" s="114">
        <v>14630</v>
      </c>
      <c r="GL25" s="114">
        <v>0</v>
      </c>
      <c r="GM25" s="114">
        <v>0</v>
      </c>
      <c r="GN25" s="114">
        <v>0</v>
      </c>
      <c r="GO25" s="114">
        <v>0</v>
      </c>
      <c r="GP25" s="113">
        <v>14630</v>
      </c>
      <c r="GQ25" s="116">
        <v>28182</v>
      </c>
      <c r="GR25" s="110">
        <v>0</v>
      </c>
      <c r="GS25" s="114">
        <v>0</v>
      </c>
      <c r="GT25" s="113">
        <v>0</v>
      </c>
      <c r="GU25" s="110">
        <v>0</v>
      </c>
      <c r="GV25" s="114">
        <v>0</v>
      </c>
      <c r="GW25" s="114">
        <v>0</v>
      </c>
      <c r="GX25" s="114">
        <v>0</v>
      </c>
      <c r="GY25" s="114">
        <v>0</v>
      </c>
      <c r="GZ25" s="114">
        <v>0</v>
      </c>
      <c r="HA25" s="112">
        <v>0</v>
      </c>
      <c r="HB25" s="116">
        <v>0</v>
      </c>
      <c r="HC25" s="110">
        <v>47352</v>
      </c>
      <c r="HD25" s="114">
        <v>153389</v>
      </c>
      <c r="HE25" s="112">
        <v>200741</v>
      </c>
      <c r="HF25" s="111">
        <v>0</v>
      </c>
      <c r="HG25" s="114">
        <v>805258</v>
      </c>
      <c r="HH25" s="114">
        <v>459430</v>
      </c>
      <c r="HI25" s="114">
        <v>695503</v>
      </c>
      <c r="HJ25" s="114">
        <v>1278906</v>
      </c>
      <c r="HK25" s="114">
        <v>533922</v>
      </c>
      <c r="HL25" s="113">
        <v>3773019</v>
      </c>
      <c r="HM25" s="109">
        <v>3973760</v>
      </c>
      <c r="HN25" s="329"/>
      <c r="HO25" s="330"/>
      <c r="HP25" s="331"/>
      <c r="HQ25" s="332"/>
      <c r="HR25" s="330"/>
      <c r="HS25" s="330"/>
      <c r="HT25" s="330"/>
      <c r="HU25" s="330"/>
      <c r="HV25" s="330"/>
      <c r="HW25" s="333"/>
      <c r="HX25" s="334"/>
      <c r="HY25" s="131">
        <v>0</v>
      </c>
      <c r="HZ25" s="132">
        <v>0</v>
      </c>
      <c r="IA25" s="133">
        <v>0</v>
      </c>
      <c r="IB25" s="146">
        <v>0</v>
      </c>
      <c r="IC25" s="132">
        <v>665781</v>
      </c>
      <c r="ID25" s="147">
        <v>475609</v>
      </c>
      <c r="IE25" s="133">
        <v>563051</v>
      </c>
      <c r="IF25" s="132">
        <v>343395</v>
      </c>
      <c r="IG25" s="133">
        <v>0</v>
      </c>
      <c r="IH25" s="148">
        <v>2047836</v>
      </c>
      <c r="II25" s="139">
        <v>2047836</v>
      </c>
      <c r="IJ25" s="232">
        <v>0</v>
      </c>
      <c r="IK25" s="236">
        <v>0</v>
      </c>
      <c r="IL25" s="237">
        <v>0</v>
      </c>
      <c r="IM25" s="140"/>
      <c r="IN25" s="119">
        <v>0</v>
      </c>
      <c r="IO25" s="119">
        <v>0</v>
      </c>
      <c r="IP25" s="119">
        <v>0</v>
      </c>
      <c r="IQ25" s="119">
        <v>0</v>
      </c>
      <c r="IR25" s="119">
        <v>0</v>
      </c>
      <c r="IS25" s="141">
        <v>0</v>
      </c>
      <c r="IT25" s="321">
        <v>0</v>
      </c>
      <c r="IU25" s="142">
        <v>0</v>
      </c>
      <c r="IV25" s="119">
        <v>0</v>
      </c>
      <c r="IW25" s="120">
        <v>0</v>
      </c>
      <c r="IX25" s="144"/>
      <c r="IY25" s="119">
        <v>0</v>
      </c>
      <c r="IZ25" s="119">
        <v>0</v>
      </c>
      <c r="JA25" s="119">
        <v>0</v>
      </c>
      <c r="JB25" s="119">
        <v>0</v>
      </c>
      <c r="JC25" s="119">
        <v>0</v>
      </c>
      <c r="JD25" s="120">
        <v>0</v>
      </c>
      <c r="JE25" s="121">
        <v>0</v>
      </c>
      <c r="JF25" s="142">
        <v>0</v>
      </c>
      <c r="JG25" s="119">
        <v>0</v>
      </c>
      <c r="JH25" s="141">
        <v>0</v>
      </c>
      <c r="JI25" s="118">
        <v>0</v>
      </c>
      <c r="JJ25" s="119">
        <v>261571</v>
      </c>
      <c r="JK25" s="119">
        <v>146663</v>
      </c>
      <c r="JL25" s="119">
        <v>0</v>
      </c>
      <c r="JM25" s="119">
        <v>35148</v>
      </c>
      <c r="JN25" s="119">
        <v>0</v>
      </c>
      <c r="JO25" s="120">
        <v>443382</v>
      </c>
      <c r="JP25" s="321">
        <v>443382</v>
      </c>
      <c r="JQ25" s="142">
        <v>0</v>
      </c>
      <c r="JR25" s="119">
        <v>0</v>
      </c>
      <c r="JS25" s="141">
        <v>0</v>
      </c>
      <c r="JT25" s="118">
        <v>0</v>
      </c>
      <c r="JU25" s="119">
        <v>0</v>
      </c>
      <c r="JV25" s="119">
        <v>0</v>
      </c>
      <c r="JW25" s="119">
        <v>0</v>
      </c>
      <c r="JX25" s="119">
        <v>84215</v>
      </c>
      <c r="JY25" s="119">
        <v>0</v>
      </c>
      <c r="JZ25" s="120">
        <v>84215</v>
      </c>
      <c r="KA25" s="321">
        <v>84215</v>
      </c>
      <c r="KB25" s="234">
        <v>0</v>
      </c>
      <c r="KC25" s="230">
        <v>0</v>
      </c>
      <c r="KD25" s="120">
        <v>0</v>
      </c>
      <c r="KE25" s="118">
        <v>0</v>
      </c>
      <c r="KF25" s="119">
        <v>0</v>
      </c>
      <c r="KG25" s="119">
        <v>121286</v>
      </c>
      <c r="KH25" s="119">
        <v>347444</v>
      </c>
      <c r="KI25" s="119">
        <v>0</v>
      </c>
      <c r="KJ25" s="119">
        <v>0</v>
      </c>
      <c r="KK25" s="120">
        <v>468730</v>
      </c>
      <c r="KL25" s="143">
        <v>468730</v>
      </c>
      <c r="KM25" s="232">
        <v>0</v>
      </c>
      <c r="KN25" s="236">
        <v>0</v>
      </c>
      <c r="KO25" s="237">
        <v>0</v>
      </c>
      <c r="KP25" s="140"/>
      <c r="KQ25" s="119">
        <v>404210</v>
      </c>
      <c r="KR25" s="119">
        <v>207660</v>
      </c>
      <c r="KS25" s="119">
        <v>215607</v>
      </c>
      <c r="KT25" s="119">
        <v>224032</v>
      </c>
      <c r="KU25" s="119">
        <v>0</v>
      </c>
      <c r="KV25" s="120">
        <v>1051509</v>
      </c>
      <c r="KW25" s="321">
        <v>1051509</v>
      </c>
      <c r="KX25" s="142">
        <v>0</v>
      </c>
      <c r="KY25" s="119">
        <v>0</v>
      </c>
      <c r="KZ25" s="120">
        <v>0</v>
      </c>
      <c r="LA25" s="145"/>
      <c r="LB25" s="119">
        <v>0</v>
      </c>
      <c r="LC25" s="119">
        <v>0</v>
      </c>
      <c r="LD25" s="119">
        <v>0</v>
      </c>
      <c r="LE25" s="119">
        <v>0</v>
      </c>
      <c r="LF25" s="119">
        <v>0</v>
      </c>
      <c r="LG25" s="120">
        <v>0</v>
      </c>
      <c r="LH25" s="121">
        <v>0</v>
      </c>
      <c r="LI25" s="142">
        <v>0</v>
      </c>
      <c r="LJ25" s="119">
        <v>0</v>
      </c>
      <c r="LK25" s="120">
        <v>0</v>
      </c>
      <c r="LL25" s="145"/>
      <c r="LM25" s="119">
        <v>0</v>
      </c>
      <c r="LN25" s="119">
        <v>0</v>
      </c>
      <c r="LO25" s="119">
        <v>0</v>
      </c>
      <c r="LP25" s="119">
        <v>0</v>
      </c>
      <c r="LQ25" s="119">
        <v>0</v>
      </c>
      <c r="LR25" s="120">
        <v>0</v>
      </c>
      <c r="LS25" s="321">
        <v>0</v>
      </c>
      <c r="LT25" s="142">
        <v>0</v>
      </c>
      <c r="LU25" s="119">
        <v>0</v>
      </c>
      <c r="LV25" s="120">
        <v>0</v>
      </c>
      <c r="LW25" s="145"/>
      <c r="LX25" s="119">
        <v>0</v>
      </c>
      <c r="LY25" s="119">
        <v>0</v>
      </c>
      <c r="LZ25" s="119">
        <v>0</v>
      </c>
      <c r="MA25" s="119">
        <v>0</v>
      </c>
      <c r="MB25" s="119">
        <v>0</v>
      </c>
      <c r="MC25" s="120">
        <v>0</v>
      </c>
      <c r="MD25" s="121">
        <v>0</v>
      </c>
      <c r="ME25" s="142">
        <v>0</v>
      </c>
      <c r="MF25" s="119">
        <v>0</v>
      </c>
      <c r="MG25" s="120">
        <v>0</v>
      </c>
      <c r="MH25" s="145"/>
      <c r="MI25" s="119">
        <v>199472</v>
      </c>
      <c r="MJ25" s="119">
        <v>433729</v>
      </c>
      <c r="MK25" s="119">
        <v>1341277</v>
      </c>
      <c r="ML25" s="119">
        <v>2149401</v>
      </c>
      <c r="MM25" s="119">
        <v>854673</v>
      </c>
      <c r="MN25" s="120">
        <v>4978552</v>
      </c>
      <c r="MO25" s="143">
        <v>4978552</v>
      </c>
      <c r="MP25" s="142">
        <v>0</v>
      </c>
      <c r="MQ25" s="119">
        <v>0</v>
      </c>
      <c r="MR25" s="120">
        <v>0</v>
      </c>
      <c r="MS25" s="145"/>
      <c r="MT25" s="119">
        <v>0</v>
      </c>
      <c r="MU25" s="119">
        <v>209431</v>
      </c>
      <c r="MV25" s="119">
        <v>576102</v>
      </c>
      <c r="MW25" s="119">
        <v>1676797</v>
      </c>
      <c r="MX25" s="119">
        <v>514060</v>
      </c>
      <c r="MY25" s="120">
        <v>2976390</v>
      </c>
      <c r="MZ25" s="143">
        <v>2976390</v>
      </c>
      <c r="NA25" s="142">
        <v>0</v>
      </c>
      <c r="NB25" s="119">
        <v>0</v>
      </c>
      <c r="NC25" s="120">
        <v>0</v>
      </c>
      <c r="ND25" s="145">
        <v>0</v>
      </c>
      <c r="NE25" s="119">
        <v>199472</v>
      </c>
      <c r="NF25" s="119">
        <v>224298</v>
      </c>
      <c r="NG25" s="119">
        <v>765175</v>
      </c>
      <c r="NH25" s="119">
        <v>472604</v>
      </c>
      <c r="NI25" s="119">
        <v>0</v>
      </c>
      <c r="NJ25" s="120">
        <v>1661549</v>
      </c>
      <c r="NK25" s="321">
        <v>1661549</v>
      </c>
      <c r="NL25" s="142">
        <v>0</v>
      </c>
      <c r="NM25" s="119">
        <v>0</v>
      </c>
      <c r="NN25" s="120">
        <v>0</v>
      </c>
      <c r="NO25" s="145"/>
      <c r="NP25" s="119">
        <v>0</v>
      </c>
      <c r="NQ25" s="119">
        <v>0</v>
      </c>
      <c r="NR25" s="119">
        <v>0</v>
      </c>
      <c r="NS25" s="119">
        <v>0</v>
      </c>
      <c r="NT25" s="119">
        <v>0</v>
      </c>
      <c r="NU25" s="120">
        <v>0</v>
      </c>
      <c r="NV25" s="121">
        <v>0</v>
      </c>
      <c r="NW25" s="142">
        <v>0</v>
      </c>
      <c r="NX25" s="119">
        <v>0</v>
      </c>
      <c r="NY25" s="120">
        <v>0</v>
      </c>
      <c r="NZ25" s="145"/>
      <c r="OA25" s="119">
        <v>0</v>
      </c>
      <c r="OB25" s="119">
        <v>0</v>
      </c>
      <c r="OC25" s="119">
        <v>0</v>
      </c>
      <c r="OD25" s="119">
        <v>0</v>
      </c>
      <c r="OE25" s="119">
        <v>340613</v>
      </c>
      <c r="OF25" s="120">
        <v>340613</v>
      </c>
      <c r="OG25" s="121">
        <v>340613</v>
      </c>
      <c r="OH25" s="142">
        <v>158468</v>
      </c>
      <c r="OI25" s="119">
        <v>496894</v>
      </c>
      <c r="OJ25" s="141">
        <v>655362</v>
      </c>
      <c r="OK25" s="118">
        <v>0</v>
      </c>
      <c r="OL25" s="119">
        <v>3684737</v>
      </c>
      <c r="OM25" s="119">
        <v>3938236</v>
      </c>
      <c r="ON25" s="119">
        <v>4843298</v>
      </c>
      <c r="OO25" s="119">
        <v>5594800</v>
      </c>
      <c r="OP25" s="119">
        <v>3399806</v>
      </c>
      <c r="OQ25" s="120">
        <v>21460877</v>
      </c>
      <c r="OR25" s="143">
        <v>22116239</v>
      </c>
    </row>
    <row r="26" spans="1:408" ht="20.25" customHeight="1" x14ac:dyDescent="0.2">
      <c r="A26" s="126" t="s">
        <v>21</v>
      </c>
      <c r="B26" s="110">
        <v>386822</v>
      </c>
      <c r="C26" s="114">
        <v>224206</v>
      </c>
      <c r="D26" s="113">
        <v>611028</v>
      </c>
      <c r="E26" s="109">
        <v>0</v>
      </c>
      <c r="F26" s="114">
        <v>1864417</v>
      </c>
      <c r="G26" s="114">
        <v>2838768</v>
      </c>
      <c r="H26" s="114">
        <v>1738694</v>
      </c>
      <c r="I26" s="114">
        <v>1695773</v>
      </c>
      <c r="J26" s="114">
        <v>1819729</v>
      </c>
      <c r="K26" s="173">
        <v>9957381</v>
      </c>
      <c r="L26" s="116">
        <v>10568409</v>
      </c>
      <c r="M26" s="110">
        <v>90143</v>
      </c>
      <c r="N26" s="114">
        <v>73649</v>
      </c>
      <c r="O26" s="113">
        <v>163792</v>
      </c>
      <c r="P26" s="110">
        <v>0</v>
      </c>
      <c r="Q26" s="114">
        <v>663689</v>
      </c>
      <c r="R26" s="114">
        <v>889090</v>
      </c>
      <c r="S26" s="114">
        <v>749458</v>
      </c>
      <c r="T26" s="114">
        <v>488354</v>
      </c>
      <c r="U26" s="114">
        <v>571413</v>
      </c>
      <c r="V26" s="113">
        <v>3362004</v>
      </c>
      <c r="W26" s="116">
        <v>3525796</v>
      </c>
      <c r="X26" s="110">
        <v>0</v>
      </c>
      <c r="Y26" s="114">
        <v>0</v>
      </c>
      <c r="Z26" s="113">
        <v>0</v>
      </c>
      <c r="AA26" s="110">
        <v>0</v>
      </c>
      <c r="AB26" s="114">
        <v>261308</v>
      </c>
      <c r="AC26" s="114">
        <v>352181</v>
      </c>
      <c r="AD26" s="114">
        <v>331467</v>
      </c>
      <c r="AE26" s="114">
        <v>175730</v>
      </c>
      <c r="AF26" s="114">
        <v>153485</v>
      </c>
      <c r="AG26" s="113">
        <v>1274171</v>
      </c>
      <c r="AH26" s="116">
        <v>1274171</v>
      </c>
      <c r="AI26" s="110">
        <v>0</v>
      </c>
      <c r="AJ26" s="114">
        <v>0</v>
      </c>
      <c r="AK26" s="113">
        <v>0</v>
      </c>
      <c r="AL26" s="110">
        <v>0</v>
      </c>
      <c r="AM26" s="114">
        <v>0</v>
      </c>
      <c r="AN26" s="114">
        <v>10258</v>
      </c>
      <c r="AO26" s="114">
        <v>81011</v>
      </c>
      <c r="AP26" s="114">
        <v>114060</v>
      </c>
      <c r="AQ26" s="114">
        <v>90547</v>
      </c>
      <c r="AR26" s="113">
        <v>295876</v>
      </c>
      <c r="AS26" s="116">
        <v>295876</v>
      </c>
      <c r="AT26" s="110">
        <v>0</v>
      </c>
      <c r="AU26" s="114">
        <v>70030</v>
      </c>
      <c r="AV26" s="113">
        <v>70030</v>
      </c>
      <c r="AW26" s="110">
        <v>0</v>
      </c>
      <c r="AX26" s="114">
        <v>310793</v>
      </c>
      <c r="AY26" s="114">
        <v>403831</v>
      </c>
      <c r="AZ26" s="114">
        <v>255031</v>
      </c>
      <c r="BA26" s="114">
        <v>99122</v>
      </c>
      <c r="BB26" s="114">
        <v>221011</v>
      </c>
      <c r="BC26" s="113">
        <v>1289788</v>
      </c>
      <c r="BD26" s="116">
        <v>1359818</v>
      </c>
      <c r="BE26" s="110">
        <v>18491</v>
      </c>
      <c r="BF26" s="114">
        <v>0</v>
      </c>
      <c r="BG26" s="112">
        <v>18491</v>
      </c>
      <c r="BH26" s="111">
        <v>0</v>
      </c>
      <c r="BI26" s="114">
        <v>0</v>
      </c>
      <c r="BJ26" s="114">
        <v>49943</v>
      </c>
      <c r="BK26" s="114">
        <v>0</v>
      </c>
      <c r="BL26" s="114">
        <v>0</v>
      </c>
      <c r="BM26" s="114">
        <v>28026</v>
      </c>
      <c r="BN26" s="113">
        <v>77969</v>
      </c>
      <c r="BO26" s="116">
        <v>96460</v>
      </c>
      <c r="BP26" s="110">
        <v>71652</v>
      </c>
      <c r="BQ26" s="114">
        <v>3619</v>
      </c>
      <c r="BR26" s="113">
        <v>75271</v>
      </c>
      <c r="BS26" s="110">
        <v>0</v>
      </c>
      <c r="BT26" s="114">
        <v>91588</v>
      </c>
      <c r="BU26" s="114">
        <v>72877</v>
      </c>
      <c r="BV26" s="114">
        <v>81949</v>
      </c>
      <c r="BW26" s="114">
        <v>99442</v>
      </c>
      <c r="BX26" s="114">
        <v>78344</v>
      </c>
      <c r="BY26" s="113">
        <v>424200</v>
      </c>
      <c r="BZ26" s="116">
        <v>499471</v>
      </c>
      <c r="CA26" s="110">
        <v>35690</v>
      </c>
      <c r="CB26" s="114">
        <v>32877</v>
      </c>
      <c r="CC26" s="113">
        <v>68567</v>
      </c>
      <c r="CD26" s="110">
        <v>0</v>
      </c>
      <c r="CE26" s="114">
        <v>772630</v>
      </c>
      <c r="CF26" s="114">
        <v>1037246</v>
      </c>
      <c r="CG26" s="114">
        <v>277733</v>
      </c>
      <c r="CH26" s="114">
        <v>559159</v>
      </c>
      <c r="CI26" s="114">
        <v>131539</v>
      </c>
      <c r="CJ26" s="113">
        <v>2778307</v>
      </c>
      <c r="CK26" s="116">
        <v>2846874</v>
      </c>
      <c r="CL26" s="110">
        <v>0</v>
      </c>
      <c r="CM26" s="114">
        <v>0</v>
      </c>
      <c r="CN26" s="113">
        <v>0</v>
      </c>
      <c r="CO26" s="111">
        <v>0</v>
      </c>
      <c r="CP26" s="114">
        <v>759582</v>
      </c>
      <c r="CQ26" s="114">
        <v>887989</v>
      </c>
      <c r="CR26" s="114">
        <v>216598</v>
      </c>
      <c r="CS26" s="114">
        <v>488651</v>
      </c>
      <c r="CT26" s="114">
        <v>0</v>
      </c>
      <c r="CU26" s="113">
        <v>2352820</v>
      </c>
      <c r="CV26" s="116">
        <v>2352820</v>
      </c>
      <c r="CW26" s="110">
        <v>35690</v>
      </c>
      <c r="CX26" s="114">
        <v>32877</v>
      </c>
      <c r="CY26" s="113">
        <v>68567</v>
      </c>
      <c r="CZ26" s="110">
        <v>0</v>
      </c>
      <c r="DA26" s="114">
        <v>13048</v>
      </c>
      <c r="DB26" s="114">
        <v>149257</v>
      </c>
      <c r="DC26" s="114">
        <v>61135</v>
      </c>
      <c r="DD26" s="114">
        <v>70508</v>
      </c>
      <c r="DE26" s="114">
        <v>131539</v>
      </c>
      <c r="DF26" s="113">
        <v>425487</v>
      </c>
      <c r="DG26" s="116">
        <v>494054</v>
      </c>
      <c r="DH26" s="110">
        <v>35654</v>
      </c>
      <c r="DI26" s="114">
        <v>0</v>
      </c>
      <c r="DJ26" s="112">
        <v>35654</v>
      </c>
      <c r="DK26" s="111">
        <v>0</v>
      </c>
      <c r="DL26" s="114">
        <v>73413</v>
      </c>
      <c r="DM26" s="114">
        <v>159426</v>
      </c>
      <c r="DN26" s="114">
        <v>0</v>
      </c>
      <c r="DO26" s="114">
        <v>56456</v>
      </c>
      <c r="DP26" s="114">
        <v>406894</v>
      </c>
      <c r="DQ26" s="113">
        <v>696189</v>
      </c>
      <c r="DR26" s="116">
        <v>731843</v>
      </c>
      <c r="DS26" s="110">
        <v>35654</v>
      </c>
      <c r="DT26" s="114">
        <v>0</v>
      </c>
      <c r="DU26" s="113">
        <v>35654</v>
      </c>
      <c r="DV26" s="110">
        <v>0</v>
      </c>
      <c r="DW26" s="114">
        <v>73413</v>
      </c>
      <c r="DX26" s="114">
        <v>110448</v>
      </c>
      <c r="DY26" s="114">
        <v>0</v>
      </c>
      <c r="DZ26" s="114">
        <v>56456</v>
      </c>
      <c r="EA26" s="114">
        <v>235270</v>
      </c>
      <c r="EB26" s="113">
        <v>475587</v>
      </c>
      <c r="EC26" s="116">
        <v>511241</v>
      </c>
      <c r="ED26" s="110">
        <v>0</v>
      </c>
      <c r="EE26" s="112">
        <v>0</v>
      </c>
      <c r="EF26" s="113">
        <v>0</v>
      </c>
      <c r="EG26" s="110">
        <v>0</v>
      </c>
      <c r="EH26" s="114">
        <v>0</v>
      </c>
      <c r="EI26" s="114">
        <v>48978</v>
      </c>
      <c r="EJ26" s="114">
        <v>0</v>
      </c>
      <c r="EK26" s="114">
        <v>0</v>
      </c>
      <c r="EL26" s="114">
        <v>171624</v>
      </c>
      <c r="EM26" s="112">
        <v>220602</v>
      </c>
      <c r="EN26" s="116">
        <v>220602</v>
      </c>
      <c r="EO26" s="110">
        <v>0</v>
      </c>
      <c r="EP26" s="114">
        <v>0</v>
      </c>
      <c r="EQ26" s="112">
        <v>0</v>
      </c>
      <c r="ER26" s="111">
        <v>0</v>
      </c>
      <c r="ES26" s="114">
        <v>0</v>
      </c>
      <c r="ET26" s="114">
        <v>0</v>
      </c>
      <c r="EU26" s="114">
        <v>0</v>
      </c>
      <c r="EV26" s="114">
        <v>0</v>
      </c>
      <c r="EW26" s="114">
        <v>0</v>
      </c>
      <c r="EX26" s="113">
        <v>0</v>
      </c>
      <c r="EY26" s="116">
        <v>0</v>
      </c>
      <c r="EZ26" s="110">
        <v>0</v>
      </c>
      <c r="FA26" s="114">
        <v>0</v>
      </c>
      <c r="FB26" s="112">
        <v>0</v>
      </c>
      <c r="FC26" s="348"/>
      <c r="FD26" s="114">
        <v>0</v>
      </c>
      <c r="FE26" s="114">
        <v>0</v>
      </c>
      <c r="FF26" s="114">
        <v>0</v>
      </c>
      <c r="FG26" s="114">
        <v>0</v>
      </c>
      <c r="FH26" s="114">
        <v>0</v>
      </c>
      <c r="FI26" s="113">
        <v>0</v>
      </c>
      <c r="FJ26" s="116">
        <v>0</v>
      </c>
      <c r="FK26" s="110">
        <v>39004</v>
      </c>
      <c r="FL26" s="114">
        <v>34972</v>
      </c>
      <c r="FM26" s="113">
        <v>73976</v>
      </c>
      <c r="FN26" s="110">
        <v>0</v>
      </c>
      <c r="FO26" s="114">
        <v>76202</v>
      </c>
      <c r="FP26" s="114">
        <v>337001</v>
      </c>
      <c r="FQ26" s="114">
        <v>187999</v>
      </c>
      <c r="FR26" s="114">
        <v>122941</v>
      </c>
      <c r="FS26" s="114">
        <v>103740</v>
      </c>
      <c r="FT26" s="113">
        <v>827883</v>
      </c>
      <c r="FU26" s="116">
        <v>901859</v>
      </c>
      <c r="FV26" s="115">
        <v>39004</v>
      </c>
      <c r="FW26" s="114">
        <v>34972</v>
      </c>
      <c r="FX26" s="112">
        <v>73976</v>
      </c>
      <c r="FY26" s="111">
        <v>0</v>
      </c>
      <c r="FZ26" s="114">
        <v>76202</v>
      </c>
      <c r="GA26" s="114">
        <v>296051</v>
      </c>
      <c r="GB26" s="114">
        <v>121009</v>
      </c>
      <c r="GC26" s="114">
        <v>122941</v>
      </c>
      <c r="GD26" s="114">
        <v>103740</v>
      </c>
      <c r="GE26" s="113">
        <v>719943</v>
      </c>
      <c r="GF26" s="319">
        <v>793919</v>
      </c>
      <c r="GG26" s="115">
        <v>0</v>
      </c>
      <c r="GH26" s="114">
        <v>0</v>
      </c>
      <c r="GI26" s="112">
        <v>0</v>
      </c>
      <c r="GJ26" s="111">
        <v>0</v>
      </c>
      <c r="GK26" s="114">
        <v>0</v>
      </c>
      <c r="GL26" s="114">
        <v>0</v>
      </c>
      <c r="GM26" s="114">
        <v>0</v>
      </c>
      <c r="GN26" s="114">
        <v>0</v>
      </c>
      <c r="GO26" s="114">
        <v>0</v>
      </c>
      <c r="GP26" s="113">
        <v>0</v>
      </c>
      <c r="GQ26" s="116">
        <v>0</v>
      </c>
      <c r="GR26" s="110">
        <v>0</v>
      </c>
      <c r="GS26" s="114">
        <v>0</v>
      </c>
      <c r="GT26" s="113">
        <v>0</v>
      </c>
      <c r="GU26" s="110">
        <v>0</v>
      </c>
      <c r="GV26" s="114">
        <v>0</v>
      </c>
      <c r="GW26" s="114">
        <v>40950</v>
      </c>
      <c r="GX26" s="114">
        <v>66990</v>
      </c>
      <c r="GY26" s="114">
        <v>0</v>
      </c>
      <c r="GZ26" s="114">
        <v>0</v>
      </c>
      <c r="HA26" s="112">
        <v>107940</v>
      </c>
      <c r="HB26" s="116">
        <v>107940</v>
      </c>
      <c r="HC26" s="110">
        <v>186331</v>
      </c>
      <c r="HD26" s="114">
        <v>82708</v>
      </c>
      <c r="HE26" s="112">
        <v>269039</v>
      </c>
      <c r="HF26" s="111">
        <v>0</v>
      </c>
      <c r="HG26" s="114">
        <v>278483</v>
      </c>
      <c r="HH26" s="114">
        <v>416005</v>
      </c>
      <c r="HI26" s="114">
        <v>523504</v>
      </c>
      <c r="HJ26" s="114">
        <v>468863</v>
      </c>
      <c r="HK26" s="114">
        <v>606143</v>
      </c>
      <c r="HL26" s="113">
        <v>2292998</v>
      </c>
      <c r="HM26" s="109">
        <v>2562037</v>
      </c>
      <c r="HN26" s="329"/>
      <c r="HO26" s="330"/>
      <c r="HP26" s="331"/>
      <c r="HQ26" s="332"/>
      <c r="HR26" s="330"/>
      <c r="HS26" s="330"/>
      <c r="HT26" s="330"/>
      <c r="HU26" s="330"/>
      <c r="HV26" s="330"/>
      <c r="HW26" s="333"/>
      <c r="HX26" s="334"/>
      <c r="HY26" s="150">
        <v>0</v>
      </c>
      <c r="HZ26" s="135">
        <v>0</v>
      </c>
      <c r="IA26" s="150">
        <v>0</v>
      </c>
      <c r="IB26" s="134">
        <v>0</v>
      </c>
      <c r="IC26" s="135">
        <v>808879</v>
      </c>
      <c r="ID26" s="136">
        <v>380513</v>
      </c>
      <c r="IE26" s="137">
        <v>256055</v>
      </c>
      <c r="IF26" s="135">
        <v>657384</v>
      </c>
      <c r="IG26" s="137">
        <v>0</v>
      </c>
      <c r="IH26" s="138">
        <v>2102831</v>
      </c>
      <c r="II26" s="150">
        <v>2102831</v>
      </c>
      <c r="IJ26" s="232">
        <v>0</v>
      </c>
      <c r="IK26" s="236">
        <v>0</v>
      </c>
      <c r="IL26" s="237">
        <v>0</v>
      </c>
      <c r="IM26" s="140"/>
      <c r="IN26" s="119">
        <v>0</v>
      </c>
      <c r="IO26" s="119">
        <v>0</v>
      </c>
      <c r="IP26" s="119">
        <v>0</v>
      </c>
      <c r="IQ26" s="119">
        <v>0</v>
      </c>
      <c r="IR26" s="119">
        <v>0</v>
      </c>
      <c r="IS26" s="141">
        <v>0</v>
      </c>
      <c r="IT26" s="321">
        <v>0</v>
      </c>
      <c r="IU26" s="142">
        <v>0</v>
      </c>
      <c r="IV26" s="119">
        <v>0</v>
      </c>
      <c r="IW26" s="120">
        <v>0</v>
      </c>
      <c r="IX26" s="144"/>
      <c r="IY26" s="119">
        <v>0</v>
      </c>
      <c r="IZ26" s="119">
        <v>0</v>
      </c>
      <c r="JA26" s="119">
        <v>0</v>
      </c>
      <c r="JB26" s="119">
        <v>0</v>
      </c>
      <c r="JC26" s="119">
        <v>0</v>
      </c>
      <c r="JD26" s="120">
        <v>0</v>
      </c>
      <c r="JE26" s="121">
        <v>0</v>
      </c>
      <c r="JF26" s="142">
        <v>0</v>
      </c>
      <c r="JG26" s="119">
        <v>0</v>
      </c>
      <c r="JH26" s="141">
        <v>0</v>
      </c>
      <c r="JI26" s="118">
        <v>0</v>
      </c>
      <c r="JJ26" s="119">
        <v>438520</v>
      </c>
      <c r="JK26" s="119">
        <v>172885</v>
      </c>
      <c r="JL26" s="119">
        <v>61306</v>
      </c>
      <c r="JM26" s="119">
        <v>0</v>
      </c>
      <c r="JN26" s="119">
        <v>0</v>
      </c>
      <c r="JO26" s="120">
        <v>672711</v>
      </c>
      <c r="JP26" s="321">
        <v>672711</v>
      </c>
      <c r="JQ26" s="142">
        <v>0</v>
      </c>
      <c r="JR26" s="119">
        <v>0</v>
      </c>
      <c r="JS26" s="141">
        <v>0</v>
      </c>
      <c r="JT26" s="118">
        <v>0</v>
      </c>
      <c r="JU26" s="119">
        <v>0</v>
      </c>
      <c r="JV26" s="119">
        <v>0</v>
      </c>
      <c r="JW26" s="119">
        <v>0</v>
      </c>
      <c r="JX26" s="119">
        <v>0</v>
      </c>
      <c r="JY26" s="119">
        <v>0</v>
      </c>
      <c r="JZ26" s="120">
        <v>0</v>
      </c>
      <c r="KA26" s="321">
        <v>0</v>
      </c>
      <c r="KB26" s="234">
        <v>0</v>
      </c>
      <c r="KC26" s="230">
        <v>0</v>
      </c>
      <c r="KD26" s="120">
        <v>0</v>
      </c>
      <c r="KE26" s="118">
        <v>0</v>
      </c>
      <c r="KF26" s="119">
        <v>183220</v>
      </c>
      <c r="KG26" s="119">
        <v>0</v>
      </c>
      <c r="KH26" s="119">
        <v>194749</v>
      </c>
      <c r="KI26" s="119">
        <v>439390</v>
      </c>
      <c r="KJ26" s="119">
        <v>0</v>
      </c>
      <c r="KK26" s="120">
        <v>817359</v>
      </c>
      <c r="KL26" s="143">
        <v>817359</v>
      </c>
      <c r="KM26" s="232">
        <v>0</v>
      </c>
      <c r="KN26" s="236">
        <v>0</v>
      </c>
      <c r="KO26" s="237">
        <v>0</v>
      </c>
      <c r="KP26" s="140"/>
      <c r="KQ26" s="119">
        <v>187139</v>
      </c>
      <c r="KR26" s="119">
        <v>207628</v>
      </c>
      <c r="KS26" s="119">
        <v>0</v>
      </c>
      <c r="KT26" s="119">
        <v>217994</v>
      </c>
      <c r="KU26" s="119">
        <v>0</v>
      </c>
      <c r="KV26" s="120">
        <v>612761</v>
      </c>
      <c r="KW26" s="321">
        <v>612761</v>
      </c>
      <c r="KX26" s="142">
        <v>0</v>
      </c>
      <c r="KY26" s="119">
        <v>0</v>
      </c>
      <c r="KZ26" s="120">
        <v>0</v>
      </c>
      <c r="LA26" s="145"/>
      <c r="LB26" s="119">
        <v>0</v>
      </c>
      <c r="LC26" s="119">
        <v>0</v>
      </c>
      <c r="LD26" s="119">
        <v>0</v>
      </c>
      <c r="LE26" s="119">
        <v>0</v>
      </c>
      <c r="LF26" s="119">
        <v>0</v>
      </c>
      <c r="LG26" s="120">
        <v>0</v>
      </c>
      <c r="LH26" s="121">
        <v>0</v>
      </c>
      <c r="LI26" s="142">
        <v>0</v>
      </c>
      <c r="LJ26" s="119">
        <v>0</v>
      </c>
      <c r="LK26" s="120">
        <v>0</v>
      </c>
      <c r="LL26" s="145"/>
      <c r="LM26" s="119">
        <v>0</v>
      </c>
      <c r="LN26" s="119">
        <v>0</v>
      </c>
      <c r="LO26" s="119">
        <v>0</v>
      </c>
      <c r="LP26" s="119">
        <v>0</v>
      </c>
      <c r="LQ26" s="119">
        <v>0</v>
      </c>
      <c r="LR26" s="120">
        <v>0</v>
      </c>
      <c r="LS26" s="321">
        <v>0</v>
      </c>
      <c r="LT26" s="142">
        <v>0</v>
      </c>
      <c r="LU26" s="119">
        <v>0</v>
      </c>
      <c r="LV26" s="120">
        <v>0</v>
      </c>
      <c r="LW26" s="145"/>
      <c r="LX26" s="119">
        <v>0</v>
      </c>
      <c r="LY26" s="119">
        <v>0</v>
      </c>
      <c r="LZ26" s="119">
        <v>0</v>
      </c>
      <c r="MA26" s="119">
        <v>0</v>
      </c>
      <c r="MB26" s="119">
        <v>0</v>
      </c>
      <c r="MC26" s="120">
        <v>0</v>
      </c>
      <c r="MD26" s="121">
        <v>0</v>
      </c>
      <c r="ME26" s="142">
        <v>0</v>
      </c>
      <c r="MF26" s="119">
        <v>0</v>
      </c>
      <c r="MG26" s="120">
        <v>0</v>
      </c>
      <c r="MH26" s="145"/>
      <c r="MI26" s="119">
        <v>0</v>
      </c>
      <c r="MJ26" s="119">
        <v>692725</v>
      </c>
      <c r="MK26" s="119">
        <v>811041</v>
      </c>
      <c r="ML26" s="119">
        <v>1854652</v>
      </c>
      <c r="MM26" s="119">
        <v>1018558</v>
      </c>
      <c r="MN26" s="120">
        <v>4376976</v>
      </c>
      <c r="MO26" s="143">
        <v>4376976</v>
      </c>
      <c r="MP26" s="142">
        <v>0</v>
      </c>
      <c r="MQ26" s="119">
        <v>0</v>
      </c>
      <c r="MR26" s="120">
        <v>0</v>
      </c>
      <c r="MS26" s="145"/>
      <c r="MT26" s="119">
        <v>0</v>
      </c>
      <c r="MU26" s="119">
        <v>0</v>
      </c>
      <c r="MV26" s="119">
        <v>373193</v>
      </c>
      <c r="MW26" s="119">
        <v>1148026</v>
      </c>
      <c r="MX26" s="119">
        <v>467770</v>
      </c>
      <c r="MY26" s="120">
        <v>1988989</v>
      </c>
      <c r="MZ26" s="143">
        <v>1988989</v>
      </c>
      <c r="NA26" s="142">
        <v>0</v>
      </c>
      <c r="NB26" s="119">
        <v>0</v>
      </c>
      <c r="NC26" s="120">
        <v>0</v>
      </c>
      <c r="ND26" s="145">
        <v>0</v>
      </c>
      <c r="NE26" s="119">
        <v>0</v>
      </c>
      <c r="NF26" s="119">
        <v>692725</v>
      </c>
      <c r="NG26" s="119">
        <v>437848</v>
      </c>
      <c r="NH26" s="119">
        <v>706626</v>
      </c>
      <c r="NI26" s="119">
        <v>255027</v>
      </c>
      <c r="NJ26" s="120">
        <v>2092226</v>
      </c>
      <c r="NK26" s="321">
        <v>2092226</v>
      </c>
      <c r="NL26" s="142">
        <v>0</v>
      </c>
      <c r="NM26" s="119">
        <v>0</v>
      </c>
      <c r="NN26" s="120">
        <v>0</v>
      </c>
      <c r="NO26" s="145"/>
      <c r="NP26" s="119">
        <v>0</v>
      </c>
      <c r="NQ26" s="119">
        <v>0</v>
      </c>
      <c r="NR26" s="119">
        <v>0</v>
      </c>
      <c r="NS26" s="119">
        <v>0</v>
      </c>
      <c r="NT26" s="119">
        <v>0</v>
      </c>
      <c r="NU26" s="120">
        <v>0</v>
      </c>
      <c r="NV26" s="121">
        <v>0</v>
      </c>
      <c r="NW26" s="142">
        <v>0</v>
      </c>
      <c r="NX26" s="119">
        <v>0</v>
      </c>
      <c r="NY26" s="120">
        <v>0</v>
      </c>
      <c r="NZ26" s="145"/>
      <c r="OA26" s="119">
        <v>0</v>
      </c>
      <c r="OB26" s="119">
        <v>0</v>
      </c>
      <c r="OC26" s="119">
        <v>0</v>
      </c>
      <c r="OD26" s="119">
        <v>0</v>
      </c>
      <c r="OE26" s="119">
        <v>295761</v>
      </c>
      <c r="OF26" s="120">
        <v>295761</v>
      </c>
      <c r="OG26" s="121">
        <v>295761</v>
      </c>
      <c r="OH26" s="142">
        <v>386822</v>
      </c>
      <c r="OI26" s="119">
        <v>224206</v>
      </c>
      <c r="OJ26" s="141">
        <v>611028</v>
      </c>
      <c r="OK26" s="118">
        <v>0</v>
      </c>
      <c r="OL26" s="119">
        <v>2673296</v>
      </c>
      <c r="OM26" s="119">
        <v>3912006</v>
      </c>
      <c r="ON26" s="119">
        <v>2805790</v>
      </c>
      <c r="OO26" s="119">
        <v>4207809</v>
      </c>
      <c r="OP26" s="119">
        <v>2838287</v>
      </c>
      <c r="OQ26" s="120">
        <v>16437188</v>
      </c>
      <c r="OR26" s="143">
        <v>17048216</v>
      </c>
    </row>
    <row r="27" spans="1:408" ht="20.25" customHeight="1" x14ac:dyDescent="0.2">
      <c r="A27" s="126" t="s">
        <v>22</v>
      </c>
      <c r="B27" s="110">
        <v>23744</v>
      </c>
      <c r="C27" s="114">
        <v>117145</v>
      </c>
      <c r="D27" s="113">
        <v>140889</v>
      </c>
      <c r="E27" s="109">
        <v>0</v>
      </c>
      <c r="F27" s="114">
        <v>927880</v>
      </c>
      <c r="G27" s="114">
        <v>835603</v>
      </c>
      <c r="H27" s="114">
        <v>594806</v>
      </c>
      <c r="I27" s="114">
        <v>1967246</v>
      </c>
      <c r="J27" s="114">
        <v>1458839</v>
      </c>
      <c r="K27" s="173">
        <v>5784374</v>
      </c>
      <c r="L27" s="116">
        <v>5925263</v>
      </c>
      <c r="M27" s="110">
        <v>18354</v>
      </c>
      <c r="N27" s="114">
        <v>23373</v>
      </c>
      <c r="O27" s="113">
        <v>41727</v>
      </c>
      <c r="P27" s="110">
        <v>0</v>
      </c>
      <c r="Q27" s="114">
        <v>232610</v>
      </c>
      <c r="R27" s="114">
        <v>239854</v>
      </c>
      <c r="S27" s="114">
        <v>243855</v>
      </c>
      <c r="T27" s="114">
        <v>591206</v>
      </c>
      <c r="U27" s="114">
        <v>773176</v>
      </c>
      <c r="V27" s="113">
        <v>2080701</v>
      </c>
      <c r="W27" s="116">
        <v>2122428</v>
      </c>
      <c r="X27" s="110">
        <v>0</v>
      </c>
      <c r="Y27" s="114">
        <v>0</v>
      </c>
      <c r="Z27" s="113">
        <v>0</v>
      </c>
      <c r="AA27" s="110">
        <v>0</v>
      </c>
      <c r="AB27" s="114">
        <v>72100</v>
      </c>
      <c r="AC27" s="114">
        <v>33480</v>
      </c>
      <c r="AD27" s="114">
        <v>208288</v>
      </c>
      <c r="AE27" s="114">
        <v>278633</v>
      </c>
      <c r="AF27" s="114">
        <v>267729</v>
      </c>
      <c r="AG27" s="113">
        <v>860230</v>
      </c>
      <c r="AH27" s="116">
        <v>860230</v>
      </c>
      <c r="AI27" s="110">
        <v>0</v>
      </c>
      <c r="AJ27" s="114">
        <v>0</v>
      </c>
      <c r="AK27" s="113">
        <v>0</v>
      </c>
      <c r="AL27" s="110">
        <v>0</v>
      </c>
      <c r="AM27" s="114">
        <v>0</v>
      </c>
      <c r="AN27" s="114">
        <v>0</v>
      </c>
      <c r="AO27" s="114">
        <v>0</v>
      </c>
      <c r="AP27" s="114">
        <v>153636</v>
      </c>
      <c r="AQ27" s="114">
        <v>301418</v>
      </c>
      <c r="AR27" s="113">
        <v>455054</v>
      </c>
      <c r="AS27" s="116">
        <v>455054</v>
      </c>
      <c r="AT27" s="110">
        <v>18354</v>
      </c>
      <c r="AU27" s="114">
        <v>16786</v>
      </c>
      <c r="AV27" s="113">
        <v>35140</v>
      </c>
      <c r="AW27" s="110">
        <v>0</v>
      </c>
      <c r="AX27" s="114">
        <v>95823</v>
      </c>
      <c r="AY27" s="114">
        <v>185402</v>
      </c>
      <c r="AZ27" s="114">
        <v>0</v>
      </c>
      <c r="BA27" s="114">
        <v>88433</v>
      </c>
      <c r="BB27" s="114">
        <v>195629</v>
      </c>
      <c r="BC27" s="113">
        <v>565287</v>
      </c>
      <c r="BD27" s="116">
        <v>600427</v>
      </c>
      <c r="BE27" s="110">
        <v>0</v>
      </c>
      <c r="BF27" s="114">
        <v>0</v>
      </c>
      <c r="BG27" s="112">
        <v>0</v>
      </c>
      <c r="BH27" s="111">
        <v>0</v>
      </c>
      <c r="BI27" s="114">
        <v>40152</v>
      </c>
      <c r="BJ27" s="114">
        <v>0</v>
      </c>
      <c r="BK27" s="114">
        <v>0</v>
      </c>
      <c r="BL27" s="114">
        <v>0</v>
      </c>
      <c r="BM27" s="114">
        <v>0</v>
      </c>
      <c r="BN27" s="113">
        <v>40152</v>
      </c>
      <c r="BO27" s="116">
        <v>40152</v>
      </c>
      <c r="BP27" s="110">
        <v>0</v>
      </c>
      <c r="BQ27" s="114">
        <v>6587</v>
      </c>
      <c r="BR27" s="113">
        <v>6587</v>
      </c>
      <c r="BS27" s="110">
        <v>0</v>
      </c>
      <c r="BT27" s="114">
        <v>24535</v>
      </c>
      <c r="BU27" s="114">
        <v>20972</v>
      </c>
      <c r="BV27" s="114">
        <v>35567</v>
      </c>
      <c r="BW27" s="114">
        <v>70504</v>
      </c>
      <c r="BX27" s="114">
        <v>8400</v>
      </c>
      <c r="BY27" s="113">
        <v>159978</v>
      </c>
      <c r="BZ27" s="116">
        <v>166565</v>
      </c>
      <c r="CA27" s="110">
        <v>0</v>
      </c>
      <c r="CB27" s="114">
        <v>0</v>
      </c>
      <c r="CC27" s="113">
        <v>0</v>
      </c>
      <c r="CD27" s="110">
        <v>0</v>
      </c>
      <c r="CE27" s="114">
        <v>252963</v>
      </c>
      <c r="CF27" s="114">
        <v>138250</v>
      </c>
      <c r="CG27" s="114">
        <v>198186</v>
      </c>
      <c r="CH27" s="114">
        <v>359519</v>
      </c>
      <c r="CI27" s="114">
        <v>222530</v>
      </c>
      <c r="CJ27" s="113">
        <v>1171448</v>
      </c>
      <c r="CK27" s="116">
        <v>1171448</v>
      </c>
      <c r="CL27" s="110">
        <v>0</v>
      </c>
      <c r="CM27" s="114">
        <v>0</v>
      </c>
      <c r="CN27" s="113">
        <v>0</v>
      </c>
      <c r="CO27" s="111">
        <v>0</v>
      </c>
      <c r="CP27" s="114">
        <v>252963</v>
      </c>
      <c r="CQ27" s="114">
        <v>109914</v>
      </c>
      <c r="CR27" s="114">
        <v>187907</v>
      </c>
      <c r="CS27" s="114">
        <v>359519</v>
      </c>
      <c r="CT27" s="114">
        <v>222530</v>
      </c>
      <c r="CU27" s="113">
        <v>1132833</v>
      </c>
      <c r="CV27" s="116">
        <v>1132833</v>
      </c>
      <c r="CW27" s="110">
        <v>0</v>
      </c>
      <c r="CX27" s="114">
        <v>0</v>
      </c>
      <c r="CY27" s="113">
        <v>0</v>
      </c>
      <c r="CZ27" s="110">
        <v>0</v>
      </c>
      <c r="DA27" s="114">
        <v>0</v>
      </c>
      <c r="DB27" s="114">
        <v>28336</v>
      </c>
      <c r="DC27" s="114">
        <v>10279</v>
      </c>
      <c r="DD27" s="114">
        <v>0</v>
      </c>
      <c r="DE27" s="114">
        <v>0</v>
      </c>
      <c r="DF27" s="113">
        <v>38615</v>
      </c>
      <c r="DG27" s="116">
        <v>38615</v>
      </c>
      <c r="DH27" s="110">
        <v>0</v>
      </c>
      <c r="DI27" s="114">
        <v>0</v>
      </c>
      <c r="DJ27" s="112">
        <v>0</v>
      </c>
      <c r="DK27" s="111">
        <v>0</v>
      </c>
      <c r="DL27" s="114">
        <v>28948</v>
      </c>
      <c r="DM27" s="114">
        <v>0</v>
      </c>
      <c r="DN27" s="114">
        <v>0</v>
      </c>
      <c r="DO27" s="114">
        <v>0</v>
      </c>
      <c r="DP27" s="114">
        <v>0</v>
      </c>
      <c r="DQ27" s="113">
        <v>28948</v>
      </c>
      <c r="DR27" s="116">
        <v>28948</v>
      </c>
      <c r="DS27" s="110">
        <v>0</v>
      </c>
      <c r="DT27" s="114">
        <v>0</v>
      </c>
      <c r="DU27" s="113">
        <v>0</v>
      </c>
      <c r="DV27" s="110">
        <v>0</v>
      </c>
      <c r="DW27" s="114">
        <v>28948</v>
      </c>
      <c r="DX27" s="114">
        <v>0</v>
      </c>
      <c r="DY27" s="114">
        <v>0</v>
      </c>
      <c r="DZ27" s="114">
        <v>0</v>
      </c>
      <c r="EA27" s="114">
        <v>0</v>
      </c>
      <c r="EB27" s="113">
        <v>28948</v>
      </c>
      <c r="EC27" s="116">
        <v>28948</v>
      </c>
      <c r="ED27" s="110">
        <v>0</v>
      </c>
      <c r="EE27" s="112">
        <v>0</v>
      </c>
      <c r="EF27" s="113">
        <v>0</v>
      </c>
      <c r="EG27" s="110">
        <v>0</v>
      </c>
      <c r="EH27" s="114">
        <v>0</v>
      </c>
      <c r="EI27" s="114">
        <v>0</v>
      </c>
      <c r="EJ27" s="114">
        <v>0</v>
      </c>
      <c r="EK27" s="114">
        <v>0</v>
      </c>
      <c r="EL27" s="114">
        <v>0</v>
      </c>
      <c r="EM27" s="112">
        <v>0</v>
      </c>
      <c r="EN27" s="116">
        <v>0</v>
      </c>
      <c r="EO27" s="110">
        <v>0</v>
      </c>
      <c r="EP27" s="114">
        <v>0</v>
      </c>
      <c r="EQ27" s="112">
        <v>0</v>
      </c>
      <c r="ER27" s="111">
        <v>0</v>
      </c>
      <c r="ES27" s="114">
        <v>0</v>
      </c>
      <c r="ET27" s="114">
        <v>0</v>
      </c>
      <c r="EU27" s="114">
        <v>0</v>
      </c>
      <c r="EV27" s="114">
        <v>0</v>
      </c>
      <c r="EW27" s="114">
        <v>0</v>
      </c>
      <c r="EX27" s="113">
        <v>0</v>
      </c>
      <c r="EY27" s="116">
        <v>0</v>
      </c>
      <c r="EZ27" s="110">
        <v>0</v>
      </c>
      <c r="FA27" s="114">
        <v>0</v>
      </c>
      <c r="FB27" s="112">
        <v>0</v>
      </c>
      <c r="FC27" s="348"/>
      <c r="FD27" s="114">
        <v>0</v>
      </c>
      <c r="FE27" s="114">
        <v>0</v>
      </c>
      <c r="FF27" s="114">
        <v>0</v>
      </c>
      <c r="FG27" s="114">
        <v>0</v>
      </c>
      <c r="FH27" s="114">
        <v>0</v>
      </c>
      <c r="FI27" s="113">
        <v>0</v>
      </c>
      <c r="FJ27" s="116">
        <v>0</v>
      </c>
      <c r="FK27" s="110">
        <v>5390</v>
      </c>
      <c r="FL27" s="114">
        <v>19796</v>
      </c>
      <c r="FM27" s="113">
        <v>25186</v>
      </c>
      <c r="FN27" s="110">
        <v>0</v>
      </c>
      <c r="FO27" s="114">
        <v>147775</v>
      </c>
      <c r="FP27" s="114">
        <v>170779</v>
      </c>
      <c r="FQ27" s="114">
        <v>44401</v>
      </c>
      <c r="FR27" s="114">
        <v>117558</v>
      </c>
      <c r="FS27" s="114">
        <v>68698</v>
      </c>
      <c r="FT27" s="113">
        <v>549211</v>
      </c>
      <c r="FU27" s="116">
        <v>574397</v>
      </c>
      <c r="FV27" s="115">
        <v>5390</v>
      </c>
      <c r="FW27" s="114">
        <v>19796</v>
      </c>
      <c r="FX27" s="112">
        <v>25186</v>
      </c>
      <c r="FY27" s="111">
        <v>0</v>
      </c>
      <c r="FZ27" s="114">
        <v>41622</v>
      </c>
      <c r="GA27" s="114">
        <v>125279</v>
      </c>
      <c r="GB27" s="114">
        <v>44401</v>
      </c>
      <c r="GC27" s="114">
        <v>100758</v>
      </c>
      <c r="GD27" s="114">
        <v>68698</v>
      </c>
      <c r="GE27" s="113">
        <v>380758</v>
      </c>
      <c r="GF27" s="319">
        <v>405944</v>
      </c>
      <c r="GG27" s="115">
        <v>0</v>
      </c>
      <c r="GH27" s="114">
        <v>0</v>
      </c>
      <c r="GI27" s="112">
        <v>0</v>
      </c>
      <c r="GJ27" s="111">
        <v>0</v>
      </c>
      <c r="GK27" s="114">
        <v>0</v>
      </c>
      <c r="GL27" s="114">
        <v>10500</v>
      </c>
      <c r="GM27" s="114">
        <v>0</v>
      </c>
      <c r="GN27" s="114">
        <v>16800</v>
      </c>
      <c r="GO27" s="114">
        <v>0</v>
      </c>
      <c r="GP27" s="113">
        <v>27300</v>
      </c>
      <c r="GQ27" s="116">
        <v>27300</v>
      </c>
      <c r="GR27" s="110">
        <v>0</v>
      </c>
      <c r="GS27" s="114">
        <v>0</v>
      </c>
      <c r="GT27" s="113">
        <v>0</v>
      </c>
      <c r="GU27" s="110">
        <v>0</v>
      </c>
      <c r="GV27" s="114">
        <v>106153</v>
      </c>
      <c r="GW27" s="114">
        <v>35000</v>
      </c>
      <c r="GX27" s="114">
        <v>0</v>
      </c>
      <c r="GY27" s="114">
        <v>0</v>
      </c>
      <c r="GZ27" s="114">
        <v>0</v>
      </c>
      <c r="HA27" s="112">
        <v>141153</v>
      </c>
      <c r="HB27" s="116">
        <v>141153</v>
      </c>
      <c r="HC27" s="110">
        <v>0</v>
      </c>
      <c r="HD27" s="114">
        <v>73976</v>
      </c>
      <c r="HE27" s="112">
        <v>73976</v>
      </c>
      <c r="HF27" s="111">
        <v>0</v>
      </c>
      <c r="HG27" s="114">
        <v>265584</v>
      </c>
      <c r="HH27" s="114">
        <v>286720</v>
      </c>
      <c r="HI27" s="114">
        <v>108364</v>
      </c>
      <c r="HJ27" s="114">
        <v>898963</v>
      </c>
      <c r="HK27" s="114">
        <v>394435</v>
      </c>
      <c r="HL27" s="113">
        <v>1954066</v>
      </c>
      <c r="HM27" s="109">
        <v>2028042</v>
      </c>
      <c r="HN27" s="329"/>
      <c r="HO27" s="330"/>
      <c r="HP27" s="331"/>
      <c r="HQ27" s="332"/>
      <c r="HR27" s="330"/>
      <c r="HS27" s="330"/>
      <c r="HT27" s="330"/>
      <c r="HU27" s="330"/>
      <c r="HV27" s="330"/>
      <c r="HW27" s="333"/>
      <c r="HX27" s="334"/>
      <c r="HY27" s="131">
        <v>35077</v>
      </c>
      <c r="HZ27" s="132">
        <v>0</v>
      </c>
      <c r="IA27" s="133">
        <v>35077</v>
      </c>
      <c r="IB27" s="146">
        <v>0</v>
      </c>
      <c r="IC27" s="132">
        <v>414960</v>
      </c>
      <c r="ID27" s="147">
        <v>230167</v>
      </c>
      <c r="IE27" s="133">
        <v>267372</v>
      </c>
      <c r="IF27" s="132">
        <v>581383</v>
      </c>
      <c r="IG27" s="133">
        <v>0</v>
      </c>
      <c r="IH27" s="148">
        <v>1493882</v>
      </c>
      <c r="II27" s="139">
        <v>1528959</v>
      </c>
      <c r="IJ27" s="232">
        <v>0</v>
      </c>
      <c r="IK27" s="236">
        <v>0</v>
      </c>
      <c r="IL27" s="237">
        <v>0</v>
      </c>
      <c r="IM27" s="140"/>
      <c r="IN27" s="119">
        <v>152075</v>
      </c>
      <c r="IO27" s="119">
        <v>85757</v>
      </c>
      <c r="IP27" s="119">
        <v>0</v>
      </c>
      <c r="IQ27" s="119">
        <v>0</v>
      </c>
      <c r="IR27" s="119">
        <v>0</v>
      </c>
      <c r="IS27" s="141">
        <v>237832</v>
      </c>
      <c r="IT27" s="321">
        <v>237832</v>
      </c>
      <c r="IU27" s="142">
        <v>0</v>
      </c>
      <c r="IV27" s="119">
        <v>0</v>
      </c>
      <c r="IW27" s="120">
        <v>0</v>
      </c>
      <c r="IX27" s="144"/>
      <c r="IY27" s="119">
        <v>0</v>
      </c>
      <c r="IZ27" s="119">
        <v>0</v>
      </c>
      <c r="JA27" s="119">
        <v>0</v>
      </c>
      <c r="JB27" s="119">
        <v>0</v>
      </c>
      <c r="JC27" s="119">
        <v>0</v>
      </c>
      <c r="JD27" s="120">
        <v>0</v>
      </c>
      <c r="JE27" s="121">
        <v>0</v>
      </c>
      <c r="JF27" s="142">
        <v>0</v>
      </c>
      <c r="JG27" s="119">
        <v>0</v>
      </c>
      <c r="JH27" s="141">
        <v>0</v>
      </c>
      <c r="JI27" s="118">
        <v>0</v>
      </c>
      <c r="JJ27" s="119">
        <v>262885</v>
      </c>
      <c r="JK27" s="119">
        <v>16688</v>
      </c>
      <c r="JL27" s="119">
        <v>0</v>
      </c>
      <c r="JM27" s="119">
        <v>16553</v>
      </c>
      <c r="JN27" s="119">
        <v>0</v>
      </c>
      <c r="JO27" s="120">
        <v>296126</v>
      </c>
      <c r="JP27" s="321">
        <v>296126</v>
      </c>
      <c r="JQ27" s="142">
        <v>0</v>
      </c>
      <c r="JR27" s="119">
        <v>0</v>
      </c>
      <c r="JS27" s="141">
        <v>0</v>
      </c>
      <c r="JT27" s="118">
        <v>0</v>
      </c>
      <c r="JU27" s="119">
        <v>0</v>
      </c>
      <c r="JV27" s="119">
        <v>0</v>
      </c>
      <c r="JW27" s="119">
        <v>64239</v>
      </c>
      <c r="JX27" s="119">
        <v>0</v>
      </c>
      <c r="JY27" s="119">
        <v>0</v>
      </c>
      <c r="JZ27" s="120">
        <v>64239</v>
      </c>
      <c r="KA27" s="321">
        <v>64239</v>
      </c>
      <c r="KB27" s="234">
        <v>35077</v>
      </c>
      <c r="KC27" s="230">
        <v>0</v>
      </c>
      <c r="KD27" s="120">
        <v>35077</v>
      </c>
      <c r="KE27" s="118">
        <v>0</v>
      </c>
      <c r="KF27" s="119">
        <v>0</v>
      </c>
      <c r="KG27" s="119">
        <v>127722</v>
      </c>
      <c r="KH27" s="119">
        <v>0</v>
      </c>
      <c r="KI27" s="119">
        <v>0</v>
      </c>
      <c r="KJ27" s="119">
        <v>0</v>
      </c>
      <c r="KK27" s="120">
        <v>127722</v>
      </c>
      <c r="KL27" s="143">
        <v>162799</v>
      </c>
      <c r="KM27" s="232">
        <v>0</v>
      </c>
      <c r="KN27" s="236">
        <v>0</v>
      </c>
      <c r="KO27" s="237">
        <v>0</v>
      </c>
      <c r="KP27" s="140"/>
      <c r="KQ27" s="119">
        <v>0</v>
      </c>
      <c r="KR27" s="119">
        <v>0</v>
      </c>
      <c r="KS27" s="119">
        <v>203133</v>
      </c>
      <c r="KT27" s="119">
        <v>215278</v>
      </c>
      <c r="KU27" s="119">
        <v>0</v>
      </c>
      <c r="KV27" s="120">
        <v>418411</v>
      </c>
      <c r="KW27" s="321">
        <v>418411</v>
      </c>
      <c r="KX27" s="142">
        <v>0</v>
      </c>
      <c r="KY27" s="119">
        <v>0</v>
      </c>
      <c r="KZ27" s="120">
        <v>0</v>
      </c>
      <c r="LA27" s="145"/>
      <c r="LB27" s="119">
        <v>0</v>
      </c>
      <c r="LC27" s="119">
        <v>0</v>
      </c>
      <c r="LD27" s="119">
        <v>0</v>
      </c>
      <c r="LE27" s="119">
        <v>0</v>
      </c>
      <c r="LF27" s="119">
        <v>0</v>
      </c>
      <c r="LG27" s="120">
        <v>0</v>
      </c>
      <c r="LH27" s="121">
        <v>0</v>
      </c>
      <c r="LI27" s="142">
        <v>0</v>
      </c>
      <c r="LJ27" s="119">
        <v>0</v>
      </c>
      <c r="LK27" s="120">
        <v>0</v>
      </c>
      <c r="LL27" s="145"/>
      <c r="LM27" s="119">
        <v>0</v>
      </c>
      <c r="LN27" s="119">
        <v>0</v>
      </c>
      <c r="LO27" s="119">
        <v>0</v>
      </c>
      <c r="LP27" s="119">
        <v>349552</v>
      </c>
      <c r="LQ27" s="119">
        <v>0</v>
      </c>
      <c r="LR27" s="120">
        <v>349552</v>
      </c>
      <c r="LS27" s="321">
        <v>349552</v>
      </c>
      <c r="LT27" s="142">
        <v>0</v>
      </c>
      <c r="LU27" s="119">
        <v>0</v>
      </c>
      <c r="LV27" s="120">
        <v>0</v>
      </c>
      <c r="LW27" s="145"/>
      <c r="LX27" s="119">
        <v>0</v>
      </c>
      <c r="LY27" s="119">
        <v>0</v>
      </c>
      <c r="LZ27" s="119">
        <v>0</v>
      </c>
      <c r="MA27" s="119">
        <v>0</v>
      </c>
      <c r="MB27" s="119">
        <v>0</v>
      </c>
      <c r="MC27" s="120">
        <v>0</v>
      </c>
      <c r="MD27" s="121">
        <v>0</v>
      </c>
      <c r="ME27" s="142">
        <v>0</v>
      </c>
      <c r="MF27" s="119">
        <v>0</v>
      </c>
      <c r="MG27" s="120">
        <v>0</v>
      </c>
      <c r="MH27" s="145"/>
      <c r="MI27" s="119">
        <v>187931</v>
      </c>
      <c r="MJ27" s="119">
        <v>0</v>
      </c>
      <c r="MK27" s="119">
        <v>738556</v>
      </c>
      <c r="ML27" s="119">
        <v>563549</v>
      </c>
      <c r="MM27" s="119">
        <v>0</v>
      </c>
      <c r="MN27" s="120">
        <v>1490036</v>
      </c>
      <c r="MO27" s="143">
        <v>1490036</v>
      </c>
      <c r="MP27" s="142">
        <v>0</v>
      </c>
      <c r="MQ27" s="119">
        <v>0</v>
      </c>
      <c r="MR27" s="120">
        <v>0</v>
      </c>
      <c r="MS27" s="145"/>
      <c r="MT27" s="119">
        <v>0</v>
      </c>
      <c r="MU27" s="119">
        <v>0</v>
      </c>
      <c r="MV27" s="119">
        <v>0</v>
      </c>
      <c r="MW27" s="119">
        <v>0</v>
      </c>
      <c r="MX27" s="119">
        <v>0</v>
      </c>
      <c r="MY27" s="120">
        <v>0</v>
      </c>
      <c r="MZ27" s="143">
        <v>0</v>
      </c>
      <c r="NA27" s="142">
        <v>0</v>
      </c>
      <c r="NB27" s="119">
        <v>0</v>
      </c>
      <c r="NC27" s="120">
        <v>0</v>
      </c>
      <c r="ND27" s="145">
        <v>0</v>
      </c>
      <c r="NE27" s="119">
        <v>187931</v>
      </c>
      <c r="NF27" s="119">
        <v>0</v>
      </c>
      <c r="NG27" s="119">
        <v>738556</v>
      </c>
      <c r="NH27" s="119">
        <v>563549</v>
      </c>
      <c r="NI27" s="119">
        <v>0</v>
      </c>
      <c r="NJ27" s="120">
        <v>1490036</v>
      </c>
      <c r="NK27" s="321">
        <v>1490036</v>
      </c>
      <c r="NL27" s="142">
        <v>0</v>
      </c>
      <c r="NM27" s="119">
        <v>0</v>
      </c>
      <c r="NN27" s="120">
        <v>0</v>
      </c>
      <c r="NO27" s="145"/>
      <c r="NP27" s="119">
        <v>0</v>
      </c>
      <c r="NQ27" s="119">
        <v>0</v>
      </c>
      <c r="NR27" s="119">
        <v>0</v>
      </c>
      <c r="NS27" s="119">
        <v>0</v>
      </c>
      <c r="NT27" s="119">
        <v>0</v>
      </c>
      <c r="NU27" s="120">
        <v>0</v>
      </c>
      <c r="NV27" s="121">
        <v>0</v>
      </c>
      <c r="NW27" s="142">
        <v>0</v>
      </c>
      <c r="NX27" s="119">
        <v>0</v>
      </c>
      <c r="NY27" s="120">
        <v>0</v>
      </c>
      <c r="NZ27" s="145"/>
      <c r="OA27" s="119">
        <v>0</v>
      </c>
      <c r="OB27" s="119">
        <v>0</v>
      </c>
      <c r="OC27" s="119">
        <v>0</v>
      </c>
      <c r="OD27" s="119">
        <v>0</v>
      </c>
      <c r="OE27" s="119">
        <v>0</v>
      </c>
      <c r="OF27" s="120">
        <v>0</v>
      </c>
      <c r="OG27" s="121">
        <v>0</v>
      </c>
      <c r="OH27" s="142">
        <v>58821</v>
      </c>
      <c r="OI27" s="119">
        <v>117145</v>
      </c>
      <c r="OJ27" s="141">
        <v>175966</v>
      </c>
      <c r="OK27" s="118">
        <v>0</v>
      </c>
      <c r="OL27" s="119">
        <v>1530771</v>
      </c>
      <c r="OM27" s="119">
        <v>1065770</v>
      </c>
      <c r="ON27" s="119">
        <v>1600734</v>
      </c>
      <c r="OO27" s="119">
        <v>3112178</v>
      </c>
      <c r="OP27" s="119">
        <v>1458839</v>
      </c>
      <c r="OQ27" s="120">
        <v>8768292</v>
      </c>
      <c r="OR27" s="143">
        <v>8944258</v>
      </c>
    </row>
    <row r="28" spans="1:408" ht="20.25" customHeight="1" x14ac:dyDescent="0.2">
      <c r="A28" s="126" t="s">
        <v>23</v>
      </c>
      <c r="B28" s="110">
        <v>40398</v>
      </c>
      <c r="C28" s="114">
        <v>232775</v>
      </c>
      <c r="D28" s="113">
        <v>273173</v>
      </c>
      <c r="E28" s="109">
        <v>0</v>
      </c>
      <c r="F28" s="114">
        <v>1092090</v>
      </c>
      <c r="G28" s="114">
        <v>2303374</v>
      </c>
      <c r="H28" s="114">
        <v>2489997</v>
      </c>
      <c r="I28" s="114">
        <v>3224915</v>
      </c>
      <c r="J28" s="114">
        <v>746365</v>
      </c>
      <c r="K28" s="173">
        <v>9856741</v>
      </c>
      <c r="L28" s="116">
        <v>10129914</v>
      </c>
      <c r="M28" s="110">
        <v>33314</v>
      </c>
      <c r="N28" s="114">
        <v>54859</v>
      </c>
      <c r="O28" s="113">
        <v>88173</v>
      </c>
      <c r="P28" s="110">
        <v>0</v>
      </c>
      <c r="Q28" s="114">
        <v>190530</v>
      </c>
      <c r="R28" s="114">
        <v>673145</v>
      </c>
      <c r="S28" s="114">
        <v>584464</v>
      </c>
      <c r="T28" s="114">
        <v>572137</v>
      </c>
      <c r="U28" s="114">
        <v>93521</v>
      </c>
      <c r="V28" s="113">
        <v>2113797</v>
      </c>
      <c r="W28" s="116">
        <v>2201970</v>
      </c>
      <c r="X28" s="110">
        <v>0</v>
      </c>
      <c r="Y28" s="114">
        <v>0</v>
      </c>
      <c r="Z28" s="113">
        <v>0</v>
      </c>
      <c r="AA28" s="110">
        <v>0</v>
      </c>
      <c r="AB28" s="114">
        <v>93124</v>
      </c>
      <c r="AC28" s="114">
        <v>225872</v>
      </c>
      <c r="AD28" s="114">
        <v>192259</v>
      </c>
      <c r="AE28" s="114">
        <v>64405</v>
      </c>
      <c r="AF28" s="114">
        <v>0</v>
      </c>
      <c r="AG28" s="113">
        <v>575660</v>
      </c>
      <c r="AH28" s="116">
        <v>575660</v>
      </c>
      <c r="AI28" s="110">
        <v>0</v>
      </c>
      <c r="AJ28" s="114">
        <v>0</v>
      </c>
      <c r="AK28" s="113">
        <v>0</v>
      </c>
      <c r="AL28" s="110">
        <v>0</v>
      </c>
      <c r="AM28" s="114">
        <v>0</v>
      </c>
      <c r="AN28" s="114">
        <v>61287</v>
      </c>
      <c r="AO28" s="114">
        <v>91137</v>
      </c>
      <c r="AP28" s="114">
        <v>60453</v>
      </c>
      <c r="AQ28" s="114">
        <v>0</v>
      </c>
      <c r="AR28" s="113">
        <v>212877</v>
      </c>
      <c r="AS28" s="116">
        <v>212877</v>
      </c>
      <c r="AT28" s="110">
        <v>33314</v>
      </c>
      <c r="AU28" s="114">
        <v>24192</v>
      </c>
      <c r="AV28" s="113">
        <v>57506</v>
      </c>
      <c r="AW28" s="110">
        <v>0</v>
      </c>
      <c r="AX28" s="114">
        <v>68216</v>
      </c>
      <c r="AY28" s="114">
        <v>214976</v>
      </c>
      <c r="AZ28" s="114">
        <v>191819</v>
      </c>
      <c r="BA28" s="114">
        <v>274288</v>
      </c>
      <c r="BB28" s="114">
        <v>58773</v>
      </c>
      <c r="BC28" s="113">
        <v>808072</v>
      </c>
      <c r="BD28" s="116">
        <v>865578</v>
      </c>
      <c r="BE28" s="110">
        <v>0</v>
      </c>
      <c r="BF28" s="114">
        <v>27041</v>
      </c>
      <c r="BG28" s="112">
        <v>27041</v>
      </c>
      <c r="BH28" s="111">
        <v>0</v>
      </c>
      <c r="BI28" s="114">
        <v>0</v>
      </c>
      <c r="BJ28" s="114">
        <v>99421</v>
      </c>
      <c r="BK28" s="114">
        <v>0</v>
      </c>
      <c r="BL28" s="114">
        <v>0</v>
      </c>
      <c r="BM28" s="114">
        <v>0</v>
      </c>
      <c r="BN28" s="113">
        <v>99421</v>
      </c>
      <c r="BO28" s="116">
        <v>126462</v>
      </c>
      <c r="BP28" s="110">
        <v>0</v>
      </c>
      <c r="BQ28" s="114">
        <v>3626</v>
      </c>
      <c r="BR28" s="113">
        <v>3626</v>
      </c>
      <c r="BS28" s="110">
        <v>0</v>
      </c>
      <c r="BT28" s="114">
        <v>29190</v>
      </c>
      <c r="BU28" s="114">
        <v>71589</v>
      </c>
      <c r="BV28" s="114">
        <v>109249</v>
      </c>
      <c r="BW28" s="114">
        <v>172991</v>
      </c>
      <c r="BX28" s="114">
        <v>34748</v>
      </c>
      <c r="BY28" s="113">
        <v>417767</v>
      </c>
      <c r="BZ28" s="116">
        <v>421393</v>
      </c>
      <c r="CA28" s="110">
        <v>0</v>
      </c>
      <c r="CB28" s="114">
        <v>0</v>
      </c>
      <c r="CC28" s="113">
        <v>0</v>
      </c>
      <c r="CD28" s="110">
        <v>0</v>
      </c>
      <c r="CE28" s="114">
        <v>384416</v>
      </c>
      <c r="CF28" s="114">
        <v>1020836</v>
      </c>
      <c r="CG28" s="114">
        <v>806514</v>
      </c>
      <c r="CH28" s="114">
        <v>613946</v>
      </c>
      <c r="CI28" s="114">
        <v>0</v>
      </c>
      <c r="CJ28" s="113">
        <v>2825712</v>
      </c>
      <c r="CK28" s="116">
        <v>2825712</v>
      </c>
      <c r="CL28" s="110">
        <v>0</v>
      </c>
      <c r="CM28" s="114">
        <v>0</v>
      </c>
      <c r="CN28" s="113">
        <v>0</v>
      </c>
      <c r="CO28" s="111">
        <v>0</v>
      </c>
      <c r="CP28" s="114">
        <v>384416</v>
      </c>
      <c r="CQ28" s="114">
        <v>683044</v>
      </c>
      <c r="CR28" s="114">
        <v>387450</v>
      </c>
      <c r="CS28" s="114">
        <v>412750</v>
      </c>
      <c r="CT28" s="114">
        <v>0</v>
      </c>
      <c r="CU28" s="113">
        <v>1867660</v>
      </c>
      <c r="CV28" s="116">
        <v>1867660</v>
      </c>
      <c r="CW28" s="110">
        <v>0</v>
      </c>
      <c r="CX28" s="114">
        <v>0</v>
      </c>
      <c r="CY28" s="113">
        <v>0</v>
      </c>
      <c r="CZ28" s="110">
        <v>0</v>
      </c>
      <c r="DA28" s="114">
        <v>0</v>
      </c>
      <c r="DB28" s="114">
        <v>337792</v>
      </c>
      <c r="DC28" s="114">
        <v>419064</v>
      </c>
      <c r="DD28" s="114">
        <v>201196</v>
      </c>
      <c r="DE28" s="114">
        <v>0</v>
      </c>
      <c r="DF28" s="113">
        <v>958052</v>
      </c>
      <c r="DG28" s="116">
        <v>958052</v>
      </c>
      <c r="DH28" s="110">
        <v>0</v>
      </c>
      <c r="DI28" s="114">
        <v>0</v>
      </c>
      <c r="DJ28" s="112">
        <v>0</v>
      </c>
      <c r="DK28" s="111">
        <v>0</v>
      </c>
      <c r="DL28" s="114">
        <v>29686</v>
      </c>
      <c r="DM28" s="114">
        <v>0</v>
      </c>
      <c r="DN28" s="114">
        <v>87941</v>
      </c>
      <c r="DO28" s="114">
        <v>210552</v>
      </c>
      <c r="DP28" s="114">
        <v>0</v>
      </c>
      <c r="DQ28" s="113">
        <v>328179</v>
      </c>
      <c r="DR28" s="116">
        <v>328179</v>
      </c>
      <c r="DS28" s="110">
        <v>0</v>
      </c>
      <c r="DT28" s="114">
        <v>0</v>
      </c>
      <c r="DU28" s="113">
        <v>0</v>
      </c>
      <c r="DV28" s="110">
        <v>0</v>
      </c>
      <c r="DW28" s="114">
        <v>29686</v>
      </c>
      <c r="DX28" s="114">
        <v>0</v>
      </c>
      <c r="DY28" s="114">
        <v>87941</v>
      </c>
      <c r="DZ28" s="114">
        <v>210552</v>
      </c>
      <c r="EA28" s="114">
        <v>0</v>
      </c>
      <c r="EB28" s="113">
        <v>328179</v>
      </c>
      <c r="EC28" s="116">
        <v>328179</v>
      </c>
      <c r="ED28" s="110">
        <v>0</v>
      </c>
      <c r="EE28" s="112">
        <v>0</v>
      </c>
      <c r="EF28" s="113">
        <v>0</v>
      </c>
      <c r="EG28" s="110">
        <v>0</v>
      </c>
      <c r="EH28" s="114">
        <v>0</v>
      </c>
      <c r="EI28" s="114">
        <v>0</v>
      </c>
      <c r="EJ28" s="114">
        <v>0</v>
      </c>
      <c r="EK28" s="114">
        <v>0</v>
      </c>
      <c r="EL28" s="114">
        <v>0</v>
      </c>
      <c r="EM28" s="112">
        <v>0</v>
      </c>
      <c r="EN28" s="116">
        <v>0</v>
      </c>
      <c r="EO28" s="110">
        <v>0</v>
      </c>
      <c r="EP28" s="114">
        <v>0</v>
      </c>
      <c r="EQ28" s="112">
        <v>0</v>
      </c>
      <c r="ER28" s="111">
        <v>0</v>
      </c>
      <c r="ES28" s="114">
        <v>0</v>
      </c>
      <c r="ET28" s="114">
        <v>0</v>
      </c>
      <c r="EU28" s="114">
        <v>0</v>
      </c>
      <c r="EV28" s="114">
        <v>0</v>
      </c>
      <c r="EW28" s="114">
        <v>0</v>
      </c>
      <c r="EX28" s="113">
        <v>0</v>
      </c>
      <c r="EY28" s="116">
        <v>0</v>
      </c>
      <c r="EZ28" s="110">
        <v>0</v>
      </c>
      <c r="FA28" s="114">
        <v>0</v>
      </c>
      <c r="FB28" s="112">
        <v>0</v>
      </c>
      <c r="FC28" s="348"/>
      <c r="FD28" s="114">
        <v>0</v>
      </c>
      <c r="FE28" s="114">
        <v>0</v>
      </c>
      <c r="FF28" s="114">
        <v>0</v>
      </c>
      <c r="FG28" s="114">
        <v>0</v>
      </c>
      <c r="FH28" s="114">
        <v>0</v>
      </c>
      <c r="FI28" s="113">
        <v>0</v>
      </c>
      <c r="FJ28" s="116">
        <v>0</v>
      </c>
      <c r="FK28" s="110">
        <v>7084</v>
      </c>
      <c r="FL28" s="114">
        <v>124005</v>
      </c>
      <c r="FM28" s="113">
        <v>131089</v>
      </c>
      <c r="FN28" s="110">
        <v>0</v>
      </c>
      <c r="FO28" s="114">
        <v>81837</v>
      </c>
      <c r="FP28" s="114">
        <v>306012</v>
      </c>
      <c r="FQ28" s="114">
        <v>160013</v>
      </c>
      <c r="FR28" s="114">
        <v>175833</v>
      </c>
      <c r="FS28" s="114">
        <v>39200</v>
      </c>
      <c r="FT28" s="113">
        <v>762895</v>
      </c>
      <c r="FU28" s="116">
        <v>893984</v>
      </c>
      <c r="FV28" s="115">
        <v>7084</v>
      </c>
      <c r="FW28" s="114">
        <v>20615</v>
      </c>
      <c r="FX28" s="112">
        <v>27699</v>
      </c>
      <c r="FY28" s="111">
        <v>0</v>
      </c>
      <c r="FZ28" s="114">
        <v>62972</v>
      </c>
      <c r="GA28" s="114">
        <v>224812</v>
      </c>
      <c r="GB28" s="114">
        <v>160013</v>
      </c>
      <c r="GC28" s="114">
        <v>175833</v>
      </c>
      <c r="GD28" s="114">
        <v>39200</v>
      </c>
      <c r="GE28" s="113">
        <v>662830</v>
      </c>
      <c r="GF28" s="319">
        <v>690529</v>
      </c>
      <c r="GG28" s="115">
        <v>0</v>
      </c>
      <c r="GH28" s="114">
        <v>18690</v>
      </c>
      <c r="GI28" s="112">
        <v>18690</v>
      </c>
      <c r="GJ28" s="111">
        <v>0</v>
      </c>
      <c r="GK28" s="114">
        <v>18865</v>
      </c>
      <c r="GL28" s="114">
        <v>0</v>
      </c>
      <c r="GM28" s="114">
        <v>0</v>
      </c>
      <c r="GN28" s="114">
        <v>0</v>
      </c>
      <c r="GO28" s="114">
        <v>0</v>
      </c>
      <c r="GP28" s="113">
        <v>18865</v>
      </c>
      <c r="GQ28" s="116">
        <v>37555</v>
      </c>
      <c r="GR28" s="110">
        <v>0</v>
      </c>
      <c r="GS28" s="114">
        <v>84700</v>
      </c>
      <c r="GT28" s="113">
        <v>84700</v>
      </c>
      <c r="GU28" s="110">
        <v>0</v>
      </c>
      <c r="GV28" s="114">
        <v>0</v>
      </c>
      <c r="GW28" s="114">
        <v>81200</v>
      </c>
      <c r="GX28" s="114">
        <v>0</v>
      </c>
      <c r="GY28" s="114">
        <v>0</v>
      </c>
      <c r="GZ28" s="114">
        <v>0</v>
      </c>
      <c r="HA28" s="112">
        <v>81200</v>
      </c>
      <c r="HB28" s="116">
        <v>165900</v>
      </c>
      <c r="HC28" s="110">
        <v>0</v>
      </c>
      <c r="HD28" s="114">
        <v>53911</v>
      </c>
      <c r="HE28" s="112">
        <v>53911</v>
      </c>
      <c r="HF28" s="111">
        <v>0</v>
      </c>
      <c r="HG28" s="114">
        <v>405621</v>
      </c>
      <c r="HH28" s="114">
        <v>303381</v>
      </c>
      <c r="HI28" s="114">
        <v>851065</v>
      </c>
      <c r="HJ28" s="114">
        <v>1652447</v>
      </c>
      <c r="HK28" s="114">
        <v>613644</v>
      </c>
      <c r="HL28" s="113">
        <v>3826158</v>
      </c>
      <c r="HM28" s="109">
        <v>3880069</v>
      </c>
      <c r="HN28" s="329"/>
      <c r="HO28" s="330"/>
      <c r="HP28" s="331"/>
      <c r="HQ28" s="332"/>
      <c r="HR28" s="330"/>
      <c r="HS28" s="330"/>
      <c r="HT28" s="330"/>
      <c r="HU28" s="330"/>
      <c r="HV28" s="330"/>
      <c r="HW28" s="333"/>
      <c r="HX28" s="334"/>
      <c r="HY28" s="150">
        <v>0</v>
      </c>
      <c r="HZ28" s="135">
        <v>0</v>
      </c>
      <c r="IA28" s="150">
        <v>0</v>
      </c>
      <c r="IB28" s="134">
        <v>0</v>
      </c>
      <c r="IC28" s="135">
        <v>92862</v>
      </c>
      <c r="ID28" s="136">
        <v>35177</v>
      </c>
      <c r="IE28" s="137">
        <v>215513</v>
      </c>
      <c r="IF28" s="135">
        <v>0</v>
      </c>
      <c r="IG28" s="137">
        <v>207621</v>
      </c>
      <c r="IH28" s="138">
        <v>551173</v>
      </c>
      <c r="II28" s="150">
        <v>551173</v>
      </c>
      <c r="IJ28" s="232">
        <v>0</v>
      </c>
      <c r="IK28" s="236">
        <v>0</v>
      </c>
      <c r="IL28" s="237">
        <v>0</v>
      </c>
      <c r="IM28" s="140"/>
      <c r="IN28" s="119">
        <v>0</v>
      </c>
      <c r="IO28" s="119">
        <v>0</v>
      </c>
      <c r="IP28" s="119">
        <v>0</v>
      </c>
      <c r="IQ28" s="119">
        <v>0</v>
      </c>
      <c r="IR28" s="119">
        <v>0</v>
      </c>
      <c r="IS28" s="141">
        <v>0</v>
      </c>
      <c r="IT28" s="321">
        <v>0</v>
      </c>
      <c r="IU28" s="142">
        <v>0</v>
      </c>
      <c r="IV28" s="119">
        <v>0</v>
      </c>
      <c r="IW28" s="120">
        <v>0</v>
      </c>
      <c r="IX28" s="144"/>
      <c r="IY28" s="119">
        <v>0</v>
      </c>
      <c r="IZ28" s="119">
        <v>0</v>
      </c>
      <c r="JA28" s="119">
        <v>0</v>
      </c>
      <c r="JB28" s="119">
        <v>0</v>
      </c>
      <c r="JC28" s="119">
        <v>0</v>
      </c>
      <c r="JD28" s="120">
        <v>0</v>
      </c>
      <c r="JE28" s="121">
        <v>0</v>
      </c>
      <c r="JF28" s="142">
        <v>0</v>
      </c>
      <c r="JG28" s="119">
        <v>0</v>
      </c>
      <c r="JH28" s="141">
        <v>0</v>
      </c>
      <c r="JI28" s="118">
        <v>0</v>
      </c>
      <c r="JJ28" s="119">
        <v>92862</v>
      </c>
      <c r="JK28" s="119">
        <v>35177</v>
      </c>
      <c r="JL28" s="119">
        <v>0</v>
      </c>
      <c r="JM28" s="119">
        <v>0</v>
      </c>
      <c r="JN28" s="119">
        <v>207621</v>
      </c>
      <c r="JO28" s="120">
        <v>335660</v>
      </c>
      <c r="JP28" s="321">
        <v>335660</v>
      </c>
      <c r="JQ28" s="142">
        <v>0</v>
      </c>
      <c r="JR28" s="119">
        <v>0</v>
      </c>
      <c r="JS28" s="141">
        <v>0</v>
      </c>
      <c r="JT28" s="118">
        <v>0</v>
      </c>
      <c r="JU28" s="119">
        <v>0</v>
      </c>
      <c r="JV28" s="119">
        <v>0</v>
      </c>
      <c r="JW28" s="119">
        <v>0</v>
      </c>
      <c r="JX28" s="119">
        <v>0</v>
      </c>
      <c r="JY28" s="119">
        <v>0</v>
      </c>
      <c r="JZ28" s="120">
        <v>0</v>
      </c>
      <c r="KA28" s="321">
        <v>0</v>
      </c>
      <c r="KB28" s="234">
        <v>0</v>
      </c>
      <c r="KC28" s="230">
        <v>0</v>
      </c>
      <c r="KD28" s="120">
        <v>0</v>
      </c>
      <c r="KE28" s="118">
        <v>0</v>
      </c>
      <c r="KF28" s="119">
        <v>0</v>
      </c>
      <c r="KG28" s="119">
        <v>0</v>
      </c>
      <c r="KH28" s="119">
        <v>0</v>
      </c>
      <c r="KI28" s="119">
        <v>0</v>
      </c>
      <c r="KJ28" s="119">
        <v>0</v>
      </c>
      <c r="KK28" s="120">
        <v>0</v>
      </c>
      <c r="KL28" s="143">
        <v>0</v>
      </c>
      <c r="KM28" s="232">
        <v>0</v>
      </c>
      <c r="KN28" s="236">
        <v>0</v>
      </c>
      <c r="KO28" s="237">
        <v>0</v>
      </c>
      <c r="KP28" s="140"/>
      <c r="KQ28" s="119">
        <v>0</v>
      </c>
      <c r="KR28" s="119">
        <v>0</v>
      </c>
      <c r="KS28" s="119">
        <v>215513</v>
      </c>
      <c r="KT28" s="119">
        <v>0</v>
      </c>
      <c r="KU28" s="119">
        <v>0</v>
      </c>
      <c r="KV28" s="120">
        <v>215513</v>
      </c>
      <c r="KW28" s="321">
        <v>215513</v>
      </c>
      <c r="KX28" s="142">
        <v>0</v>
      </c>
      <c r="KY28" s="119">
        <v>0</v>
      </c>
      <c r="KZ28" s="120">
        <v>0</v>
      </c>
      <c r="LA28" s="145"/>
      <c r="LB28" s="119">
        <v>0</v>
      </c>
      <c r="LC28" s="119">
        <v>0</v>
      </c>
      <c r="LD28" s="119">
        <v>0</v>
      </c>
      <c r="LE28" s="119">
        <v>0</v>
      </c>
      <c r="LF28" s="119">
        <v>0</v>
      </c>
      <c r="LG28" s="120">
        <v>0</v>
      </c>
      <c r="LH28" s="121">
        <v>0</v>
      </c>
      <c r="LI28" s="142">
        <v>0</v>
      </c>
      <c r="LJ28" s="119">
        <v>0</v>
      </c>
      <c r="LK28" s="120">
        <v>0</v>
      </c>
      <c r="LL28" s="145"/>
      <c r="LM28" s="119">
        <v>0</v>
      </c>
      <c r="LN28" s="119">
        <v>0</v>
      </c>
      <c r="LO28" s="119">
        <v>0</v>
      </c>
      <c r="LP28" s="119">
        <v>0</v>
      </c>
      <c r="LQ28" s="119">
        <v>0</v>
      </c>
      <c r="LR28" s="120">
        <v>0</v>
      </c>
      <c r="LS28" s="321">
        <v>0</v>
      </c>
      <c r="LT28" s="142">
        <v>0</v>
      </c>
      <c r="LU28" s="119">
        <v>0</v>
      </c>
      <c r="LV28" s="120">
        <v>0</v>
      </c>
      <c r="LW28" s="145"/>
      <c r="LX28" s="119">
        <v>0</v>
      </c>
      <c r="LY28" s="119">
        <v>0</v>
      </c>
      <c r="LZ28" s="119">
        <v>0</v>
      </c>
      <c r="MA28" s="119">
        <v>0</v>
      </c>
      <c r="MB28" s="119">
        <v>0</v>
      </c>
      <c r="MC28" s="120">
        <v>0</v>
      </c>
      <c r="MD28" s="121">
        <v>0</v>
      </c>
      <c r="ME28" s="142">
        <v>0</v>
      </c>
      <c r="MF28" s="119">
        <v>0</v>
      </c>
      <c r="MG28" s="120">
        <v>0</v>
      </c>
      <c r="MH28" s="145"/>
      <c r="MI28" s="119">
        <v>0</v>
      </c>
      <c r="MJ28" s="119">
        <v>347614</v>
      </c>
      <c r="MK28" s="119">
        <v>658014</v>
      </c>
      <c r="ML28" s="119">
        <v>1319062</v>
      </c>
      <c r="MM28" s="119">
        <v>971336</v>
      </c>
      <c r="MN28" s="120">
        <v>3296026</v>
      </c>
      <c r="MO28" s="143">
        <v>3296026</v>
      </c>
      <c r="MP28" s="142">
        <v>0</v>
      </c>
      <c r="MQ28" s="119">
        <v>0</v>
      </c>
      <c r="MR28" s="120">
        <v>0</v>
      </c>
      <c r="MS28" s="145"/>
      <c r="MT28" s="119">
        <v>0</v>
      </c>
      <c r="MU28" s="119">
        <v>0</v>
      </c>
      <c r="MV28" s="119">
        <v>428762</v>
      </c>
      <c r="MW28" s="119">
        <v>1058832</v>
      </c>
      <c r="MX28" s="119">
        <v>221505</v>
      </c>
      <c r="MY28" s="120">
        <v>1709099</v>
      </c>
      <c r="MZ28" s="143">
        <v>1709099</v>
      </c>
      <c r="NA28" s="142">
        <v>0</v>
      </c>
      <c r="NB28" s="119">
        <v>0</v>
      </c>
      <c r="NC28" s="120">
        <v>0</v>
      </c>
      <c r="ND28" s="145">
        <v>0</v>
      </c>
      <c r="NE28" s="119">
        <v>0</v>
      </c>
      <c r="NF28" s="119">
        <v>347614</v>
      </c>
      <c r="NG28" s="119">
        <v>229252</v>
      </c>
      <c r="NH28" s="119">
        <v>260230</v>
      </c>
      <c r="NI28" s="119">
        <v>484309</v>
      </c>
      <c r="NJ28" s="120">
        <v>1321405</v>
      </c>
      <c r="NK28" s="321">
        <v>1321405</v>
      </c>
      <c r="NL28" s="142">
        <v>0</v>
      </c>
      <c r="NM28" s="119">
        <v>0</v>
      </c>
      <c r="NN28" s="120">
        <v>0</v>
      </c>
      <c r="NO28" s="145"/>
      <c r="NP28" s="119">
        <v>0</v>
      </c>
      <c r="NQ28" s="119">
        <v>0</v>
      </c>
      <c r="NR28" s="119">
        <v>0</v>
      </c>
      <c r="NS28" s="119">
        <v>0</v>
      </c>
      <c r="NT28" s="119">
        <v>265522</v>
      </c>
      <c r="NU28" s="120">
        <v>265522</v>
      </c>
      <c r="NV28" s="121">
        <v>265522</v>
      </c>
      <c r="NW28" s="142">
        <v>0</v>
      </c>
      <c r="NX28" s="119">
        <v>0</v>
      </c>
      <c r="NY28" s="120">
        <v>0</v>
      </c>
      <c r="NZ28" s="145"/>
      <c r="OA28" s="119">
        <v>0</v>
      </c>
      <c r="OB28" s="119">
        <v>0</v>
      </c>
      <c r="OC28" s="119">
        <v>0</v>
      </c>
      <c r="OD28" s="119">
        <v>0</v>
      </c>
      <c r="OE28" s="119">
        <v>0</v>
      </c>
      <c r="OF28" s="120">
        <v>0</v>
      </c>
      <c r="OG28" s="121">
        <v>0</v>
      </c>
      <c r="OH28" s="142">
        <v>40398</v>
      </c>
      <c r="OI28" s="119">
        <v>232775</v>
      </c>
      <c r="OJ28" s="141">
        <v>273173</v>
      </c>
      <c r="OK28" s="118">
        <v>0</v>
      </c>
      <c r="OL28" s="119">
        <v>1184952</v>
      </c>
      <c r="OM28" s="119">
        <v>2686165</v>
      </c>
      <c r="ON28" s="119">
        <v>3363524</v>
      </c>
      <c r="OO28" s="119">
        <v>4543977</v>
      </c>
      <c r="OP28" s="119">
        <v>1925322</v>
      </c>
      <c r="OQ28" s="120">
        <v>13703940</v>
      </c>
      <c r="OR28" s="143">
        <v>13977113</v>
      </c>
    </row>
    <row r="29" spans="1:408" ht="20.25" customHeight="1" x14ac:dyDescent="0.2">
      <c r="A29" s="126" t="s">
        <v>24</v>
      </c>
      <c r="B29" s="110">
        <v>213138</v>
      </c>
      <c r="C29" s="114">
        <v>230765</v>
      </c>
      <c r="D29" s="113">
        <v>443903</v>
      </c>
      <c r="E29" s="109">
        <v>0</v>
      </c>
      <c r="F29" s="114">
        <v>1717290</v>
      </c>
      <c r="G29" s="114">
        <v>2301184</v>
      </c>
      <c r="H29" s="114">
        <v>880505</v>
      </c>
      <c r="I29" s="114">
        <v>2822796</v>
      </c>
      <c r="J29" s="114">
        <v>2398526</v>
      </c>
      <c r="K29" s="173">
        <v>10120301</v>
      </c>
      <c r="L29" s="116">
        <v>10564204</v>
      </c>
      <c r="M29" s="110">
        <v>35651</v>
      </c>
      <c r="N29" s="114">
        <v>66705</v>
      </c>
      <c r="O29" s="113">
        <v>102356</v>
      </c>
      <c r="P29" s="110">
        <v>0</v>
      </c>
      <c r="Q29" s="114">
        <v>552809</v>
      </c>
      <c r="R29" s="114">
        <v>459810</v>
      </c>
      <c r="S29" s="114">
        <v>151701</v>
      </c>
      <c r="T29" s="114">
        <v>1009228</v>
      </c>
      <c r="U29" s="114">
        <v>1495444</v>
      </c>
      <c r="V29" s="113">
        <v>3668992</v>
      </c>
      <c r="W29" s="116">
        <v>3771348</v>
      </c>
      <c r="X29" s="110">
        <v>0</v>
      </c>
      <c r="Y29" s="114">
        <v>0</v>
      </c>
      <c r="Z29" s="113">
        <v>0</v>
      </c>
      <c r="AA29" s="110">
        <v>0</v>
      </c>
      <c r="AB29" s="114">
        <v>148797</v>
      </c>
      <c r="AC29" s="114">
        <v>218077</v>
      </c>
      <c r="AD29" s="114">
        <v>46585</v>
      </c>
      <c r="AE29" s="114">
        <v>648500</v>
      </c>
      <c r="AF29" s="114">
        <v>862032</v>
      </c>
      <c r="AG29" s="113">
        <v>1923991</v>
      </c>
      <c r="AH29" s="116">
        <v>1923991</v>
      </c>
      <c r="AI29" s="110">
        <v>0</v>
      </c>
      <c r="AJ29" s="114">
        <v>0</v>
      </c>
      <c r="AK29" s="113">
        <v>0</v>
      </c>
      <c r="AL29" s="110">
        <v>0</v>
      </c>
      <c r="AM29" s="114">
        <v>0</v>
      </c>
      <c r="AN29" s="114">
        <v>0</v>
      </c>
      <c r="AO29" s="114">
        <v>0</v>
      </c>
      <c r="AP29" s="114">
        <v>0</v>
      </c>
      <c r="AQ29" s="114">
        <v>185577</v>
      </c>
      <c r="AR29" s="113">
        <v>185577</v>
      </c>
      <c r="AS29" s="116">
        <v>185577</v>
      </c>
      <c r="AT29" s="110">
        <v>0</v>
      </c>
      <c r="AU29" s="114">
        <v>46741</v>
      </c>
      <c r="AV29" s="113">
        <v>46741</v>
      </c>
      <c r="AW29" s="110">
        <v>0</v>
      </c>
      <c r="AX29" s="114">
        <v>304010</v>
      </c>
      <c r="AY29" s="114">
        <v>83188</v>
      </c>
      <c r="AZ29" s="114">
        <v>47639</v>
      </c>
      <c r="BA29" s="114">
        <v>67519</v>
      </c>
      <c r="BB29" s="114">
        <v>311286</v>
      </c>
      <c r="BC29" s="113">
        <v>813642</v>
      </c>
      <c r="BD29" s="116">
        <v>860383</v>
      </c>
      <c r="BE29" s="110">
        <v>0</v>
      </c>
      <c r="BF29" s="114">
        <v>0</v>
      </c>
      <c r="BG29" s="112">
        <v>0</v>
      </c>
      <c r="BH29" s="111">
        <v>0</v>
      </c>
      <c r="BI29" s="114">
        <v>0</v>
      </c>
      <c r="BJ29" s="114">
        <v>7247</v>
      </c>
      <c r="BK29" s="114">
        <v>0</v>
      </c>
      <c r="BL29" s="114">
        <v>0</v>
      </c>
      <c r="BM29" s="114">
        <v>28490</v>
      </c>
      <c r="BN29" s="113">
        <v>35737</v>
      </c>
      <c r="BO29" s="116">
        <v>35737</v>
      </c>
      <c r="BP29" s="110">
        <v>35651</v>
      </c>
      <c r="BQ29" s="114">
        <v>19964</v>
      </c>
      <c r="BR29" s="113">
        <v>55615</v>
      </c>
      <c r="BS29" s="110">
        <v>0</v>
      </c>
      <c r="BT29" s="114">
        <v>100002</v>
      </c>
      <c r="BU29" s="114">
        <v>151298</v>
      </c>
      <c r="BV29" s="114">
        <v>57477</v>
      </c>
      <c r="BW29" s="114">
        <v>293209</v>
      </c>
      <c r="BX29" s="114">
        <v>108059</v>
      </c>
      <c r="BY29" s="113">
        <v>710045</v>
      </c>
      <c r="BZ29" s="116">
        <v>765660</v>
      </c>
      <c r="CA29" s="110">
        <v>17708</v>
      </c>
      <c r="CB29" s="114">
        <v>0</v>
      </c>
      <c r="CC29" s="113">
        <v>17708</v>
      </c>
      <c r="CD29" s="110">
        <v>0</v>
      </c>
      <c r="CE29" s="114">
        <v>634272</v>
      </c>
      <c r="CF29" s="114">
        <v>531704</v>
      </c>
      <c r="CG29" s="114">
        <v>53039</v>
      </c>
      <c r="CH29" s="114">
        <v>263226</v>
      </c>
      <c r="CI29" s="114">
        <v>136838</v>
      </c>
      <c r="CJ29" s="113">
        <v>1619079</v>
      </c>
      <c r="CK29" s="116">
        <v>1636787</v>
      </c>
      <c r="CL29" s="110">
        <v>0</v>
      </c>
      <c r="CM29" s="114">
        <v>0</v>
      </c>
      <c r="CN29" s="113">
        <v>0</v>
      </c>
      <c r="CO29" s="111">
        <v>0</v>
      </c>
      <c r="CP29" s="114">
        <v>400270</v>
      </c>
      <c r="CQ29" s="114">
        <v>377486</v>
      </c>
      <c r="CR29" s="114">
        <v>0</v>
      </c>
      <c r="CS29" s="114">
        <v>0</v>
      </c>
      <c r="CT29" s="114">
        <v>0</v>
      </c>
      <c r="CU29" s="113">
        <v>777756</v>
      </c>
      <c r="CV29" s="116">
        <v>777756</v>
      </c>
      <c r="CW29" s="110">
        <v>17708</v>
      </c>
      <c r="CX29" s="114">
        <v>0</v>
      </c>
      <c r="CY29" s="113">
        <v>17708</v>
      </c>
      <c r="CZ29" s="110">
        <v>0</v>
      </c>
      <c r="DA29" s="114">
        <v>234002</v>
      </c>
      <c r="DB29" s="114">
        <v>154218</v>
      </c>
      <c r="DC29" s="114">
        <v>53039</v>
      </c>
      <c r="DD29" s="114">
        <v>263226</v>
      </c>
      <c r="DE29" s="114">
        <v>136838</v>
      </c>
      <c r="DF29" s="113">
        <v>841323</v>
      </c>
      <c r="DG29" s="116">
        <v>859031</v>
      </c>
      <c r="DH29" s="110">
        <v>0</v>
      </c>
      <c r="DI29" s="114">
        <v>0</v>
      </c>
      <c r="DJ29" s="112">
        <v>0</v>
      </c>
      <c r="DK29" s="111">
        <v>0</v>
      </c>
      <c r="DL29" s="114">
        <v>0</v>
      </c>
      <c r="DM29" s="114">
        <v>118592</v>
      </c>
      <c r="DN29" s="114">
        <v>0</v>
      </c>
      <c r="DO29" s="114">
        <v>149298</v>
      </c>
      <c r="DP29" s="114">
        <v>58925</v>
      </c>
      <c r="DQ29" s="113">
        <v>326815</v>
      </c>
      <c r="DR29" s="116">
        <v>326815</v>
      </c>
      <c r="DS29" s="110">
        <v>0</v>
      </c>
      <c r="DT29" s="114">
        <v>0</v>
      </c>
      <c r="DU29" s="113">
        <v>0</v>
      </c>
      <c r="DV29" s="110">
        <v>0</v>
      </c>
      <c r="DW29" s="114">
        <v>0</v>
      </c>
      <c r="DX29" s="114">
        <v>118592</v>
      </c>
      <c r="DY29" s="114">
        <v>0</v>
      </c>
      <c r="DZ29" s="114">
        <v>149298</v>
      </c>
      <c r="EA29" s="114">
        <v>58925</v>
      </c>
      <c r="EB29" s="113">
        <v>326815</v>
      </c>
      <c r="EC29" s="116">
        <v>326815</v>
      </c>
      <c r="ED29" s="110">
        <v>0</v>
      </c>
      <c r="EE29" s="112">
        <v>0</v>
      </c>
      <c r="EF29" s="113">
        <v>0</v>
      </c>
      <c r="EG29" s="110">
        <v>0</v>
      </c>
      <c r="EH29" s="114">
        <v>0</v>
      </c>
      <c r="EI29" s="114">
        <v>0</v>
      </c>
      <c r="EJ29" s="114">
        <v>0</v>
      </c>
      <c r="EK29" s="114">
        <v>0</v>
      </c>
      <c r="EL29" s="114">
        <v>0</v>
      </c>
      <c r="EM29" s="112">
        <v>0</v>
      </c>
      <c r="EN29" s="116">
        <v>0</v>
      </c>
      <c r="EO29" s="110">
        <v>0</v>
      </c>
      <c r="EP29" s="114">
        <v>0</v>
      </c>
      <c r="EQ29" s="112">
        <v>0</v>
      </c>
      <c r="ER29" s="111">
        <v>0</v>
      </c>
      <c r="ES29" s="114">
        <v>0</v>
      </c>
      <c r="ET29" s="114">
        <v>0</v>
      </c>
      <c r="EU29" s="114">
        <v>0</v>
      </c>
      <c r="EV29" s="114">
        <v>0</v>
      </c>
      <c r="EW29" s="114">
        <v>0</v>
      </c>
      <c r="EX29" s="113">
        <v>0</v>
      </c>
      <c r="EY29" s="116">
        <v>0</v>
      </c>
      <c r="EZ29" s="110">
        <v>0</v>
      </c>
      <c r="FA29" s="114">
        <v>0</v>
      </c>
      <c r="FB29" s="112">
        <v>0</v>
      </c>
      <c r="FC29" s="348"/>
      <c r="FD29" s="114">
        <v>0</v>
      </c>
      <c r="FE29" s="114">
        <v>0</v>
      </c>
      <c r="FF29" s="114">
        <v>0</v>
      </c>
      <c r="FG29" s="114">
        <v>0</v>
      </c>
      <c r="FH29" s="114">
        <v>0</v>
      </c>
      <c r="FI29" s="113">
        <v>0</v>
      </c>
      <c r="FJ29" s="116">
        <v>0</v>
      </c>
      <c r="FK29" s="110">
        <v>23800</v>
      </c>
      <c r="FL29" s="114">
        <v>12740</v>
      </c>
      <c r="FM29" s="113">
        <v>36540</v>
      </c>
      <c r="FN29" s="110">
        <v>0</v>
      </c>
      <c r="FO29" s="114">
        <v>110054</v>
      </c>
      <c r="FP29" s="114">
        <v>126847</v>
      </c>
      <c r="FQ29" s="114">
        <v>29435</v>
      </c>
      <c r="FR29" s="114">
        <v>110950</v>
      </c>
      <c r="FS29" s="114">
        <v>296387</v>
      </c>
      <c r="FT29" s="113">
        <v>673673</v>
      </c>
      <c r="FU29" s="116">
        <v>710213</v>
      </c>
      <c r="FV29" s="115">
        <v>23800</v>
      </c>
      <c r="FW29" s="114">
        <v>12740</v>
      </c>
      <c r="FX29" s="112">
        <v>36540</v>
      </c>
      <c r="FY29" s="111">
        <v>0</v>
      </c>
      <c r="FZ29" s="114">
        <v>110054</v>
      </c>
      <c r="GA29" s="114">
        <v>126847</v>
      </c>
      <c r="GB29" s="114">
        <v>29435</v>
      </c>
      <c r="GC29" s="114">
        <v>110950</v>
      </c>
      <c r="GD29" s="114">
        <v>296387</v>
      </c>
      <c r="GE29" s="113">
        <v>673673</v>
      </c>
      <c r="GF29" s="319">
        <v>710213</v>
      </c>
      <c r="GG29" s="115">
        <v>0</v>
      </c>
      <c r="GH29" s="114">
        <v>0</v>
      </c>
      <c r="GI29" s="112">
        <v>0</v>
      </c>
      <c r="GJ29" s="111">
        <v>0</v>
      </c>
      <c r="GK29" s="114">
        <v>0</v>
      </c>
      <c r="GL29" s="114">
        <v>0</v>
      </c>
      <c r="GM29" s="114">
        <v>0</v>
      </c>
      <c r="GN29" s="114">
        <v>0</v>
      </c>
      <c r="GO29" s="114">
        <v>0</v>
      </c>
      <c r="GP29" s="113">
        <v>0</v>
      </c>
      <c r="GQ29" s="116">
        <v>0</v>
      </c>
      <c r="GR29" s="110">
        <v>0</v>
      </c>
      <c r="GS29" s="114">
        <v>0</v>
      </c>
      <c r="GT29" s="113">
        <v>0</v>
      </c>
      <c r="GU29" s="110">
        <v>0</v>
      </c>
      <c r="GV29" s="114">
        <v>0</v>
      </c>
      <c r="GW29" s="114">
        <v>0</v>
      </c>
      <c r="GX29" s="114">
        <v>0</v>
      </c>
      <c r="GY29" s="114">
        <v>0</v>
      </c>
      <c r="GZ29" s="114">
        <v>0</v>
      </c>
      <c r="HA29" s="112">
        <v>0</v>
      </c>
      <c r="HB29" s="116">
        <v>0</v>
      </c>
      <c r="HC29" s="110">
        <v>135979</v>
      </c>
      <c r="HD29" s="114">
        <v>151320</v>
      </c>
      <c r="HE29" s="112">
        <v>287299</v>
      </c>
      <c r="HF29" s="111">
        <v>0</v>
      </c>
      <c r="HG29" s="114">
        <v>420155</v>
      </c>
      <c r="HH29" s="114">
        <v>1064231</v>
      </c>
      <c r="HI29" s="114">
        <v>646330</v>
      </c>
      <c r="HJ29" s="114">
        <v>1290094</v>
      </c>
      <c r="HK29" s="114">
        <v>410932</v>
      </c>
      <c r="HL29" s="113">
        <v>3831742</v>
      </c>
      <c r="HM29" s="109">
        <v>4119041</v>
      </c>
      <c r="HN29" s="329"/>
      <c r="HO29" s="330"/>
      <c r="HP29" s="331"/>
      <c r="HQ29" s="332"/>
      <c r="HR29" s="330"/>
      <c r="HS29" s="330"/>
      <c r="HT29" s="330"/>
      <c r="HU29" s="330"/>
      <c r="HV29" s="330"/>
      <c r="HW29" s="333"/>
      <c r="HX29" s="334"/>
      <c r="HY29" s="131">
        <v>35829</v>
      </c>
      <c r="HZ29" s="132">
        <v>61296</v>
      </c>
      <c r="IA29" s="133">
        <v>97125</v>
      </c>
      <c r="IB29" s="146">
        <v>0</v>
      </c>
      <c r="IC29" s="132">
        <v>354408</v>
      </c>
      <c r="ID29" s="147">
        <v>155172</v>
      </c>
      <c r="IE29" s="133">
        <v>346164</v>
      </c>
      <c r="IF29" s="132">
        <v>539843</v>
      </c>
      <c r="IG29" s="133">
        <v>687848</v>
      </c>
      <c r="IH29" s="148">
        <v>2083435</v>
      </c>
      <c r="II29" s="139">
        <v>2180560</v>
      </c>
      <c r="IJ29" s="232">
        <v>0</v>
      </c>
      <c r="IK29" s="236">
        <v>0</v>
      </c>
      <c r="IL29" s="237">
        <v>0</v>
      </c>
      <c r="IM29" s="140"/>
      <c r="IN29" s="119">
        <v>0</v>
      </c>
      <c r="IO29" s="119">
        <v>0</v>
      </c>
      <c r="IP29" s="119">
        <v>0</v>
      </c>
      <c r="IQ29" s="119">
        <v>185413</v>
      </c>
      <c r="IR29" s="119">
        <v>0</v>
      </c>
      <c r="IS29" s="141">
        <v>185413</v>
      </c>
      <c r="IT29" s="321">
        <v>185413</v>
      </c>
      <c r="IU29" s="142">
        <v>0</v>
      </c>
      <c r="IV29" s="119">
        <v>0</v>
      </c>
      <c r="IW29" s="120">
        <v>0</v>
      </c>
      <c r="IX29" s="144"/>
      <c r="IY29" s="119">
        <v>0</v>
      </c>
      <c r="IZ29" s="119">
        <v>0</v>
      </c>
      <c r="JA29" s="119">
        <v>0</v>
      </c>
      <c r="JB29" s="119">
        <v>0</v>
      </c>
      <c r="JC29" s="119">
        <v>0</v>
      </c>
      <c r="JD29" s="120">
        <v>0</v>
      </c>
      <c r="JE29" s="121">
        <v>0</v>
      </c>
      <c r="JF29" s="142">
        <v>0</v>
      </c>
      <c r="JG29" s="119">
        <v>0</v>
      </c>
      <c r="JH29" s="141">
        <v>0</v>
      </c>
      <c r="JI29" s="118">
        <v>0</v>
      </c>
      <c r="JJ29" s="119">
        <v>0</v>
      </c>
      <c r="JK29" s="119">
        <v>77296</v>
      </c>
      <c r="JL29" s="119">
        <v>83607</v>
      </c>
      <c r="JM29" s="119">
        <v>150464</v>
      </c>
      <c r="JN29" s="119">
        <v>0</v>
      </c>
      <c r="JO29" s="120">
        <v>311367</v>
      </c>
      <c r="JP29" s="321">
        <v>311367</v>
      </c>
      <c r="JQ29" s="142">
        <v>0</v>
      </c>
      <c r="JR29" s="119">
        <v>0</v>
      </c>
      <c r="JS29" s="141">
        <v>0</v>
      </c>
      <c r="JT29" s="118">
        <v>0</v>
      </c>
      <c r="JU29" s="119">
        <v>0</v>
      </c>
      <c r="JV29" s="119">
        <v>77876</v>
      </c>
      <c r="JW29" s="119">
        <v>0</v>
      </c>
      <c r="JX29" s="119">
        <v>0</v>
      </c>
      <c r="JY29" s="119">
        <v>243236</v>
      </c>
      <c r="JZ29" s="120">
        <v>321112</v>
      </c>
      <c r="KA29" s="321">
        <v>321112</v>
      </c>
      <c r="KB29" s="234">
        <v>35829</v>
      </c>
      <c r="KC29" s="230">
        <v>61296</v>
      </c>
      <c r="KD29" s="120">
        <v>97125</v>
      </c>
      <c r="KE29" s="118">
        <v>0</v>
      </c>
      <c r="KF29" s="119">
        <v>354408</v>
      </c>
      <c r="KG29" s="119">
        <v>0</v>
      </c>
      <c r="KH29" s="119">
        <v>0</v>
      </c>
      <c r="KI29" s="119">
        <v>0</v>
      </c>
      <c r="KJ29" s="119">
        <v>235751</v>
      </c>
      <c r="KK29" s="120">
        <v>590159</v>
      </c>
      <c r="KL29" s="143">
        <v>687284</v>
      </c>
      <c r="KM29" s="232">
        <v>0</v>
      </c>
      <c r="KN29" s="236">
        <v>0</v>
      </c>
      <c r="KO29" s="237">
        <v>0</v>
      </c>
      <c r="KP29" s="140"/>
      <c r="KQ29" s="119">
        <v>0</v>
      </c>
      <c r="KR29" s="119">
        <v>0</v>
      </c>
      <c r="KS29" s="119">
        <v>262557</v>
      </c>
      <c r="KT29" s="119">
        <v>203966</v>
      </c>
      <c r="KU29" s="119">
        <v>208861</v>
      </c>
      <c r="KV29" s="120">
        <v>675384</v>
      </c>
      <c r="KW29" s="321">
        <v>675384</v>
      </c>
      <c r="KX29" s="142">
        <v>0</v>
      </c>
      <c r="KY29" s="119">
        <v>0</v>
      </c>
      <c r="KZ29" s="120">
        <v>0</v>
      </c>
      <c r="LA29" s="145"/>
      <c r="LB29" s="119">
        <v>0</v>
      </c>
      <c r="LC29" s="119">
        <v>0</v>
      </c>
      <c r="LD29" s="119">
        <v>0</v>
      </c>
      <c r="LE29" s="119">
        <v>0</v>
      </c>
      <c r="LF29" s="119">
        <v>0</v>
      </c>
      <c r="LG29" s="120">
        <v>0</v>
      </c>
      <c r="LH29" s="121">
        <v>0</v>
      </c>
      <c r="LI29" s="142">
        <v>0</v>
      </c>
      <c r="LJ29" s="119">
        <v>0</v>
      </c>
      <c r="LK29" s="120">
        <v>0</v>
      </c>
      <c r="LL29" s="145"/>
      <c r="LM29" s="119">
        <v>0</v>
      </c>
      <c r="LN29" s="119">
        <v>0</v>
      </c>
      <c r="LO29" s="119">
        <v>0</v>
      </c>
      <c r="LP29" s="119">
        <v>0</v>
      </c>
      <c r="LQ29" s="119">
        <v>0</v>
      </c>
      <c r="LR29" s="120">
        <v>0</v>
      </c>
      <c r="LS29" s="321">
        <v>0</v>
      </c>
      <c r="LT29" s="142">
        <v>0</v>
      </c>
      <c r="LU29" s="119">
        <v>0</v>
      </c>
      <c r="LV29" s="120">
        <v>0</v>
      </c>
      <c r="LW29" s="145"/>
      <c r="LX29" s="119">
        <v>0</v>
      </c>
      <c r="LY29" s="119">
        <v>0</v>
      </c>
      <c r="LZ29" s="119">
        <v>0</v>
      </c>
      <c r="MA29" s="119">
        <v>0</v>
      </c>
      <c r="MB29" s="119">
        <v>0</v>
      </c>
      <c r="MC29" s="120">
        <v>0</v>
      </c>
      <c r="MD29" s="121">
        <v>0</v>
      </c>
      <c r="ME29" s="142">
        <v>0</v>
      </c>
      <c r="MF29" s="119">
        <v>0</v>
      </c>
      <c r="MG29" s="120">
        <v>0</v>
      </c>
      <c r="MH29" s="145"/>
      <c r="MI29" s="119">
        <v>198437</v>
      </c>
      <c r="MJ29" s="119">
        <v>0</v>
      </c>
      <c r="MK29" s="119">
        <v>207308</v>
      </c>
      <c r="ML29" s="119">
        <v>727253</v>
      </c>
      <c r="MM29" s="119">
        <v>0</v>
      </c>
      <c r="MN29" s="120">
        <v>1132998</v>
      </c>
      <c r="MO29" s="143">
        <v>1132998</v>
      </c>
      <c r="MP29" s="142">
        <v>0</v>
      </c>
      <c r="MQ29" s="119">
        <v>0</v>
      </c>
      <c r="MR29" s="120">
        <v>0</v>
      </c>
      <c r="MS29" s="145"/>
      <c r="MT29" s="119">
        <v>0</v>
      </c>
      <c r="MU29" s="119">
        <v>0</v>
      </c>
      <c r="MV29" s="119">
        <v>207308</v>
      </c>
      <c r="MW29" s="119">
        <v>456131</v>
      </c>
      <c r="MX29" s="119">
        <v>0</v>
      </c>
      <c r="MY29" s="120">
        <v>663439</v>
      </c>
      <c r="MZ29" s="143">
        <v>663439</v>
      </c>
      <c r="NA29" s="142">
        <v>0</v>
      </c>
      <c r="NB29" s="119">
        <v>0</v>
      </c>
      <c r="NC29" s="120">
        <v>0</v>
      </c>
      <c r="ND29" s="145">
        <v>0</v>
      </c>
      <c r="NE29" s="119">
        <v>198437</v>
      </c>
      <c r="NF29" s="119">
        <v>0</v>
      </c>
      <c r="NG29" s="119">
        <v>0</v>
      </c>
      <c r="NH29" s="119">
        <v>271122</v>
      </c>
      <c r="NI29" s="119">
        <v>0</v>
      </c>
      <c r="NJ29" s="120">
        <v>469559</v>
      </c>
      <c r="NK29" s="321">
        <v>469559</v>
      </c>
      <c r="NL29" s="142">
        <v>0</v>
      </c>
      <c r="NM29" s="119">
        <v>0</v>
      </c>
      <c r="NN29" s="120">
        <v>0</v>
      </c>
      <c r="NO29" s="145"/>
      <c r="NP29" s="119">
        <v>0</v>
      </c>
      <c r="NQ29" s="119">
        <v>0</v>
      </c>
      <c r="NR29" s="119">
        <v>0</v>
      </c>
      <c r="NS29" s="119">
        <v>0</v>
      </c>
      <c r="NT29" s="119">
        <v>0</v>
      </c>
      <c r="NU29" s="120">
        <v>0</v>
      </c>
      <c r="NV29" s="121">
        <v>0</v>
      </c>
      <c r="NW29" s="142">
        <v>0</v>
      </c>
      <c r="NX29" s="119">
        <v>0</v>
      </c>
      <c r="NY29" s="120">
        <v>0</v>
      </c>
      <c r="NZ29" s="145"/>
      <c r="OA29" s="119">
        <v>0</v>
      </c>
      <c r="OB29" s="119">
        <v>0</v>
      </c>
      <c r="OC29" s="119">
        <v>0</v>
      </c>
      <c r="OD29" s="119">
        <v>0</v>
      </c>
      <c r="OE29" s="119">
        <v>0</v>
      </c>
      <c r="OF29" s="120">
        <v>0</v>
      </c>
      <c r="OG29" s="121">
        <v>0</v>
      </c>
      <c r="OH29" s="142">
        <v>248967</v>
      </c>
      <c r="OI29" s="119">
        <v>292061</v>
      </c>
      <c r="OJ29" s="141">
        <v>541028</v>
      </c>
      <c r="OK29" s="118">
        <v>0</v>
      </c>
      <c r="OL29" s="119">
        <v>2270135</v>
      </c>
      <c r="OM29" s="119">
        <v>2456356</v>
      </c>
      <c r="ON29" s="119">
        <v>1433977</v>
      </c>
      <c r="OO29" s="119">
        <v>4089892</v>
      </c>
      <c r="OP29" s="119">
        <v>3086374</v>
      </c>
      <c r="OQ29" s="120">
        <v>13336734</v>
      </c>
      <c r="OR29" s="143">
        <v>13877762</v>
      </c>
    </row>
    <row r="30" spans="1:408" ht="20.25" customHeight="1" x14ac:dyDescent="0.2">
      <c r="A30" s="126" t="s">
        <v>25</v>
      </c>
      <c r="B30" s="110">
        <v>23142</v>
      </c>
      <c r="C30" s="114">
        <v>172559</v>
      </c>
      <c r="D30" s="113">
        <v>195701</v>
      </c>
      <c r="E30" s="109">
        <v>0</v>
      </c>
      <c r="F30" s="114">
        <v>815872</v>
      </c>
      <c r="G30" s="114">
        <v>1012506</v>
      </c>
      <c r="H30" s="114">
        <v>642913</v>
      </c>
      <c r="I30" s="114">
        <v>1038900</v>
      </c>
      <c r="J30" s="114">
        <v>589728</v>
      </c>
      <c r="K30" s="173">
        <v>4099919</v>
      </c>
      <c r="L30" s="116">
        <v>4295620</v>
      </c>
      <c r="M30" s="110">
        <v>17654</v>
      </c>
      <c r="N30" s="114">
        <v>42990</v>
      </c>
      <c r="O30" s="113">
        <v>60644</v>
      </c>
      <c r="P30" s="110">
        <v>0</v>
      </c>
      <c r="Q30" s="114">
        <v>271074</v>
      </c>
      <c r="R30" s="114">
        <v>155012</v>
      </c>
      <c r="S30" s="114">
        <v>121672</v>
      </c>
      <c r="T30" s="114">
        <v>288612</v>
      </c>
      <c r="U30" s="114">
        <v>279680</v>
      </c>
      <c r="V30" s="113">
        <v>1116050</v>
      </c>
      <c r="W30" s="116">
        <v>1176694</v>
      </c>
      <c r="X30" s="110">
        <v>0</v>
      </c>
      <c r="Y30" s="114">
        <v>0</v>
      </c>
      <c r="Z30" s="113">
        <v>0</v>
      </c>
      <c r="AA30" s="110">
        <v>0</v>
      </c>
      <c r="AB30" s="114">
        <v>119110</v>
      </c>
      <c r="AC30" s="114">
        <v>29652</v>
      </c>
      <c r="AD30" s="114">
        <v>70487</v>
      </c>
      <c r="AE30" s="114">
        <v>250271</v>
      </c>
      <c r="AF30" s="114">
        <v>8830</v>
      </c>
      <c r="AG30" s="113">
        <v>478350</v>
      </c>
      <c r="AH30" s="116">
        <v>478350</v>
      </c>
      <c r="AI30" s="110">
        <v>0</v>
      </c>
      <c r="AJ30" s="114">
        <v>0</v>
      </c>
      <c r="AK30" s="113">
        <v>0</v>
      </c>
      <c r="AL30" s="110">
        <v>0</v>
      </c>
      <c r="AM30" s="114">
        <v>0</v>
      </c>
      <c r="AN30" s="114">
        <v>51294</v>
      </c>
      <c r="AO30" s="114">
        <v>0</v>
      </c>
      <c r="AP30" s="114">
        <v>0</v>
      </c>
      <c r="AQ30" s="114">
        <v>171378</v>
      </c>
      <c r="AR30" s="113">
        <v>222672</v>
      </c>
      <c r="AS30" s="116">
        <v>222672</v>
      </c>
      <c r="AT30" s="110">
        <v>13482</v>
      </c>
      <c r="AU30" s="114">
        <v>42990</v>
      </c>
      <c r="AV30" s="113">
        <v>56472</v>
      </c>
      <c r="AW30" s="110">
        <v>0</v>
      </c>
      <c r="AX30" s="114">
        <v>95488</v>
      </c>
      <c r="AY30" s="114">
        <v>49125</v>
      </c>
      <c r="AZ30" s="114">
        <v>41889</v>
      </c>
      <c r="BA30" s="114">
        <v>5961</v>
      </c>
      <c r="BB30" s="114">
        <v>81566</v>
      </c>
      <c r="BC30" s="113">
        <v>274029</v>
      </c>
      <c r="BD30" s="116">
        <v>330501</v>
      </c>
      <c r="BE30" s="110">
        <v>0</v>
      </c>
      <c r="BF30" s="114">
        <v>0</v>
      </c>
      <c r="BG30" s="112">
        <v>0</v>
      </c>
      <c r="BH30" s="111">
        <v>0</v>
      </c>
      <c r="BI30" s="114">
        <v>0</v>
      </c>
      <c r="BJ30" s="114">
        <v>0</v>
      </c>
      <c r="BK30" s="114">
        <v>0</v>
      </c>
      <c r="BL30" s="114">
        <v>0</v>
      </c>
      <c r="BM30" s="114">
        <v>0</v>
      </c>
      <c r="BN30" s="113">
        <v>0</v>
      </c>
      <c r="BO30" s="116">
        <v>0</v>
      </c>
      <c r="BP30" s="110">
        <v>4172</v>
      </c>
      <c r="BQ30" s="114">
        <v>0</v>
      </c>
      <c r="BR30" s="113">
        <v>4172</v>
      </c>
      <c r="BS30" s="110">
        <v>0</v>
      </c>
      <c r="BT30" s="114">
        <v>56476</v>
      </c>
      <c r="BU30" s="114">
        <v>24941</v>
      </c>
      <c r="BV30" s="114">
        <v>9296</v>
      </c>
      <c r="BW30" s="114">
        <v>32380</v>
      </c>
      <c r="BX30" s="114">
        <v>17906</v>
      </c>
      <c r="BY30" s="113">
        <v>140999</v>
      </c>
      <c r="BZ30" s="116">
        <v>145171</v>
      </c>
      <c r="CA30" s="110">
        <v>0</v>
      </c>
      <c r="CB30" s="114">
        <v>31877</v>
      </c>
      <c r="CC30" s="113">
        <v>31877</v>
      </c>
      <c r="CD30" s="110">
        <v>0</v>
      </c>
      <c r="CE30" s="114">
        <v>403355</v>
      </c>
      <c r="CF30" s="114">
        <v>483704</v>
      </c>
      <c r="CG30" s="114">
        <v>384289</v>
      </c>
      <c r="CH30" s="114">
        <v>291902</v>
      </c>
      <c r="CI30" s="114">
        <v>0</v>
      </c>
      <c r="CJ30" s="113">
        <v>1563250</v>
      </c>
      <c r="CK30" s="116">
        <v>1595127</v>
      </c>
      <c r="CL30" s="110">
        <v>0</v>
      </c>
      <c r="CM30" s="114">
        <v>0</v>
      </c>
      <c r="CN30" s="113">
        <v>0</v>
      </c>
      <c r="CO30" s="111">
        <v>0</v>
      </c>
      <c r="CP30" s="114">
        <v>403355</v>
      </c>
      <c r="CQ30" s="114">
        <v>136847</v>
      </c>
      <c r="CR30" s="114">
        <v>183239</v>
      </c>
      <c r="CS30" s="114">
        <v>219581</v>
      </c>
      <c r="CT30" s="114">
        <v>0</v>
      </c>
      <c r="CU30" s="113">
        <v>943022</v>
      </c>
      <c r="CV30" s="116">
        <v>943022</v>
      </c>
      <c r="CW30" s="110">
        <v>0</v>
      </c>
      <c r="CX30" s="114">
        <v>31877</v>
      </c>
      <c r="CY30" s="113">
        <v>31877</v>
      </c>
      <c r="CZ30" s="110">
        <v>0</v>
      </c>
      <c r="DA30" s="114">
        <v>0</v>
      </c>
      <c r="DB30" s="114">
        <v>346857</v>
      </c>
      <c r="DC30" s="114">
        <v>201050</v>
      </c>
      <c r="DD30" s="114">
        <v>72321</v>
      </c>
      <c r="DE30" s="114">
        <v>0</v>
      </c>
      <c r="DF30" s="113">
        <v>620228</v>
      </c>
      <c r="DG30" s="116">
        <v>652105</v>
      </c>
      <c r="DH30" s="110">
        <v>0</v>
      </c>
      <c r="DI30" s="114">
        <v>0</v>
      </c>
      <c r="DJ30" s="112">
        <v>0</v>
      </c>
      <c r="DK30" s="111">
        <v>0</v>
      </c>
      <c r="DL30" s="114">
        <v>101221</v>
      </c>
      <c r="DM30" s="114">
        <v>22346</v>
      </c>
      <c r="DN30" s="114">
        <v>43061</v>
      </c>
      <c r="DO30" s="114">
        <v>61352</v>
      </c>
      <c r="DP30" s="114">
        <v>0</v>
      </c>
      <c r="DQ30" s="113">
        <v>227980</v>
      </c>
      <c r="DR30" s="116">
        <v>227980</v>
      </c>
      <c r="DS30" s="110">
        <v>0</v>
      </c>
      <c r="DT30" s="114">
        <v>0</v>
      </c>
      <c r="DU30" s="113">
        <v>0</v>
      </c>
      <c r="DV30" s="110">
        <v>0</v>
      </c>
      <c r="DW30" s="114">
        <v>101221</v>
      </c>
      <c r="DX30" s="114">
        <v>22346</v>
      </c>
      <c r="DY30" s="114">
        <v>43061</v>
      </c>
      <c r="DZ30" s="114">
        <v>61352</v>
      </c>
      <c r="EA30" s="114">
        <v>0</v>
      </c>
      <c r="EB30" s="113">
        <v>227980</v>
      </c>
      <c r="EC30" s="116">
        <v>227980</v>
      </c>
      <c r="ED30" s="110">
        <v>0</v>
      </c>
      <c r="EE30" s="112">
        <v>0</v>
      </c>
      <c r="EF30" s="113">
        <v>0</v>
      </c>
      <c r="EG30" s="110">
        <v>0</v>
      </c>
      <c r="EH30" s="114">
        <v>0</v>
      </c>
      <c r="EI30" s="114">
        <v>0</v>
      </c>
      <c r="EJ30" s="114">
        <v>0</v>
      </c>
      <c r="EK30" s="114">
        <v>0</v>
      </c>
      <c r="EL30" s="114">
        <v>0</v>
      </c>
      <c r="EM30" s="112">
        <v>0</v>
      </c>
      <c r="EN30" s="116">
        <v>0</v>
      </c>
      <c r="EO30" s="110">
        <v>0</v>
      </c>
      <c r="EP30" s="114">
        <v>0</v>
      </c>
      <c r="EQ30" s="112">
        <v>0</v>
      </c>
      <c r="ER30" s="111">
        <v>0</v>
      </c>
      <c r="ES30" s="114">
        <v>0</v>
      </c>
      <c r="ET30" s="114">
        <v>0</v>
      </c>
      <c r="EU30" s="114">
        <v>0</v>
      </c>
      <c r="EV30" s="114">
        <v>0</v>
      </c>
      <c r="EW30" s="114">
        <v>0</v>
      </c>
      <c r="EX30" s="113">
        <v>0</v>
      </c>
      <c r="EY30" s="116">
        <v>0</v>
      </c>
      <c r="EZ30" s="110">
        <v>0</v>
      </c>
      <c r="FA30" s="114">
        <v>0</v>
      </c>
      <c r="FB30" s="112">
        <v>0</v>
      </c>
      <c r="FC30" s="348"/>
      <c r="FD30" s="114">
        <v>0</v>
      </c>
      <c r="FE30" s="114">
        <v>0</v>
      </c>
      <c r="FF30" s="114">
        <v>0</v>
      </c>
      <c r="FG30" s="114">
        <v>0</v>
      </c>
      <c r="FH30" s="114">
        <v>0</v>
      </c>
      <c r="FI30" s="113">
        <v>0</v>
      </c>
      <c r="FJ30" s="116">
        <v>0</v>
      </c>
      <c r="FK30" s="110">
        <v>5488</v>
      </c>
      <c r="FL30" s="114">
        <v>97692</v>
      </c>
      <c r="FM30" s="113">
        <v>103180</v>
      </c>
      <c r="FN30" s="110">
        <v>0</v>
      </c>
      <c r="FO30" s="114">
        <v>40222</v>
      </c>
      <c r="FP30" s="114">
        <v>52850</v>
      </c>
      <c r="FQ30" s="114">
        <v>93891</v>
      </c>
      <c r="FR30" s="114">
        <v>39398</v>
      </c>
      <c r="FS30" s="114">
        <v>114065</v>
      </c>
      <c r="FT30" s="113">
        <v>340426</v>
      </c>
      <c r="FU30" s="116">
        <v>443606</v>
      </c>
      <c r="FV30" s="115">
        <v>5488</v>
      </c>
      <c r="FW30" s="114">
        <v>35462</v>
      </c>
      <c r="FX30" s="112">
        <v>40950</v>
      </c>
      <c r="FY30" s="111">
        <v>0</v>
      </c>
      <c r="FZ30" s="114">
        <v>40222</v>
      </c>
      <c r="GA30" s="114">
        <v>52850</v>
      </c>
      <c r="GB30" s="114">
        <v>93891</v>
      </c>
      <c r="GC30" s="114">
        <v>39398</v>
      </c>
      <c r="GD30" s="114">
        <v>114065</v>
      </c>
      <c r="GE30" s="113">
        <v>340426</v>
      </c>
      <c r="GF30" s="319">
        <v>381376</v>
      </c>
      <c r="GG30" s="115">
        <v>0</v>
      </c>
      <c r="GH30" s="114">
        <v>0</v>
      </c>
      <c r="GI30" s="112">
        <v>0</v>
      </c>
      <c r="GJ30" s="111">
        <v>0</v>
      </c>
      <c r="GK30" s="114">
        <v>0</v>
      </c>
      <c r="GL30" s="114">
        <v>0</v>
      </c>
      <c r="GM30" s="114">
        <v>0</v>
      </c>
      <c r="GN30" s="114">
        <v>0</v>
      </c>
      <c r="GO30" s="114">
        <v>0</v>
      </c>
      <c r="GP30" s="113">
        <v>0</v>
      </c>
      <c r="GQ30" s="116">
        <v>0</v>
      </c>
      <c r="GR30" s="110">
        <v>0</v>
      </c>
      <c r="GS30" s="114">
        <v>62230</v>
      </c>
      <c r="GT30" s="113">
        <v>62230</v>
      </c>
      <c r="GU30" s="110">
        <v>0</v>
      </c>
      <c r="GV30" s="114">
        <v>0</v>
      </c>
      <c r="GW30" s="114">
        <v>0</v>
      </c>
      <c r="GX30" s="114">
        <v>0</v>
      </c>
      <c r="GY30" s="114">
        <v>0</v>
      </c>
      <c r="GZ30" s="114">
        <v>0</v>
      </c>
      <c r="HA30" s="112">
        <v>0</v>
      </c>
      <c r="HB30" s="116">
        <v>62230</v>
      </c>
      <c r="HC30" s="110">
        <v>0</v>
      </c>
      <c r="HD30" s="114">
        <v>0</v>
      </c>
      <c r="HE30" s="112">
        <v>0</v>
      </c>
      <c r="HF30" s="111">
        <v>0</v>
      </c>
      <c r="HG30" s="114">
        <v>0</v>
      </c>
      <c r="HH30" s="114">
        <v>298594</v>
      </c>
      <c r="HI30" s="114">
        <v>0</v>
      </c>
      <c r="HJ30" s="114">
        <v>357636</v>
      </c>
      <c r="HK30" s="114">
        <v>195983</v>
      </c>
      <c r="HL30" s="113">
        <v>852213</v>
      </c>
      <c r="HM30" s="109">
        <v>852213</v>
      </c>
      <c r="HN30" s="329"/>
      <c r="HO30" s="330"/>
      <c r="HP30" s="331"/>
      <c r="HQ30" s="332"/>
      <c r="HR30" s="330"/>
      <c r="HS30" s="330"/>
      <c r="HT30" s="330"/>
      <c r="HU30" s="330"/>
      <c r="HV30" s="330"/>
      <c r="HW30" s="333"/>
      <c r="HX30" s="334"/>
      <c r="HY30" s="150">
        <v>0</v>
      </c>
      <c r="HZ30" s="135">
        <v>0</v>
      </c>
      <c r="IA30" s="150">
        <v>0</v>
      </c>
      <c r="IB30" s="134">
        <v>0</v>
      </c>
      <c r="IC30" s="135">
        <v>530597</v>
      </c>
      <c r="ID30" s="136">
        <v>0</v>
      </c>
      <c r="IE30" s="137">
        <v>211535</v>
      </c>
      <c r="IF30" s="135">
        <v>0</v>
      </c>
      <c r="IG30" s="137">
        <v>15397</v>
      </c>
      <c r="IH30" s="138">
        <v>757529</v>
      </c>
      <c r="II30" s="150">
        <v>757529</v>
      </c>
      <c r="IJ30" s="232">
        <v>0</v>
      </c>
      <c r="IK30" s="236">
        <v>0</v>
      </c>
      <c r="IL30" s="237">
        <v>0</v>
      </c>
      <c r="IM30" s="140"/>
      <c r="IN30" s="119">
        <v>0</v>
      </c>
      <c r="IO30" s="119">
        <v>0</v>
      </c>
      <c r="IP30" s="119">
        <v>0</v>
      </c>
      <c r="IQ30" s="119">
        <v>0</v>
      </c>
      <c r="IR30" s="119">
        <v>0</v>
      </c>
      <c r="IS30" s="141">
        <v>0</v>
      </c>
      <c r="IT30" s="321">
        <v>0</v>
      </c>
      <c r="IU30" s="142">
        <v>0</v>
      </c>
      <c r="IV30" s="119">
        <v>0</v>
      </c>
      <c r="IW30" s="120">
        <v>0</v>
      </c>
      <c r="IX30" s="144"/>
      <c r="IY30" s="119">
        <v>0</v>
      </c>
      <c r="IZ30" s="119">
        <v>0</v>
      </c>
      <c r="JA30" s="119">
        <v>0</v>
      </c>
      <c r="JB30" s="119">
        <v>0</v>
      </c>
      <c r="JC30" s="119">
        <v>0</v>
      </c>
      <c r="JD30" s="120">
        <v>0</v>
      </c>
      <c r="JE30" s="121">
        <v>0</v>
      </c>
      <c r="JF30" s="142">
        <v>0</v>
      </c>
      <c r="JG30" s="119">
        <v>0</v>
      </c>
      <c r="JH30" s="141">
        <v>0</v>
      </c>
      <c r="JI30" s="118">
        <v>0</v>
      </c>
      <c r="JJ30" s="119">
        <v>144893</v>
      </c>
      <c r="JK30" s="119">
        <v>0</v>
      </c>
      <c r="JL30" s="119">
        <v>0</v>
      </c>
      <c r="JM30" s="119">
        <v>0</v>
      </c>
      <c r="JN30" s="119">
        <v>0</v>
      </c>
      <c r="JO30" s="120">
        <v>144893</v>
      </c>
      <c r="JP30" s="321">
        <v>144893</v>
      </c>
      <c r="JQ30" s="142">
        <v>0</v>
      </c>
      <c r="JR30" s="119">
        <v>0</v>
      </c>
      <c r="JS30" s="141">
        <v>0</v>
      </c>
      <c r="JT30" s="118">
        <v>0</v>
      </c>
      <c r="JU30" s="119">
        <v>0</v>
      </c>
      <c r="JV30" s="119">
        <v>0</v>
      </c>
      <c r="JW30" s="119">
        <v>0</v>
      </c>
      <c r="JX30" s="119">
        <v>0</v>
      </c>
      <c r="JY30" s="119">
        <v>0</v>
      </c>
      <c r="JZ30" s="120">
        <v>0</v>
      </c>
      <c r="KA30" s="321">
        <v>0</v>
      </c>
      <c r="KB30" s="234">
        <v>0</v>
      </c>
      <c r="KC30" s="230">
        <v>0</v>
      </c>
      <c r="KD30" s="120">
        <v>0</v>
      </c>
      <c r="KE30" s="118">
        <v>0</v>
      </c>
      <c r="KF30" s="119">
        <v>0</v>
      </c>
      <c r="KG30" s="119">
        <v>0</v>
      </c>
      <c r="KH30" s="119">
        <v>0</v>
      </c>
      <c r="KI30" s="119">
        <v>0</v>
      </c>
      <c r="KJ30" s="119">
        <v>15397</v>
      </c>
      <c r="KK30" s="120">
        <v>15397</v>
      </c>
      <c r="KL30" s="143">
        <v>15397</v>
      </c>
      <c r="KM30" s="232">
        <v>0</v>
      </c>
      <c r="KN30" s="236">
        <v>0</v>
      </c>
      <c r="KO30" s="237">
        <v>0</v>
      </c>
      <c r="KP30" s="140"/>
      <c r="KQ30" s="119">
        <v>385704</v>
      </c>
      <c r="KR30" s="119">
        <v>0</v>
      </c>
      <c r="KS30" s="119">
        <v>211535</v>
      </c>
      <c r="KT30" s="119">
        <v>0</v>
      </c>
      <c r="KU30" s="119">
        <v>0</v>
      </c>
      <c r="KV30" s="120">
        <v>597239</v>
      </c>
      <c r="KW30" s="321">
        <v>597239</v>
      </c>
      <c r="KX30" s="142">
        <v>0</v>
      </c>
      <c r="KY30" s="119">
        <v>0</v>
      </c>
      <c r="KZ30" s="120">
        <v>0</v>
      </c>
      <c r="LA30" s="145"/>
      <c r="LB30" s="119">
        <v>0</v>
      </c>
      <c r="LC30" s="119">
        <v>0</v>
      </c>
      <c r="LD30" s="119">
        <v>0</v>
      </c>
      <c r="LE30" s="119">
        <v>0</v>
      </c>
      <c r="LF30" s="119">
        <v>0</v>
      </c>
      <c r="LG30" s="120">
        <v>0</v>
      </c>
      <c r="LH30" s="121">
        <v>0</v>
      </c>
      <c r="LI30" s="142">
        <v>0</v>
      </c>
      <c r="LJ30" s="119">
        <v>0</v>
      </c>
      <c r="LK30" s="120">
        <v>0</v>
      </c>
      <c r="LL30" s="145"/>
      <c r="LM30" s="119">
        <v>0</v>
      </c>
      <c r="LN30" s="119">
        <v>0</v>
      </c>
      <c r="LO30" s="119">
        <v>0</v>
      </c>
      <c r="LP30" s="119">
        <v>0</v>
      </c>
      <c r="LQ30" s="119">
        <v>0</v>
      </c>
      <c r="LR30" s="120">
        <v>0</v>
      </c>
      <c r="LS30" s="321">
        <v>0</v>
      </c>
      <c r="LT30" s="142">
        <v>0</v>
      </c>
      <c r="LU30" s="119">
        <v>0</v>
      </c>
      <c r="LV30" s="120">
        <v>0</v>
      </c>
      <c r="LW30" s="145"/>
      <c r="LX30" s="119">
        <v>0</v>
      </c>
      <c r="LY30" s="119">
        <v>0</v>
      </c>
      <c r="LZ30" s="119">
        <v>0</v>
      </c>
      <c r="MA30" s="119">
        <v>0</v>
      </c>
      <c r="MB30" s="119">
        <v>0</v>
      </c>
      <c r="MC30" s="120">
        <v>0</v>
      </c>
      <c r="MD30" s="121">
        <v>0</v>
      </c>
      <c r="ME30" s="142">
        <v>0</v>
      </c>
      <c r="MF30" s="119">
        <v>0</v>
      </c>
      <c r="MG30" s="120">
        <v>0</v>
      </c>
      <c r="MH30" s="145"/>
      <c r="MI30" s="119">
        <v>0</v>
      </c>
      <c r="MJ30" s="119">
        <v>0</v>
      </c>
      <c r="MK30" s="119">
        <v>177300</v>
      </c>
      <c r="ML30" s="119">
        <v>454472</v>
      </c>
      <c r="MM30" s="119">
        <v>413588</v>
      </c>
      <c r="MN30" s="120">
        <v>1045360</v>
      </c>
      <c r="MO30" s="143">
        <v>1045360</v>
      </c>
      <c r="MP30" s="142">
        <v>0</v>
      </c>
      <c r="MQ30" s="119">
        <v>0</v>
      </c>
      <c r="MR30" s="120">
        <v>0</v>
      </c>
      <c r="MS30" s="145"/>
      <c r="MT30" s="119">
        <v>0</v>
      </c>
      <c r="MU30" s="119">
        <v>0</v>
      </c>
      <c r="MV30" s="119">
        <v>177300</v>
      </c>
      <c r="MW30" s="119">
        <v>205338</v>
      </c>
      <c r="MX30" s="119">
        <v>226727</v>
      </c>
      <c r="MY30" s="120">
        <v>609365</v>
      </c>
      <c r="MZ30" s="143">
        <v>609365</v>
      </c>
      <c r="NA30" s="142">
        <v>0</v>
      </c>
      <c r="NB30" s="119">
        <v>0</v>
      </c>
      <c r="NC30" s="120">
        <v>0</v>
      </c>
      <c r="ND30" s="145">
        <v>0</v>
      </c>
      <c r="NE30" s="119">
        <v>0</v>
      </c>
      <c r="NF30" s="119">
        <v>0</v>
      </c>
      <c r="NG30" s="119">
        <v>0</v>
      </c>
      <c r="NH30" s="119">
        <v>249134</v>
      </c>
      <c r="NI30" s="119">
        <v>186861</v>
      </c>
      <c r="NJ30" s="120">
        <v>435995</v>
      </c>
      <c r="NK30" s="321">
        <v>435995</v>
      </c>
      <c r="NL30" s="142">
        <v>0</v>
      </c>
      <c r="NM30" s="119">
        <v>0</v>
      </c>
      <c r="NN30" s="120">
        <v>0</v>
      </c>
      <c r="NO30" s="145"/>
      <c r="NP30" s="119">
        <v>0</v>
      </c>
      <c r="NQ30" s="119">
        <v>0</v>
      </c>
      <c r="NR30" s="119">
        <v>0</v>
      </c>
      <c r="NS30" s="119">
        <v>0</v>
      </c>
      <c r="NT30" s="119">
        <v>0</v>
      </c>
      <c r="NU30" s="120">
        <v>0</v>
      </c>
      <c r="NV30" s="121">
        <v>0</v>
      </c>
      <c r="NW30" s="142">
        <v>0</v>
      </c>
      <c r="NX30" s="119">
        <v>0</v>
      </c>
      <c r="NY30" s="120">
        <v>0</v>
      </c>
      <c r="NZ30" s="145"/>
      <c r="OA30" s="119">
        <v>0</v>
      </c>
      <c r="OB30" s="119">
        <v>0</v>
      </c>
      <c r="OC30" s="119">
        <v>0</v>
      </c>
      <c r="OD30" s="119">
        <v>0</v>
      </c>
      <c r="OE30" s="119">
        <v>0</v>
      </c>
      <c r="OF30" s="120">
        <v>0</v>
      </c>
      <c r="OG30" s="121">
        <v>0</v>
      </c>
      <c r="OH30" s="142">
        <v>23142</v>
      </c>
      <c r="OI30" s="119">
        <v>172559</v>
      </c>
      <c r="OJ30" s="141">
        <v>195701</v>
      </c>
      <c r="OK30" s="118">
        <v>0</v>
      </c>
      <c r="OL30" s="119">
        <v>1346469</v>
      </c>
      <c r="OM30" s="119">
        <v>1012506</v>
      </c>
      <c r="ON30" s="119">
        <v>1031748</v>
      </c>
      <c r="OO30" s="119">
        <v>1493372</v>
      </c>
      <c r="OP30" s="119">
        <v>1018713</v>
      </c>
      <c r="OQ30" s="120">
        <v>5902808</v>
      </c>
      <c r="OR30" s="143">
        <v>6098509</v>
      </c>
    </row>
    <row r="31" spans="1:408" ht="20.25" customHeight="1" x14ac:dyDescent="0.2">
      <c r="A31" s="126" t="s">
        <v>26</v>
      </c>
      <c r="B31" s="110">
        <v>140384</v>
      </c>
      <c r="C31" s="114">
        <v>173099</v>
      </c>
      <c r="D31" s="113">
        <v>313483</v>
      </c>
      <c r="E31" s="109">
        <v>0</v>
      </c>
      <c r="F31" s="114">
        <v>937013</v>
      </c>
      <c r="G31" s="114">
        <v>1642889</v>
      </c>
      <c r="H31" s="114">
        <v>704443</v>
      </c>
      <c r="I31" s="114">
        <v>817628</v>
      </c>
      <c r="J31" s="114">
        <v>830669</v>
      </c>
      <c r="K31" s="173">
        <v>4932642</v>
      </c>
      <c r="L31" s="116">
        <v>5246125</v>
      </c>
      <c r="M31" s="110">
        <v>32340</v>
      </c>
      <c r="N31" s="114">
        <v>32354</v>
      </c>
      <c r="O31" s="113">
        <v>64694</v>
      </c>
      <c r="P31" s="110">
        <v>0</v>
      </c>
      <c r="Q31" s="114">
        <v>242461</v>
      </c>
      <c r="R31" s="114">
        <v>445578</v>
      </c>
      <c r="S31" s="114">
        <v>272774</v>
      </c>
      <c r="T31" s="114">
        <v>358288</v>
      </c>
      <c r="U31" s="114">
        <v>750099</v>
      </c>
      <c r="V31" s="113">
        <v>2069200</v>
      </c>
      <c r="W31" s="116">
        <v>2133894</v>
      </c>
      <c r="X31" s="110">
        <v>0</v>
      </c>
      <c r="Y31" s="114">
        <v>0</v>
      </c>
      <c r="Z31" s="113">
        <v>0</v>
      </c>
      <c r="AA31" s="110">
        <v>0</v>
      </c>
      <c r="AB31" s="114">
        <v>145677</v>
      </c>
      <c r="AC31" s="114">
        <v>257826</v>
      </c>
      <c r="AD31" s="114">
        <v>169362</v>
      </c>
      <c r="AE31" s="114">
        <v>210176</v>
      </c>
      <c r="AF31" s="114">
        <v>366914</v>
      </c>
      <c r="AG31" s="113">
        <v>1149955</v>
      </c>
      <c r="AH31" s="116">
        <v>1149955</v>
      </c>
      <c r="AI31" s="110">
        <v>0</v>
      </c>
      <c r="AJ31" s="114">
        <v>0</v>
      </c>
      <c r="AK31" s="113">
        <v>0</v>
      </c>
      <c r="AL31" s="110">
        <v>0</v>
      </c>
      <c r="AM31" s="114">
        <v>0</v>
      </c>
      <c r="AN31" s="114">
        <v>22050</v>
      </c>
      <c r="AO31" s="114">
        <v>0</v>
      </c>
      <c r="AP31" s="114">
        <v>0</v>
      </c>
      <c r="AQ31" s="114">
        <v>135156</v>
      </c>
      <c r="AR31" s="113">
        <v>157206</v>
      </c>
      <c r="AS31" s="116">
        <v>157206</v>
      </c>
      <c r="AT31" s="110">
        <v>0</v>
      </c>
      <c r="AU31" s="114">
        <v>32354</v>
      </c>
      <c r="AV31" s="113">
        <v>32354</v>
      </c>
      <c r="AW31" s="110">
        <v>0</v>
      </c>
      <c r="AX31" s="114">
        <v>86298</v>
      </c>
      <c r="AY31" s="114">
        <v>109513</v>
      </c>
      <c r="AZ31" s="114">
        <v>75104</v>
      </c>
      <c r="BA31" s="114">
        <v>82179</v>
      </c>
      <c r="BB31" s="114">
        <v>193618</v>
      </c>
      <c r="BC31" s="113">
        <v>546712</v>
      </c>
      <c r="BD31" s="116">
        <v>579066</v>
      </c>
      <c r="BE31" s="110">
        <v>0</v>
      </c>
      <c r="BF31" s="114">
        <v>0</v>
      </c>
      <c r="BG31" s="112">
        <v>0</v>
      </c>
      <c r="BH31" s="111">
        <v>0</v>
      </c>
      <c r="BI31" s="114">
        <v>0</v>
      </c>
      <c r="BJ31" s="114">
        <v>0</v>
      </c>
      <c r="BK31" s="114">
        <v>0</v>
      </c>
      <c r="BL31" s="114">
        <v>0</v>
      </c>
      <c r="BM31" s="114">
        <v>0</v>
      </c>
      <c r="BN31" s="113">
        <v>0</v>
      </c>
      <c r="BO31" s="116">
        <v>0</v>
      </c>
      <c r="BP31" s="110">
        <v>32340</v>
      </c>
      <c r="BQ31" s="114">
        <v>0</v>
      </c>
      <c r="BR31" s="113">
        <v>32340</v>
      </c>
      <c r="BS31" s="110">
        <v>0</v>
      </c>
      <c r="BT31" s="114">
        <v>10486</v>
      </c>
      <c r="BU31" s="114">
        <v>56189</v>
      </c>
      <c r="BV31" s="114">
        <v>28308</v>
      </c>
      <c r="BW31" s="114">
        <v>65933</v>
      </c>
      <c r="BX31" s="114">
        <v>54411</v>
      </c>
      <c r="BY31" s="113">
        <v>215327</v>
      </c>
      <c r="BZ31" s="116">
        <v>247667</v>
      </c>
      <c r="CA31" s="110">
        <v>0</v>
      </c>
      <c r="CB31" s="114">
        <v>31656</v>
      </c>
      <c r="CC31" s="113">
        <v>31656</v>
      </c>
      <c r="CD31" s="110">
        <v>0</v>
      </c>
      <c r="CE31" s="114">
        <v>516085</v>
      </c>
      <c r="CF31" s="114">
        <v>350576</v>
      </c>
      <c r="CG31" s="114">
        <v>179270</v>
      </c>
      <c r="CH31" s="114">
        <v>0</v>
      </c>
      <c r="CI31" s="114">
        <v>0</v>
      </c>
      <c r="CJ31" s="113">
        <v>1045931</v>
      </c>
      <c r="CK31" s="116">
        <v>1077587</v>
      </c>
      <c r="CL31" s="110">
        <v>0</v>
      </c>
      <c r="CM31" s="114">
        <v>0</v>
      </c>
      <c r="CN31" s="113">
        <v>0</v>
      </c>
      <c r="CO31" s="111">
        <v>0</v>
      </c>
      <c r="CP31" s="114">
        <v>412205</v>
      </c>
      <c r="CQ31" s="114">
        <v>79084</v>
      </c>
      <c r="CR31" s="114">
        <v>65211</v>
      </c>
      <c r="CS31" s="114">
        <v>0</v>
      </c>
      <c r="CT31" s="114">
        <v>0</v>
      </c>
      <c r="CU31" s="113">
        <v>556500</v>
      </c>
      <c r="CV31" s="116">
        <v>556500</v>
      </c>
      <c r="CW31" s="110">
        <v>0</v>
      </c>
      <c r="CX31" s="114">
        <v>31656</v>
      </c>
      <c r="CY31" s="113">
        <v>31656</v>
      </c>
      <c r="CZ31" s="110">
        <v>0</v>
      </c>
      <c r="DA31" s="114">
        <v>103880</v>
      </c>
      <c r="DB31" s="114">
        <v>271492</v>
      </c>
      <c r="DC31" s="114">
        <v>114059</v>
      </c>
      <c r="DD31" s="114">
        <v>0</v>
      </c>
      <c r="DE31" s="114">
        <v>0</v>
      </c>
      <c r="DF31" s="113">
        <v>489431</v>
      </c>
      <c r="DG31" s="116">
        <v>521087</v>
      </c>
      <c r="DH31" s="110">
        <v>0</v>
      </c>
      <c r="DI31" s="114">
        <v>0</v>
      </c>
      <c r="DJ31" s="112">
        <v>0</v>
      </c>
      <c r="DK31" s="111">
        <v>0</v>
      </c>
      <c r="DL31" s="114">
        <v>0</v>
      </c>
      <c r="DM31" s="114">
        <v>15908</v>
      </c>
      <c r="DN31" s="114">
        <v>91840</v>
      </c>
      <c r="DO31" s="114">
        <v>0</v>
      </c>
      <c r="DP31" s="114">
        <v>0</v>
      </c>
      <c r="DQ31" s="113">
        <v>107748</v>
      </c>
      <c r="DR31" s="116">
        <v>107748</v>
      </c>
      <c r="DS31" s="110">
        <v>0</v>
      </c>
      <c r="DT31" s="114">
        <v>0</v>
      </c>
      <c r="DU31" s="113">
        <v>0</v>
      </c>
      <c r="DV31" s="110">
        <v>0</v>
      </c>
      <c r="DW31" s="114">
        <v>0</v>
      </c>
      <c r="DX31" s="114">
        <v>0</v>
      </c>
      <c r="DY31" s="114">
        <v>91840</v>
      </c>
      <c r="DZ31" s="114">
        <v>0</v>
      </c>
      <c r="EA31" s="114">
        <v>0</v>
      </c>
      <c r="EB31" s="113">
        <v>91840</v>
      </c>
      <c r="EC31" s="116">
        <v>91840</v>
      </c>
      <c r="ED31" s="110">
        <v>0</v>
      </c>
      <c r="EE31" s="112">
        <v>0</v>
      </c>
      <c r="EF31" s="113">
        <v>0</v>
      </c>
      <c r="EG31" s="110">
        <v>0</v>
      </c>
      <c r="EH31" s="114">
        <v>0</v>
      </c>
      <c r="EI31" s="114">
        <v>15908</v>
      </c>
      <c r="EJ31" s="114">
        <v>0</v>
      </c>
      <c r="EK31" s="114">
        <v>0</v>
      </c>
      <c r="EL31" s="114">
        <v>0</v>
      </c>
      <c r="EM31" s="112">
        <v>15908</v>
      </c>
      <c r="EN31" s="116">
        <v>15908</v>
      </c>
      <c r="EO31" s="110">
        <v>0</v>
      </c>
      <c r="EP31" s="114">
        <v>0</v>
      </c>
      <c r="EQ31" s="112">
        <v>0</v>
      </c>
      <c r="ER31" s="111">
        <v>0</v>
      </c>
      <c r="ES31" s="114">
        <v>0</v>
      </c>
      <c r="ET31" s="114">
        <v>0</v>
      </c>
      <c r="EU31" s="114">
        <v>0</v>
      </c>
      <c r="EV31" s="114">
        <v>0</v>
      </c>
      <c r="EW31" s="114">
        <v>0</v>
      </c>
      <c r="EX31" s="113">
        <v>0</v>
      </c>
      <c r="EY31" s="116">
        <v>0</v>
      </c>
      <c r="EZ31" s="110">
        <v>0</v>
      </c>
      <c r="FA31" s="114">
        <v>0</v>
      </c>
      <c r="FB31" s="112">
        <v>0</v>
      </c>
      <c r="FC31" s="348"/>
      <c r="FD31" s="114">
        <v>0</v>
      </c>
      <c r="FE31" s="114">
        <v>0</v>
      </c>
      <c r="FF31" s="114">
        <v>0</v>
      </c>
      <c r="FG31" s="114">
        <v>0</v>
      </c>
      <c r="FH31" s="114">
        <v>0</v>
      </c>
      <c r="FI31" s="113">
        <v>0</v>
      </c>
      <c r="FJ31" s="116">
        <v>0</v>
      </c>
      <c r="FK31" s="110">
        <v>14700</v>
      </c>
      <c r="FL31" s="114">
        <v>33670</v>
      </c>
      <c r="FM31" s="113">
        <v>48370</v>
      </c>
      <c r="FN31" s="110">
        <v>0</v>
      </c>
      <c r="FO31" s="114">
        <v>41706</v>
      </c>
      <c r="FP31" s="114">
        <v>106715</v>
      </c>
      <c r="FQ31" s="114">
        <v>160559</v>
      </c>
      <c r="FR31" s="114">
        <v>98980</v>
      </c>
      <c r="FS31" s="114">
        <v>80570</v>
      </c>
      <c r="FT31" s="113">
        <v>488530</v>
      </c>
      <c r="FU31" s="116">
        <v>536900</v>
      </c>
      <c r="FV31" s="115">
        <v>14700</v>
      </c>
      <c r="FW31" s="114">
        <v>33670</v>
      </c>
      <c r="FX31" s="112">
        <v>48370</v>
      </c>
      <c r="FY31" s="111">
        <v>0</v>
      </c>
      <c r="FZ31" s="114">
        <v>41706</v>
      </c>
      <c r="GA31" s="114">
        <v>99715</v>
      </c>
      <c r="GB31" s="114">
        <v>83559</v>
      </c>
      <c r="GC31" s="114">
        <v>98980</v>
      </c>
      <c r="GD31" s="114">
        <v>80570</v>
      </c>
      <c r="GE31" s="113">
        <v>404530</v>
      </c>
      <c r="GF31" s="319">
        <v>452900</v>
      </c>
      <c r="GG31" s="115">
        <v>0</v>
      </c>
      <c r="GH31" s="114">
        <v>0</v>
      </c>
      <c r="GI31" s="112">
        <v>0</v>
      </c>
      <c r="GJ31" s="111">
        <v>0</v>
      </c>
      <c r="GK31" s="114">
        <v>0</v>
      </c>
      <c r="GL31" s="114">
        <v>0</v>
      </c>
      <c r="GM31" s="114">
        <v>0</v>
      </c>
      <c r="GN31" s="114">
        <v>0</v>
      </c>
      <c r="GO31" s="114">
        <v>0</v>
      </c>
      <c r="GP31" s="113">
        <v>0</v>
      </c>
      <c r="GQ31" s="116">
        <v>0</v>
      </c>
      <c r="GR31" s="110">
        <v>0</v>
      </c>
      <c r="GS31" s="114">
        <v>0</v>
      </c>
      <c r="GT31" s="113">
        <v>0</v>
      </c>
      <c r="GU31" s="110">
        <v>0</v>
      </c>
      <c r="GV31" s="114">
        <v>0</v>
      </c>
      <c r="GW31" s="114">
        <v>7000</v>
      </c>
      <c r="GX31" s="114">
        <v>77000</v>
      </c>
      <c r="GY31" s="114">
        <v>0</v>
      </c>
      <c r="GZ31" s="114">
        <v>0</v>
      </c>
      <c r="HA31" s="112">
        <v>84000</v>
      </c>
      <c r="HB31" s="116">
        <v>84000</v>
      </c>
      <c r="HC31" s="110">
        <v>93344</v>
      </c>
      <c r="HD31" s="114">
        <v>75419</v>
      </c>
      <c r="HE31" s="112">
        <v>168763</v>
      </c>
      <c r="HF31" s="111">
        <v>0</v>
      </c>
      <c r="HG31" s="114">
        <v>136761</v>
      </c>
      <c r="HH31" s="114">
        <v>724112</v>
      </c>
      <c r="HI31" s="114">
        <v>0</v>
      </c>
      <c r="HJ31" s="114">
        <v>360360</v>
      </c>
      <c r="HK31" s="114">
        <v>0</v>
      </c>
      <c r="HL31" s="113">
        <v>1221233</v>
      </c>
      <c r="HM31" s="109">
        <v>1389996</v>
      </c>
      <c r="HN31" s="329"/>
      <c r="HO31" s="330"/>
      <c r="HP31" s="331"/>
      <c r="HQ31" s="332"/>
      <c r="HR31" s="330"/>
      <c r="HS31" s="330"/>
      <c r="HT31" s="330"/>
      <c r="HU31" s="330"/>
      <c r="HV31" s="330"/>
      <c r="HW31" s="333"/>
      <c r="HX31" s="334"/>
      <c r="HY31" s="131">
        <v>0</v>
      </c>
      <c r="HZ31" s="132">
        <v>0</v>
      </c>
      <c r="IA31" s="133">
        <v>0</v>
      </c>
      <c r="IB31" s="146">
        <v>0</v>
      </c>
      <c r="IC31" s="132">
        <v>199053</v>
      </c>
      <c r="ID31" s="147">
        <v>69444</v>
      </c>
      <c r="IE31" s="133">
        <v>425601</v>
      </c>
      <c r="IF31" s="132">
        <v>209659</v>
      </c>
      <c r="IG31" s="133">
        <v>851888</v>
      </c>
      <c r="IH31" s="148">
        <v>1755645</v>
      </c>
      <c r="II31" s="139">
        <v>1755645</v>
      </c>
      <c r="IJ31" s="232">
        <v>0</v>
      </c>
      <c r="IK31" s="236">
        <v>0</v>
      </c>
      <c r="IL31" s="237">
        <v>0</v>
      </c>
      <c r="IM31" s="140"/>
      <c r="IN31" s="119">
        <v>0</v>
      </c>
      <c r="IO31" s="119">
        <v>0</v>
      </c>
      <c r="IP31" s="119">
        <v>0</v>
      </c>
      <c r="IQ31" s="119">
        <v>0</v>
      </c>
      <c r="IR31" s="119">
        <v>0</v>
      </c>
      <c r="IS31" s="141">
        <v>0</v>
      </c>
      <c r="IT31" s="321">
        <v>0</v>
      </c>
      <c r="IU31" s="142">
        <v>0</v>
      </c>
      <c r="IV31" s="119">
        <v>0</v>
      </c>
      <c r="IW31" s="120">
        <v>0</v>
      </c>
      <c r="IX31" s="144"/>
      <c r="IY31" s="119">
        <v>0</v>
      </c>
      <c r="IZ31" s="119">
        <v>0</v>
      </c>
      <c r="JA31" s="119">
        <v>0</v>
      </c>
      <c r="JB31" s="119">
        <v>0</v>
      </c>
      <c r="JC31" s="119">
        <v>0</v>
      </c>
      <c r="JD31" s="120">
        <v>0</v>
      </c>
      <c r="JE31" s="121">
        <v>0</v>
      </c>
      <c r="JF31" s="142">
        <v>0</v>
      </c>
      <c r="JG31" s="119">
        <v>0</v>
      </c>
      <c r="JH31" s="141">
        <v>0</v>
      </c>
      <c r="JI31" s="118">
        <v>0</v>
      </c>
      <c r="JJ31" s="119">
        <v>92650</v>
      </c>
      <c r="JK31" s="119">
        <v>69444</v>
      </c>
      <c r="JL31" s="119">
        <v>217394</v>
      </c>
      <c r="JM31" s="119">
        <v>0</v>
      </c>
      <c r="JN31" s="119">
        <v>166489</v>
      </c>
      <c r="JO31" s="120">
        <v>545977</v>
      </c>
      <c r="JP31" s="321">
        <v>545977</v>
      </c>
      <c r="JQ31" s="142">
        <v>0</v>
      </c>
      <c r="JR31" s="119">
        <v>0</v>
      </c>
      <c r="JS31" s="141">
        <v>0</v>
      </c>
      <c r="JT31" s="118">
        <v>0</v>
      </c>
      <c r="JU31" s="119">
        <v>0</v>
      </c>
      <c r="JV31" s="119">
        <v>0</v>
      </c>
      <c r="JW31" s="119">
        <v>0</v>
      </c>
      <c r="JX31" s="119">
        <v>0</v>
      </c>
      <c r="JY31" s="119">
        <v>257943</v>
      </c>
      <c r="JZ31" s="120">
        <v>257943</v>
      </c>
      <c r="KA31" s="321">
        <v>257943</v>
      </c>
      <c r="KB31" s="234">
        <v>0</v>
      </c>
      <c r="KC31" s="230">
        <v>0</v>
      </c>
      <c r="KD31" s="120">
        <v>0</v>
      </c>
      <c r="KE31" s="118">
        <v>0</v>
      </c>
      <c r="KF31" s="119">
        <v>106403</v>
      </c>
      <c r="KG31" s="119">
        <v>0</v>
      </c>
      <c r="KH31" s="119">
        <v>0</v>
      </c>
      <c r="KI31" s="119">
        <v>0</v>
      </c>
      <c r="KJ31" s="119">
        <v>0</v>
      </c>
      <c r="KK31" s="120">
        <v>106403</v>
      </c>
      <c r="KL31" s="143">
        <v>106403</v>
      </c>
      <c r="KM31" s="232">
        <v>0</v>
      </c>
      <c r="KN31" s="236">
        <v>0</v>
      </c>
      <c r="KO31" s="237">
        <v>0</v>
      </c>
      <c r="KP31" s="140"/>
      <c r="KQ31" s="119">
        <v>0</v>
      </c>
      <c r="KR31" s="119">
        <v>0</v>
      </c>
      <c r="KS31" s="119">
        <v>208207</v>
      </c>
      <c r="KT31" s="119">
        <v>209659</v>
      </c>
      <c r="KU31" s="119">
        <v>427456</v>
      </c>
      <c r="KV31" s="120">
        <v>845322</v>
      </c>
      <c r="KW31" s="321">
        <v>845322</v>
      </c>
      <c r="KX31" s="142">
        <v>0</v>
      </c>
      <c r="KY31" s="119">
        <v>0</v>
      </c>
      <c r="KZ31" s="120">
        <v>0</v>
      </c>
      <c r="LA31" s="145"/>
      <c r="LB31" s="119">
        <v>0</v>
      </c>
      <c r="LC31" s="119">
        <v>0</v>
      </c>
      <c r="LD31" s="119">
        <v>0</v>
      </c>
      <c r="LE31" s="119">
        <v>0</v>
      </c>
      <c r="LF31" s="119">
        <v>0</v>
      </c>
      <c r="LG31" s="120">
        <v>0</v>
      </c>
      <c r="LH31" s="121">
        <v>0</v>
      </c>
      <c r="LI31" s="142">
        <v>0</v>
      </c>
      <c r="LJ31" s="119">
        <v>0</v>
      </c>
      <c r="LK31" s="120">
        <v>0</v>
      </c>
      <c r="LL31" s="145"/>
      <c r="LM31" s="119">
        <v>0</v>
      </c>
      <c r="LN31" s="119">
        <v>0</v>
      </c>
      <c r="LO31" s="119">
        <v>0</v>
      </c>
      <c r="LP31" s="119">
        <v>0</v>
      </c>
      <c r="LQ31" s="119">
        <v>0</v>
      </c>
      <c r="LR31" s="120">
        <v>0</v>
      </c>
      <c r="LS31" s="321">
        <v>0</v>
      </c>
      <c r="LT31" s="142">
        <v>0</v>
      </c>
      <c r="LU31" s="119">
        <v>0</v>
      </c>
      <c r="LV31" s="120">
        <v>0</v>
      </c>
      <c r="LW31" s="145"/>
      <c r="LX31" s="119">
        <v>0</v>
      </c>
      <c r="LY31" s="119">
        <v>0</v>
      </c>
      <c r="LZ31" s="119">
        <v>0</v>
      </c>
      <c r="MA31" s="119">
        <v>0</v>
      </c>
      <c r="MB31" s="119">
        <v>0</v>
      </c>
      <c r="MC31" s="120">
        <v>0</v>
      </c>
      <c r="MD31" s="121">
        <v>0</v>
      </c>
      <c r="ME31" s="142">
        <v>0</v>
      </c>
      <c r="MF31" s="119">
        <v>0</v>
      </c>
      <c r="MG31" s="120">
        <v>0</v>
      </c>
      <c r="MH31" s="145"/>
      <c r="MI31" s="119">
        <v>191557</v>
      </c>
      <c r="MJ31" s="119">
        <v>0</v>
      </c>
      <c r="MK31" s="119">
        <v>205058</v>
      </c>
      <c r="ML31" s="119">
        <v>-242</v>
      </c>
      <c r="MM31" s="119">
        <v>-242</v>
      </c>
      <c r="MN31" s="120">
        <v>396131</v>
      </c>
      <c r="MO31" s="143">
        <v>396131</v>
      </c>
      <c r="MP31" s="142">
        <v>0</v>
      </c>
      <c r="MQ31" s="119">
        <v>0</v>
      </c>
      <c r="MR31" s="120">
        <v>0</v>
      </c>
      <c r="MS31" s="145"/>
      <c r="MT31" s="119">
        <v>0</v>
      </c>
      <c r="MU31" s="119">
        <v>0</v>
      </c>
      <c r="MV31" s="119">
        <v>0</v>
      </c>
      <c r="MW31" s="119">
        <v>-242</v>
      </c>
      <c r="MX31" s="119">
        <v>-242</v>
      </c>
      <c r="MY31" s="120">
        <v>-484</v>
      </c>
      <c r="MZ31" s="143">
        <v>-484</v>
      </c>
      <c r="NA31" s="142">
        <v>0</v>
      </c>
      <c r="NB31" s="119">
        <v>0</v>
      </c>
      <c r="NC31" s="120">
        <v>0</v>
      </c>
      <c r="ND31" s="145">
        <v>0</v>
      </c>
      <c r="NE31" s="119">
        <v>191557</v>
      </c>
      <c r="NF31" s="119">
        <v>0</v>
      </c>
      <c r="NG31" s="119">
        <v>205058</v>
      </c>
      <c r="NH31" s="119">
        <v>0</v>
      </c>
      <c r="NI31" s="119">
        <v>0</v>
      </c>
      <c r="NJ31" s="120">
        <v>396615</v>
      </c>
      <c r="NK31" s="321">
        <v>396615</v>
      </c>
      <c r="NL31" s="142">
        <v>0</v>
      </c>
      <c r="NM31" s="119">
        <v>0</v>
      </c>
      <c r="NN31" s="120">
        <v>0</v>
      </c>
      <c r="NO31" s="145"/>
      <c r="NP31" s="119">
        <v>0</v>
      </c>
      <c r="NQ31" s="119">
        <v>0</v>
      </c>
      <c r="NR31" s="119">
        <v>0</v>
      </c>
      <c r="NS31" s="119">
        <v>0</v>
      </c>
      <c r="NT31" s="119">
        <v>0</v>
      </c>
      <c r="NU31" s="120">
        <v>0</v>
      </c>
      <c r="NV31" s="121">
        <v>0</v>
      </c>
      <c r="NW31" s="142">
        <v>0</v>
      </c>
      <c r="NX31" s="119">
        <v>0</v>
      </c>
      <c r="NY31" s="120">
        <v>0</v>
      </c>
      <c r="NZ31" s="145"/>
      <c r="OA31" s="119">
        <v>0</v>
      </c>
      <c r="OB31" s="119">
        <v>0</v>
      </c>
      <c r="OC31" s="119">
        <v>0</v>
      </c>
      <c r="OD31" s="119">
        <v>0</v>
      </c>
      <c r="OE31" s="119">
        <v>0</v>
      </c>
      <c r="OF31" s="120">
        <v>0</v>
      </c>
      <c r="OG31" s="121">
        <v>0</v>
      </c>
      <c r="OH31" s="142">
        <v>140384</v>
      </c>
      <c r="OI31" s="119">
        <v>173099</v>
      </c>
      <c r="OJ31" s="141">
        <v>313483</v>
      </c>
      <c r="OK31" s="118">
        <v>0</v>
      </c>
      <c r="OL31" s="119">
        <v>1327623</v>
      </c>
      <c r="OM31" s="119">
        <v>1712333</v>
      </c>
      <c r="ON31" s="119">
        <v>1335102</v>
      </c>
      <c r="OO31" s="119">
        <v>1027045</v>
      </c>
      <c r="OP31" s="119">
        <v>1682315</v>
      </c>
      <c r="OQ31" s="120">
        <v>7084418</v>
      </c>
      <c r="OR31" s="143">
        <v>7397901</v>
      </c>
    </row>
    <row r="32" spans="1:408" ht="20.25" customHeight="1" x14ac:dyDescent="0.2">
      <c r="A32" s="126" t="s">
        <v>27</v>
      </c>
      <c r="B32" s="110">
        <v>162270</v>
      </c>
      <c r="C32" s="114">
        <v>373598</v>
      </c>
      <c r="D32" s="113">
        <v>535868</v>
      </c>
      <c r="E32" s="109">
        <v>0</v>
      </c>
      <c r="F32" s="114">
        <v>891767</v>
      </c>
      <c r="G32" s="114">
        <v>426446</v>
      </c>
      <c r="H32" s="114">
        <v>1464949</v>
      </c>
      <c r="I32" s="114">
        <v>776322</v>
      </c>
      <c r="J32" s="114">
        <v>731710</v>
      </c>
      <c r="K32" s="173">
        <v>4291194</v>
      </c>
      <c r="L32" s="116">
        <v>4827062</v>
      </c>
      <c r="M32" s="110">
        <v>59104</v>
      </c>
      <c r="N32" s="114">
        <v>89593</v>
      </c>
      <c r="O32" s="113">
        <v>148697</v>
      </c>
      <c r="P32" s="110">
        <v>0</v>
      </c>
      <c r="Q32" s="114">
        <v>207292</v>
      </c>
      <c r="R32" s="114">
        <v>193902</v>
      </c>
      <c r="S32" s="114">
        <v>354430</v>
      </c>
      <c r="T32" s="114">
        <v>108878</v>
      </c>
      <c r="U32" s="114">
        <v>491375</v>
      </c>
      <c r="V32" s="113">
        <v>1355877</v>
      </c>
      <c r="W32" s="116">
        <v>1504574</v>
      </c>
      <c r="X32" s="110">
        <v>0</v>
      </c>
      <c r="Y32" s="114">
        <v>0</v>
      </c>
      <c r="Z32" s="113">
        <v>0</v>
      </c>
      <c r="AA32" s="110">
        <v>0</v>
      </c>
      <c r="AB32" s="114">
        <v>71692</v>
      </c>
      <c r="AC32" s="114">
        <v>154592</v>
      </c>
      <c r="AD32" s="114">
        <v>189744</v>
      </c>
      <c r="AE32" s="114">
        <v>0</v>
      </c>
      <c r="AF32" s="114">
        <v>422737</v>
      </c>
      <c r="AG32" s="113">
        <v>838765</v>
      </c>
      <c r="AH32" s="116">
        <v>838765</v>
      </c>
      <c r="AI32" s="110">
        <v>0</v>
      </c>
      <c r="AJ32" s="114">
        <v>0</v>
      </c>
      <c r="AK32" s="113">
        <v>0</v>
      </c>
      <c r="AL32" s="110">
        <v>0</v>
      </c>
      <c r="AM32" s="114">
        <v>0</v>
      </c>
      <c r="AN32" s="114">
        <v>0</v>
      </c>
      <c r="AO32" s="114">
        <v>0</v>
      </c>
      <c r="AP32" s="114">
        <v>0</v>
      </c>
      <c r="AQ32" s="114">
        <v>0</v>
      </c>
      <c r="AR32" s="113">
        <v>0</v>
      </c>
      <c r="AS32" s="116">
        <v>0</v>
      </c>
      <c r="AT32" s="110">
        <v>53091</v>
      </c>
      <c r="AU32" s="114">
        <v>30286</v>
      </c>
      <c r="AV32" s="113">
        <v>83377</v>
      </c>
      <c r="AW32" s="110">
        <v>0</v>
      </c>
      <c r="AX32" s="114">
        <v>112549</v>
      </c>
      <c r="AY32" s="114">
        <v>30532</v>
      </c>
      <c r="AZ32" s="114">
        <v>52420</v>
      </c>
      <c r="BA32" s="114">
        <v>27174</v>
      </c>
      <c r="BB32" s="114">
        <v>44159</v>
      </c>
      <c r="BC32" s="113">
        <v>266834</v>
      </c>
      <c r="BD32" s="116">
        <v>350211</v>
      </c>
      <c r="BE32" s="110">
        <v>0</v>
      </c>
      <c r="BF32" s="114">
        <v>46133</v>
      </c>
      <c r="BG32" s="112">
        <v>46133</v>
      </c>
      <c r="BH32" s="111">
        <v>0</v>
      </c>
      <c r="BI32" s="114">
        <v>0</v>
      </c>
      <c r="BJ32" s="114">
        <v>0</v>
      </c>
      <c r="BK32" s="114">
        <v>0</v>
      </c>
      <c r="BL32" s="114">
        <v>0</v>
      </c>
      <c r="BM32" s="114">
        <v>0</v>
      </c>
      <c r="BN32" s="113">
        <v>0</v>
      </c>
      <c r="BO32" s="116">
        <v>46133</v>
      </c>
      <c r="BP32" s="110">
        <v>6013</v>
      </c>
      <c r="BQ32" s="114">
        <v>13174</v>
      </c>
      <c r="BR32" s="113">
        <v>19187</v>
      </c>
      <c r="BS32" s="110">
        <v>0</v>
      </c>
      <c r="BT32" s="114">
        <v>23051</v>
      </c>
      <c r="BU32" s="114">
        <v>8778</v>
      </c>
      <c r="BV32" s="114">
        <v>112266</v>
      </c>
      <c r="BW32" s="114">
        <v>81704</v>
      </c>
      <c r="BX32" s="114">
        <v>24479</v>
      </c>
      <c r="BY32" s="113">
        <v>250278</v>
      </c>
      <c r="BZ32" s="116">
        <v>269465</v>
      </c>
      <c r="CA32" s="110">
        <v>36225</v>
      </c>
      <c r="CB32" s="114">
        <v>33638</v>
      </c>
      <c r="CC32" s="113">
        <v>69863</v>
      </c>
      <c r="CD32" s="110">
        <v>0</v>
      </c>
      <c r="CE32" s="114">
        <v>13457</v>
      </c>
      <c r="CF32" s="114">
        <v>53971</v>
      </c>
      <c r="CG32" s="114">
        <v>161510</v>
      </c>
      <c r="CH32" s="114">
        <v>90415</v>
      </c>
      <c r="CI32" s="114">
        <v>0</v>
      </c>
      <c r="CJ32" s="113">
        <v>319353</v>
      </c>
      <c r="CK32" s="116">
        <v>389216</v>
      </c>
      <c r="CL32" s="110">
        <v>0</v>
      </c>
      <c r="CM32" s="114">
        <v>0</v>
      </c>
      <c r="CN32" s="113">
        <v>0</v>
      </c>
      <c r="CO32" s="111">
        <v>0</v>
      </c>
      <c r="CP32" s="114">
        <v>13457</v>
      </c>
      <c r="CQ32" s="114">
        <v>0</v>
      </c>
      <c r="CR32" s="114">
        <v>96331</v>
      </c>
      <c r="CS32" s="114">
        <v>90415</v>
      </c>
      <c r="CT32" s="114">
        <v>0</v>
      </c>
      <c r="CU32" s="113">
        <v>200203</v>
      </c>
      <c r="CV32" s="116">
        <v>200203</v>
      </c>
      <c r="CW32" s="110">
        <v>36225</v>
      </c>
      <c r="CX32" s="114">
        <v>33638</v>
      </c>
      <c r="CY32" s="113">
        <v>69863</v>
      </c>
      <c r="CZ32" s="110">
        <v>0</v>
      </c>
      <c r="DA32" s="114">
        <v>0</v>
      </c>
      <c r="DB32" s="114">
        <v>53971</v>
      </c>
      <c r="DC32" s="114">
        <v>65179</v>
      </c>
      <c r="DD32" s="114">
        <v>0</v>
      </c>
      <c r="DE32" s="114">
        <v>0</v>
      </c>
      <c r="DF32" s="113">
        <v>119150</v>
      </c>
      <c r="DG32" s="116">
        <v>189013</v>
      </c>
      <c r="DH32" s="110">
        <v>0</v>
      </c>
      <c r="DI32" s="114">
        <v>0</v>
      </c>
      <c r="DJ32" s="112">
        <v>0</v>
      </c>
      <c r="DK32" s="111">
        <v>0</v>
      </c>
      <c r="DL32" s="114">
        <v>184837</v>
      </c>
      <c r="DM32" s="114">
        <v>0</v>
      </c>
      <c r="DN32" s="114">
        <v>0</v>
      </c>
      <c r="DO32" s="114">
        <v>16475</v>
      </c>
      <c r="DP32" s="114">
        <v>0</v>
      </c>
      <c r="DQ32" s="113">
        <v>201312</v>
      </c>
      <c r="DR32" s="116">
        <v>201312</v>
      </c>
      <c r="DS32" s="110">
        <v>0</v>
      </c>
      <c r="DT32" s="114">
        <v>0</v>
      </c>
      <c r="DU32" s="113">
        <v>0</v>
      </c>
      <c r="DV32" s="110">
        <v>0</v>
      </c>
      <c r="DW32" s="114">
        <v>184837</v>
      </c>
      <c r="DX32" s="114">
        <v>0</v>
      </c>
      <c r="DY32" s="114">
        <v>0</v>
      </c>
      <c r="DZ32" s="114">
        <v>16475</v>
      </c>
      <c r="EA32" s="114">
        <v>0</v>
      </c>
      <c r="EB32" s="113">
        <v>201312</v>
      </c>
      <c r="EC32" s="116">
        <v>201312</v>
      </c>
      <c r="ED32" s="110">
        <v>0</v>
      </c>
      <c r="EE32" s="112">
        <v>0</v>
      </c>
      <c r="EF32" s="113">
        <v>0</v>
      </c>
      <c r="EG32" s="110">
        <v>0</v>
      </c>
      <c r="EH32" s="114">
        <v>0</v>
      </c>
      <c r="EI32" s="114">
        <v>0</v>
      </c>
      <c r="EJ32" s="114">
        <v>0</v>
      </c>
      <c r="EK32" s="114">
        <v>0</v>
      </c>
      <c r="EL32" s="114">
        <v>0</v>
      </c>
      <c r="EM32" s="112">
        <v>0</v>
      </c>
      <c r="EN32" s="116">
        <v>0</v>
      </c>
      <c r="EO32" s="110">
        <v>0</v>
      </c>
      <c r="EP32" s="114">
        <v>0</v>
      </c>
      <c r="EQ32" s="112">
        <v>0</v>
      </c>
      <c r="ER32" s="111">
        <v>0</v>
      </c>
      <c r="ES32" s="114">
        <v>0</v>
      </c>
      <c r="ET32" s="114">
        <v>0</v>
      </c>
      <c r="EU32" s="114">
        <v>0</v>
      </c>
      <c r="EV32" s="114">
        <v>0</v>
      </c>
      <c r="EW32" s="114">
        <v>0</v>
      </c>
      <c r="EX32" s="113">
        <v>0</v>
      </c>
      <c r="EY32" s="116">
        <v>0</v>
      </c>
      <c r="EZ32" s="110">
        <v>0</v>
      </c>
      <c r="FA32" s="114">
        <v>0</v>
      </c>
      <c r="FB32" s="112">
        <v>0</v>
      </c>
      <c r="FC32" s="348"/>
      <c r="FD32" s="114">
        <v>0</v>
      </c>
      <c r="FE32" s="114">
        <v>0</v>
      </c>
      <c r="FF32" s="114">
        <v>0</v>
      </c>
      <c r="FG32" s="114">
        <v>0</v>
      </c>
      <c r="FH32" s="114">
        <v>0</v>
      </c>
      <c r="FI32" s="113">
        <v>0</v>
      </c>
      <c r="FJ32" s="116">
        <v>0</v>
      </c>
      <c r="FK32" s="110">
        <v>22050</v>
      </c>
      <c r="FL32" s="114">
        <v>118244</v>
      </c>
      <c r="FM32" s="113">
        <v>140294</v>
      </c>
      <c r="FN32" s="110">
        <v>0</v>
      </c>
      <c r="FO32" s="114">
        <v>0</v>
      </c>
      <c r="FP32" s="114">
        <v>32522</v>
      </c>
      <c r="FQ32" s="114">
        <v>48293</v>
      </c>
      <c r="FR32" s="114">
        <v>16450</v>
      </c>
      <c r="FS32" s="114">
        <v>19950</v>
      </c>
      <c r="FT32" s="113">
        <v>117215</v>
      </c>
      <c r="FU32" s="116">
        <v>257509</v>
      </c>
      <c r="FV32" s="115">
        <v>22050</v>
      </c>
      <c r="FW32" s="114">
        <v>68040</v>
      </c>
      <c r="FX32" s="112">
        <v>90090</v>
      </c>
      <c r="FY32" s="111">
        <v>0</v>
      </c>
      <c r="FZ32" s="114">
        <v>0</v>
      </c>
      <c r="GA32" s="114">
        <v>32522</v>
      </c>
      <c r="GB32" s="114">
        <v>48293</v>
      </c>
      <c r="GC32" s="114">
        <v>16450</v>
      </c>
      <c r="GD32" s="114">
        <v>19950</v>
      </c>
      <c r="GE32" s="113">
        <v>117215</v>
      </c>
      <c r="GF32" s="319">
        <v>207305</v>
      </c>
      <c r="GG32" s="115">
        <v>0</v>
      </c>
      <c r="GH32" s="114">
        <v>25564</v>
      </c>
      <c r="GI32" s="112">
        <v>25564</v>
      </c>
      <c r="GJ32" s="111">
        <v>0</v>
      </c>
      <c r="GK32" s="114">
        <v>0</v>
      </c>
      <c r="GL32" s="114">
        <v>0</v>
      </c>
      <c r="GM32" s="114">
        <v>0</v>
      </c>
      <c r="GN32" s="114">
        <v>0</v>
      </c>
      <c r="GO32" s="114">
        <v>0</v>
      </c>
      <c r="GP32" s="113">
        <v>0</v>
      </c>
      <c r="GQ32" s="116">
        <v>25564</v>
      </c>
      <c r="GR32" s="110">
        <v>0</v>
      </c>
      <c r="GS32" s="114">
        <v>24640</v>
      </c>
      <c r="GT32" s="113">
        <v>24640</v>
      </c>
      <c r="GU32" s="110">
        <v>0</v>
      </c>
      <c r="GV32" s="114">
        <v>0</v>
      </c>
      <c r="GW32" s="114">
        <v>0</v>
      </c>
      <c r="GX32" s="114">
        <v>0</v>
      </c>
      <c r="GY32" s="114">
        <v>0</v>
      </c>
      <c r="GZ32" s="114">
        <v>0</v>
      </c>
      <c r="HA32" s="112">
        <v>0</v>
      </c>
      <c r="HB32" s="116">
        <v>24640</v>
      </c>
      <c r="HC32" s="110">
        <v>44891</v>
      </c>
      <c r="HD32" s="114">
        <v>132123</v>
      </c>
      <c r="HE32" s="112">
        <v>177014</v>
      </c>
      <c r="HF32" s="111">
        <v>0</v>
      </c>
      <c r="HG32" s="114">
        <v>486181</v>
      </c>
      <c r="HH32" s="114">
        <v>146051</v>
      </c>
      <c r="HI32" s="114">
        <v>900716</v>
      </c>
      <c r="HJ32" s="114">
        <v>544104</v>
      </c>
      <c r="HK32" s="114">
        <v>220385</v>
      </c>
      <c r="HL32" s="113">
        <v>2297437</v>
      </c>
      <c r="HM32" s="109">
        <v>2474451</v>
      </c>
      <c r="HN32" s="329"/>
      <c r="HO32" s="330"/>
      <c r="HP32" s="331"/>
      <c r="HQ32" s="332"/>
      <c r="HR32" s="330"/>
      <c r="HS32" s="330"/>
      <c r="HT32" s="330"/>
      <c r="HU32" s="330"/>
      <c r="HV32" s="330"/>
      <c r="HW32" s="333"/>
      <c r="HX32" s="334"/>
      <c r="HY32" s="150">
        <v>0</v>
      </c>
      <c r="HZ32" s="135">
        <v>0</v>
      </c>
      <c r="IA32" s="150">
        <v>0</v>
      </c>
      <c r="IB32" s="134">
        <v>0</v>
      </c>
      <c r="IC32" s="135">
        <v>33495</v>
      </c>
      <c r="ID32" s="136">
        <v>18382</v>
      </c>
      <c r="IE32" s="137">
        <v>0</v>
      </c>
      <c r="IF32" s="135">
        <v>0</v>
      </c>
      <c r="IG32" s="137">
        <v>0</v>
      </c>
      <c r="IH32" s="138">
        <v>51877</v>
      </c>
      <c r="II32" s="150">
        <v>51877</v>
      </c>
      <c r="IJ32" s="232">
        <v>0</v>
      </c>
      <c r="IK32" s="236">
        <v>0</v>
      </c>
      <c r="IL32" s="237">
        <v>0</v>
      </c>
      <c r="IM32" s="140"/>
      <c r="IN32" s="119">
        <v>0</v>
      </c>
      <c r="IO32" s="119">
        <v>0</v>
      </c>
      <c r="IP32" s="119">
        <v>0</v>
      </c>
      <c r="IQ32" s="119">
        <v>0</v>
      </c>
      <c r="IR32" s="119">
        <v>0</v>
      </c>
      <c r="IS32" s="141">
        <v>0</v>
      </c>
      <c r="IT32" s="321">
        <v>0</v>
      </c>
      <c r="IU32" s="142">
        <v>0</v>
      </c>
      <c r="IV32" s="119">
        <v>0</v>
      </c>
      <c r="IW32" s="120">
        <v>0</v>
      </c>
      <c r="IX32" s="144"/>
      <c r="IY32" s="119">
        <v>0</v>
      </c>
      <c r="IZ32" s="119">
        <v>0</v>
      </c>
      <c r="JA32" s="119">
        <v>0</v>
      </c>
      <c r="JB32" s="119">
        <v>0</v>
      </c>
      <c r="JC32" s="119">
        <v>0</v>
      </c>
      <c r="JD32" s="120">
        <v>0</v>
      </c>
      <c r="JE32" s="121">
        <v>0</v>
      </c>
      <c r="JF32" s="142">
        <v>0</v>
      </c>
      <c r="JG32" s="119">
        <v>0</v>
      </c>
      <c r="JH32" s="141">
        <v>0</v>
      </c>
      <c r="JI32" s="118">
        <v>0</v>
      </c>
      <c r="JJ32" s="119">
        <v>0</v>
      </c>
      <c r="JK32" s="119">
        <v>18382</v>
      </c>
      <c r="JL32" s="119">
        <v>0</v>
      </c>
      <c r="JM32" s="119">
        <v>0</v>
      </c>
      <c r="JN32" s="119">
        <v>0</v>
      </c>
      <c r="JO32" s="120">
        <v>18382</v>
      </c>
      <c r="JP32" s="321">
        <v>18382</v>
      </c>
      <c r="JQ32" s="142">
        <v>0</v>
      </c>
      <c r="JR32" s="119">
        <v>0</v>
      </c>
      <c r="JS32" s="141">
        <v>0</v>
      </c>
      <c r="JT32" s="118">
        <v>0</v>
      </c>
      <c r="JU32" s="119">
        <v>33495</v>
      </c>
      <c r="JV32" s="119">
        <v>0</v>
      </c>
      <c r="JW32" s="119">
        <v>0</v>
      </c>
      <c r="JX32" s="119">
        <v>0</v>
      </c>
      <c r="JY32" s="119">
        <v>0</v>
      </c>
      <c r="JZ32" s="120">
        <v>33495</v>
      </c>
      <c r="KA32" s="321">
        <v>33495</v>
      </c>
      <c r="KB32" s="234">
        <v>0</v>
      </c>
      <c r="KC32" s="230">
        <v>0</v>
      </c>
      <c r="KD32" s="120">
        <v>0</v>
      </c>
      <c r="KE32" s="118">
        <v>0</v>
      </c>
      <c r="KF32" s="119">
        <v>0</v>
      </c>
      <c r="KG32" s="119">
        <v>0</v>
      </c>
      <c r="KH32" s="119">
        <v>0</v>
      </c>
      <c r="KI32" s="119">
        <v>0</v>
      </c>
      <c r="KJ32" s="119">
        <v>0</v>
      </c>
      <c r="KK32" s="120">
        <v>0</v>
      </c>
      <c r="KL32" s="143">
        <v>0</v>
      </c>
      <c r="KM32" s="232">
        <v>0</v>
      </c>
      <c r="KN32" s="236">
        <v>0</v>
      </c>
      <c r="KO32" s="237">
        <v>0</v>
      </c>
      <c r="KP32" s="140"/>
      <c r="KQ32" s="119">
        <v>0</v>
      </c>
      <c r="KR32" s="119">
        <v>0</v>
      </c>
      <c r="KS32" s="119">
        <v>0</v>
      </c>
      <c r="KT32" s="119">
        <v>0</v>
      </c>
      <c r="KU32" s="119">
        <v>0</v>
      </c>
      <c r="KV32" s="120">
        <v>0</v>
      </c>
      <c r="KW32" s="321">
        <v>0</v>
      </c>
      <c r="KX32" s="142">
        <v>0</v>
      </c>
      <c r="KY32" s="119">
        <v>0</v>
      </c>
      <c r="KZ32" s="120">
        <v>0</v>
      </c>
      <c r="LA32" s="145"/>
      <c r="LB32" s="119">
        <v>0</v>
      </c>
      <c r="LC32" s="119">
        <v>0</v>
      </c>
      <c r="LD32" s="119">
        <v>0</v>
      </c>
      <c r="LE32" s="119">
        <v>0</v>
      </c>
      <c r="LF32" s="119">
        <v>0</v>
      </c>
      <c r="LG32" s="120">
        <v>0</v>
      </c>
      <c r="LH32" s="121">
        <v>0</v>
      </c>
      <c r="LI32" s="142">
        <v>0</v>
      </c>
      <c r="LJ32" s="119">
        <v>0</v>
      </c>
      <c r="LK32" s="120">
        <v>0</v>
      </c>
      <c r="LL32" s="145"/>
      <c r="LM32" s="119">
        <v>0</v>
      </c>
      <c r="LN32" s="119">
        <v>0</v>
      </c>
      <c r="LO32" s="119">
        <v>0</v>
      </c>
      <c r="LP32" s="119">
        <v>0</v>
      </c>
      <c r="LQ32" s="119">
        <v>0</v>
      </c>
      <c r="LR32" s="120">
        <v>0</v>
      </c>
      <c r="LS32" s="321">
        <v>0</v>
      </c>
      <c r="LT32" s="142">
        <v>0</v>
      </c>
      <c r="LU32" s="119">
        <v>0</v>
      </c>
      <c r="LV32" s="120">
        <v>0</v>
      </c>
      <c r="LW32" s="145"/>
      <c r="LX32" s="119">
        <v>0</v>
      </c>
      <c r="LY32" s="119">
        <v>0</v>
      </c>
      <c r="LZ32" s="119">
        <v>0</v>
      </c>
      <c r="MA32" s="119">
        <v>0</v>
      </c>
      <c r="MB32" s="119">
        <v>0</v>
      </c>
      <c r="MC32" s="120">
        <v>0</v>
      </c>
      <c r="MD32" s="121">
        <v>0</v>
      </c>
      <c r="ME32" s="142">
        <v>0</v>
      </c>
      <c r="MF32" s="119">
        <v>0</v>
      </c>
      <c r="MG32" s="120">
        <v>0</v>
      </c>
      <c r="MH32" s="145"/>
      <c r="MI32" s="119">
        <v>0</v>
      </c>
      <c r="MJ32" s="119">
        <v>0</v>
      </c>
      <c r="MK32" s="119">
        <v>418225</v>
      </c>
      <c r="ML32" s="119">
        <v>658824</v>
      </c>
      <c r="MM32" s="119">
        <v>0</v>
      </c>
      <c r="MN32" s="120">
        <v>1077049</v>
      </c>
      <c r="MO32" s="143">
        <v>1077049</v>
      </c>
      <c r="MP32" s="142">
        <v>0</v>
      </c>
      <c r="MQ32" s="119">
        <v>0</v>
      </c>
      <c r="MR32" s="120">
        <v>0</v>
      </c>
      <c r="MS32" s="145"/>
      <c r="MT32" s="119">
        <v>0</v>
      </c>
      <c r="MU32" s="119">
        <v>0</v>
      </c>
      <c r="MV32" s="119">
        <v>189386</v>
      </c>
      <c r="MW32" s="119">
        <v>418995</v>
      </c>
      <c r="MX32" s="119">
        <v>0</v>
      </c>
      <c r="MY32" s="120">
        <v>608381</v>
      </c>
      <c r="MZ32" s="143">
        <v>608381</v>
      </c>
      <c r="NA32" s="142">
        <v>0</v>
      </c>
      <c r="NB32" s="119">
        <v>0</v>
      </c>
      <c r="NC32" s="120">
        <v>0</v>
      </c>
      <c r="ND32" s="145">
        <v>0</v>
      </c>
      <c r="NE32" s="119">
        <v>0</v>
      </c>
      <c r="NF32" s="119">
        <v>0</v>
      </c>
      <c r="NG32" s="119">
        <v>228839</v>
      </c>
      <c r="NH32" s="119">
        <v>239829</v>
      </c>
      <c r="NI32" s="119">
        <v>0</v>
      </c>
      <c r="NJ32" s="120">
        <v>468668</v>
      </c>
      <c r="NK32" s="321">
        <v>468668</v>
      </c>
      <c r="NL32" s="142">
        <v>0</v>
      </c>
      <c r="NM32" s="119">
        <v>0</v>
      </c>
      <c r="NN32" s="120">
        <v>0</v>
      </c>
      <c r="NO32" s="145"/>
      <c r="NP32" s="119">
        <v>0</v>
      </c>
      <c r="NQ32" s="119">
        <v>0</v>
      </c>
      <c r="NR32" s="119">
        <v>0</v>
      </c>
      <c r="NS32" s="119">
        <v>0</v>
      </c>
      <c r="NT32" s="119">
        <v>0</v>
      </c>
      <c r="NU32" s="120">
        <v>0</v>
      </c>
      <c r="NV32" s="121">
        <v>0</v>
      </c>
      <c r="NW32" s="142">
        <v>0</v>
      </c>
      <c r="NX32" s="119">
        <v>0</v>
      </c>
      <c r="NY32" s="120">
        <v>0</v>
      </c>
      <c r="NZ32" s="145"/>
      <c r="OA32" s="119">
        <v>0</v>
      </c>
      <c r="OB32" s="119">
        <v>0</v>
      </c>
      <c r="OC32" s="119">
        <v>0</v>
      </c>
      <c r="OD32" s="119">
        <v>0</v>
      </c>
      <c r="OE32" s="119">
        <v>0</v>
      </c>
      <c r="OF32" s="120">
        <v>0</v>
      </c>
      <c r="OG32" s="121">
        <v>0</v>
      </c>
      <c r="OH32" s="142">
        <v>162270</v>
      </c>
      <c r="OI32" s="119">
        <v>373598</v>
      </c>
      <c r="OJ32" s="141">
        <v>535868</v>
      </c>
      <c r="OK32" s="118">
        <v>0</v>
      </c>
      <c r="OL32" s="119">
        <v>925262</v>
      </c>
      <c r="OM32" s="119">
        <v>444828</v>
      </c>
      <c r="ON32" s="119">
        <v>1883174</v>
      </c>
      <c r="OO32" s="119">
        <v>1435146</v>
      </c>
      <c r="OP32" s="119">
        <v>731710</v>
      </c>
      <c r="OQ32" s="120">
        <v>5420120</v>
      </c>
      <c r="OR32" s="143">
        <v>5955988</v>
      </c>
    </row>
    <row r="33" spans="1:408" ht="20.25" customHeight="1" x14ac:dyDescent="0.2">
      <c r="A33" s="126" t="s">
        <v>28</v>
      </c>
      <c r="B33" s="110">
        <v>1610</v>
      </c>
      <c r="C33" s="114">
        <v>46549</v>
      </c>
      <c r="D33" s="113">
        <v>48159</v>
      </c>
      <c r="E33" s="109">
        <v>0</v>
      </c>
      <c r="F33" s="114">
        <v>296426</v>
      </c>
      <c r="G33" s="114">
        <v>338339</v>
      </c>
      <c r="H33" s="114">
        <v>191216</v>
      </c>
      <c r="I33" s="114">
        <v>0</v>
      </c>
      <c r="J33" s="114">
        <v>409390</v>
      </c>
      <c r="K33" s="173">
        <v>1235371</v>
      </c>
      <c r="L33" s="116">
        <v>1283530</v>
      </c>
      <c r="M33" s="110">
        <v>0</v>
      </c>
      <c r="N33" s="114">
        <v>0</v>
      </c>
      <c r="O33" s="113">
        <v>0</v>
      </c>
      <c r="P33" s="110">
        <v>0</v>
      </c>
      <c r="Q33" s="114">
        <v>108710</v>
      </c>
      <c r="R33" s="114">
        <v>150080</v>
      </c>
      <c r="S33" s="114">
        <v>21539</v>
      </c>
      <c r="T33" s="114">
        <v>0</v>
      </c>
      <c r="U33" s="114">
        <v>58129</v>
      </c>
      <c r="V33" s="113">
        <v>338458</v>
      </c>
      <c r="W33" s="116">
        <v>338458</v>
      </c>
      <c r="X33" s="110">
        <v>0</v>
      </c>
      <c r="Y33" s="114">
        <v>0</v>
      </c>
      <c r="Z33" s="113">
        <v>0</v>
      </c>
      <c r="AA33" s="110">
        <v>0</v>
      </c>
      <c r="AB33" s="114">
        <v>30532</v>
      </c>
      <c r="AC33" s="114">
        <v>81883</v>
      </c>
      <c r="AD33" s="114">
        <v>0</v>
      </c>
      <c r="AE33" s="114">
        <v>0</v>
      </c>
      <c r="AF33" s="114">
        <v>18305</v>
      </c>
      <c r="AG33" s="113">
        <v>130720</v>
      </c>
      <c r="AH33" s="116">
        <v>130720</v>
      </c>
      <c r="AI33" s="110">
        <v>0</v>
      </c>
      <c r="AJ33" s="114">
        <v>0</v>
      </c>
      <c r="AK33" s="113">
        <v>0</v>
      </c>
      <c r="AL33" s="110">
        <v>0</v>
      </c>
      <c r="AM33" s="114">
        <v>0</v>
      </c>
      <c r="AN33" s="114">
        <v>0</v>
      </c>
      <c r="AO33" s="114">
        <v>0</v>
      </c>
      <c r="AP33" s="114">
        <v>0</v>
      </c>
      <c r="AQ33" s="114">
        <v>0</v>
      </c>
      <c r="AR33" s="113">
        <v>0</v>
      </c>
      <c r="AS33" s="116">
        <v>0</v>
      </c>
      <c r="AT33" s="110">
        <v>0</v>
      </c>
      <c r="AU33" s="114">
        <v>0</v>
      </c>
      <c r="AV33" s="113">
        <v>0</v>
      </c>
      <c r="AW33" s="110">
        <v>0</v>
      </c>
      <c r="AX33" s="114">
        <v>0</v>
      </c>
      <c r="AY33" s="114">
        <v>49066</v>
      </c>
      <c r="AZ33" s="114">
        <v>13139</v>
      </c>
      <c r="BA33" s="114">
        <v>0</v>
      </c>
      <c r="BB33" s="114">
        <v>24186</v>
      </c>
      <c r="BC33" s="113">
        <v>86391</v>
      </c>
      <c r="BD33" s="116">
        <v>86391</v>
      </c>
      <c r="BE33" s="110">
        <v>0</v>
      </c>
      <c r="BF33" s="114">
        <v>0</v>
      </c>
      <c r="BG33" s="112">
        <v>0</v>
      </c>
      <c r="BH33" s="111">
        <v>0</v>
      </c>
      <c r="BI33" s="114">
        <v>55302</v>
      </c>
      <c r="BJ33" s="114">
        <v>0</v>
      </c>
      <c r="BK33" s="114">
        <v>0</v>
      </c>
      <c r="BL33" s="114">
        <v>0</v>
      </c>
      <c r="BM33" s="114">
        <v>0</v>
      </c>
      <c r="BN33" s="113">
        <v>55302</v>
      </c>
      <c r="BO33" s="116">
        <v>55302</v>
      </c>
      <c r="BP33" s="110">
        <v>0</v>
      </c>
      <c r="BQ33" s="114">
        <v>0</v>
      </c>
      <c r="BR33" s="113">
        <v>0</v>
      </c>
      <c r="BS33" s="110">
        <v>0</v>
      </c>
      <c r="BT33" s="114">
        <v>22876</v>
      </c>
      <c r="BU33" s="114">
        <v>19131</v>
      </c>
      <c r="BV33" s="114">
        <v>8400</v>
      </c>
      <c r="BW33" s="114">
        <v>0</v>
      </c>
      <c r="BX33" s="114">
        <v>15638</v>
      </c>
      <c r="BY33" s="113">
        <v>66045</v>
      </c>
      <c r="BZ33" s="116">
        <v>66045</v>
      </c>
      <c r="CA33" s="110">
        <v>0</v>
      </c>
      <c r="CB33" s="114">
        <v>33949</v>
      </c>
      <c r="CC33" s="113">
        <v>33949</v>
      </c>
      <c r="CD33" s="110">
        <v>0</v>
      </c>
      <c r="CE33" s="114">
        <v>32830</v>
      </c>
      <c r="CF33" s="114">
        <v>133827</v>
      </c>
      <c r="CG33" s="114">
        <v>0</v>
      </c>
      <c r="CH33" s="114">
        <v>0</v>
      </c>
      <c r="CI33" s="114">
        <v>90454</v>
      </c>
      <c r="CJ33" s="113">
        <v>257111</v>
      </c>
      <c r="CK33" s="116">
        <v>291060</v>
      </c>
      <c r="CL33" s="110">
        <v>0</v>
      </c>
      <c r="CM33" s="114">
        <v>0</v>
      </c>
      <c r="CN33" s="113">
        <v>0</v>
      </c>
      <c r="CO33" s="111">
        <v>0</v>
      </c>
      <c r="CP33" s="114">
        <v>32830</v>
      </c>
      <c r="CQ33" s="114">
        <v>100536</v>
      </c>
      <c r="CR33" s="114">
        <v>0</v>
      </c>
      <c r="CS33" s="114">
        <v>0</v>
      </c>
      <c r="CT33" s="114">
        <v>0</v>
      </c>
      <c r="CU33" s="113">
        <v>133366</v>
      </c>
      <c r="CV33" s="116">
        <v>133366</v>
      </c>
      <c r="CW33" s="110">
        <v>0</v>
      </c>
      <c r="CX33" s="114">
        <v>33949</v>
      </c>
      <c r="CY33" s="113">
        <v>33949</v>
      </c>
      <c r="CZ33" s="110">
        <v>0</v>
      </c>
      <c r="DA33" s="114">
        <v>0</v>
      </c>
      <c r="DB33" s="114">
        <v>33291</v>
      </c>
      <c r="DC33" s="114">
        <v>0</v>
      </c>
      <c r="DD33" s="114">
        <v>0</v>
      </c>
      <c r="DE33" s="114">
        <v>90454</v>
      </c>
      <c r="DF33" s="113">
        <v>123745</v>
      </c>
      <c r="DG33" s="116">
        <v>157694</v>
      </c>
      <c r="DH33" s="110">
        <v>0</v>
      </c>
      <c r="DI33" s="114">
        <v>0</v>
      </c>
      <c r="DJ33" s="112">
        <v>0</v>
      </c>
      <c r="DK33" s="111">
        <v>0</v>
      </c>
      <c r="DL33" s="114">
        <v>0</v>
      </c>
      <c r="DM33" s="114">
        <v>12110</v>
      </c>
      <c r="DN33" s="114">
        <v>0</v>
      </c>
      <c r="DO33" s="114">
        <v>0</v>
      </c>
      <c r="DP33" s="114">
        <v>0</v>
      </c>
      <c r="DQ33" s="113">
        <v>12110</v>
      </c>
      <c r="DR33" s="116">
        <v>12110</v>
      </c>
      <c r="DS33" s="110">
        <v>0</v>
      </c>
      <c r="DT33" s="114">
        <v>0</v>
      </c>
      <c r="DU33" s="113">
        <v>0</v>
      </c>
      <c r="DV33" s="110">
        <v>0</v>
      </c>
      <c r="DW33" s="114">
        <v>0</v>
      </c>
      <c r="DX33" s="114">
        <v>12110</v>
      </c>
      <c r="DY33" s="114">
        <v>0</v>
      </c>
      <c r="DZ33" s="114">
        <v>0</v>
      </c>
      <c r="EA33" s="114">
        <v>0</v>
      </c>
      <c r="EB33" s="113">
        <v>12110</v>
      </c>
      <c r="EC33" s="116">
        <v>12110</v>
      </c>
      <c r="ED33" s="110">
        <v>0</v>
      </c>
      <c r="EE33" s="112">
        <v>0</v>
      </c>
      <c r="EF33" s="113">
        <v>0</v>
      </c>
      <c r="EG33" s="110">
        <v>0</v>
      </c>
      <c r="EH33" s="114">
        <v>0</v>
      </c>
      <c r="EI33" s="114">
        <v>0</v>
      </c>
      <c r="EJ33" s="114">
        <v>0</v>
      </c>
      <c r="EK33" s="114">
        <v>0</v>
      </c>
      <c r="EL33" s="114">
        <v>0</v>
      </c>
      <c r="EM33" s="112">
        <v>0</v>
      </c>
      <c r="EN33" s="116">
        <v>0</v>
      </c>
      <c r="EO33" s="110">
        <v>0</v>
      </c>
      <c r="EP33" s="114">
        <v>0</v>
      </c>
      <c r="EQ33" s="112">
        <v>0</v>
      </c>
      <c r="ER33" s="111">
        <v>0</v>
      </c>
      <c r="ES33" s="114">
        <v>0</v>
      </c>
      <c r="ET33" s="114">
        <v>0</v>
      </c>
      <c r="EU33" s="114">
        <v>0</v>
      </c>
      <c r="EV33" s="114">
        <v>0</v>
      </c>
      <c r="EW33" s="114">
        <v>0</v>
      </c>
      <c r="EX33" s="113">
        <v>0</v>
      </c>
      <c r="EY33" s="116">
        <v>0</v>
      </c>
      <c r="EZ33" s="110">
        <v>0</v>
      </c>
      <c r="FA33" s="114">
        <v>0</v>
      </c>
      <c r="FB33" s="112">
        <v>0</v>
      </c>
      <c r="FC33" s="348"/>
      <c r="FD33" s="114">
        <v>0</v>
      </c>
      <c r="FE33" s="114">
        <v>0</v>
      </c>
      <c r="FF33" s="114">
        <v>0</v>
      </c>
      <c r="FG33" s="114">
        <v>0</v>
      </c>
      <c r="FH33" s="114">
        <v>0</v>
      </c>
      <c r="FI33" s="113">
        <v>0</v>
      </c>
      <c r="FJ33" s="116">
        <v>0</v>
      </c>
      <c r="FK33" s="110">
        <v>1610</v>
      </c>
      <c r="FL33" s="114">
        <v>12600</v>
      </c>
      <c r="FM33" s="113">
        <v>14210</v>
      </c>
      <c r="FN33" s="110">
        <v>0</v>
      </c>
      <c r="FO33" s="114">
        <v>21000</v>
      </c>
      <c r="FP33" s="114">
        <v>42322</v>
      </c>
      <c r="FQ33" s="114">
        <v>7350</v>
      </c>
      <c r="FR33" s="114">
        <v>0</v>
      </c>
      <c r="FS33" s="114">
        <v>57575</v>
      </c>
      <c r="FT33" s="113">
        <v>128247</v>
      </c>
      <c r="FU33" s="116">
        <v>142457</v>
      </c>
      <c r="FV33" s="115">
        <v>1610</v>
      </c>
      <c r="FW33" s="114">
        <v>12600</v>
      </c>
      <c r="FX33" s="112">
        <v>14210</v>
      </c>
      <c r="FY33" s="111">
        <v>0</v>
      </c>
      <c r="FZ33" s="114">
        <v>21000</v>
      </c>
      <c r="GA33" s="114">
        <v>42322</v>
      </c>
      <c r="GB33" s="114">
        <v>7350</v>
      </c>
      <c r="GC33" s="114">
        <v>0</v>
      </c>
      <c r="GD33" s="114">
        <v>57575</v>
      </c>
      <c r="GE33" s="113">
        <v>128247</v>
      </c>
      <c r="GF33" s="319">
        <v>142457</v>
      </c>
      <c r="GG33" s="115">
        <v>0</v>
      </c>
      <c r="GH33" s="114">
        <v>0</v>
      </c>
      <c r="GI33" s="112">
        <v>0</v>
      </c>
      <c r="GJ33" s="111">
        <v>0</v>
      </c>
      <c r="GK33" s="114">
        <v>0</v>
      </c>
      <c r="GL33" s="114">
        <v>0</v>
      </c>
      <c r="GM33" s="114">
        <v>0</v>
      </c>
      <c r="GN33" s="114">
        <v>0</v>
      </c>
      <c r="GO33" s="114">
        <v>0</v>
      </c>
      <c r="GP33" s="113">
        <v>0</v>
      </c>
      <c r="GQ33" s="116">
        <v>0</v>
      </c>
      <c r="GR33" s="110">
        <v>0</v>
      </c>
      <c r="GS33" s="114">
        <v>0</v>
      </c>
      <c r="GT33" s="113">
        <v>0</v>
      </c>
      <c r="GU33" s="110">
        <v>0</v>
      </c>
      <c r="GV33" s="114">
        <v>0</v>
      </c>
      <c r="GW33" s="114">
        <v>0</v>
      </c>
      <c r="GX33" s="114">
        <v>0</v>
      </c>
      <c r="GY33" s="114">
        <v>0</v>
      </c>
      <c r="GZ33" s="114">
        <v>0</v>
      </c>
      <c r="HA33" s="112">
        <v>0</v>
      </c>
      <c r="HB33" s="116">
        <v>0</v>
      </c>
      <c r="HC33" s="110">
        <v>0</v>
      </c>
      <c r="HD33" s="114">
        <v>0</v>
      </c>
      <c r="HE33" s="112">
        <v>0</v>
      </c>
      <c r="HF33" s="111">
        <v>0</v>
      </c>
      <c r="HG33" s="114">
        <v>133886</v>
      </c>
      <c r="HH33" s="114">
        <v>0</v>
      </c>
      <c r="HI33" s="114">
        <v>162327</v>
      </c>
      <c r="HJ33" s="114">
        <v>0</v>
      </c>
      <c r="HK33" s="114">
        <v>203232</v>
      </c>
      <c r="HL33" s="113">
        <v>499445</v>
      </c>
      <c r="HM33" s="109">
        <v>499445</v>
      </c>
      <c r="HN33" s="329"/>
      <c r="HO33" s="330"/>
      <c r="HP33" s="331"/>
      <c r="HQ33" s="332"/>
      <c r="HR33" s="330"/>
      <c r="HS33" s="330"/>
      <c r="HT33" s="330"/>
      <c r="HU33" s="330"/>
      <c r="HV33" s="330"/>
      <c r="HW33" s="333"/>
      <c r="HX33" s="334"/>
      <c r="HY33" s="131">
        <v>0</v>
      </c>
      <c r="HZ33" s="132">
        <v>0</v>
      </c>
      <c r="IA33" s="133">
        <v>0</v>
      </c>
      <c r="IB33" s="146">
        <v>0</v>
      </c>
      <c r="IC33" s="132">
        <v>126021</v>
      </c>
      <c r="ID33" s="147">
        <v>28441</v>
      </c>
      <c r="IE33" s="133">
        <v>0</v>
      </c>
      <c r="IF33" s="132">
        <v>0</v>
      </c>
      <c r="IG33" s="133">
        <v>0</v>
      </c>
      <c r="IH33" s="148">
        <v>154462</v>
      </c>
      <c r="II33" s="139">
        <v>154462</v>
      </c>
      <c r="IJ33" s="232">
        <v>0</v>
      </c>
      <c r="IK33" s="236">
        <v>0</v>
      </c>
      <c r="IL33" s="237">
        <v>0</v>
      </c>
      <c r="IM33" s="140"/>
      <c r="IN33" s="119">
        <v>0</v>
      </c>
      <c r="IO33" s="119">
        <v>0</v>
      </c>
      <c r="IP33" s="119">
        <v>0</v>
      </c>
      <c r="IQ33" s="119">
        <v>0</v>
      </c>
      <c r="IR33" s="119">
        <v>0</v>
      </c>
      <c r="IS33" s="141">
        <v>0</v>
      </c>
      <c r="IT33" s="321">
        <v>0</v>
      </c>
      <c r="IU33" s="142">
        <v>0</v>
      </c>
      <c r="IV33" s="119">
        <v>0</v>
      </c>
      <c r="IW33" s="120">
        <v>0</v>
      </c>
      <c r="IX33" s="144"/>
      <c r="IY33" s="119">
        <v>0</v>
      </c>
      <c r="IZ33" s="119">
        <v>0</v>
      </c>
      <c r="JA33" s="119">
        <v>0</v>
      </c>
      <c r="JB33" s="119">
        <v>0</v>
      </c>
      <c r="JC33" s="119">
        <v>0</v>
      </c>
      <c r="JD33" s="120">
        <v>0</v>
      </c>
      <c r="JE33" s="121">
        <v>0</v>
      </c>
      <c r="JF33" s="142">
        <v>0</v>
      </c>
      <c r="JG33" s="119">
        <v>0</v>
      </c>
      <c r="JH33" s="141">
        <v>0</v>
      </c>
      <c r="JI33" s="118">
        <v>0</v>
      </c>
      <c r="JJ33" s="119">
        <v>126021</v>
      </c>
      <c r="JK33" s="119">
        <v>28441</v>
      </c>
      <c r="JL33" s="119">
        <v>0</v>
      </c>
      <c r="JM33" s="119">
        <v>0</v>
      </c>
      <c r="JN33" s="119">
        <v>0</v>
      </c>
      <c r="JO33" s="120">
        <v>154462</v>
      </c>
      <c r="JP33" s="321">
        <v>154462</v>
      </c>
      <c r="JQ33" s="142">
        <v>0</v>
      </c>
      <c r="JR33" s="119">
        <v>0</v>
      </c>
      <c r="JS33" s="141">
        <v>0</v>
      </c>
      <c r="JT33" s="118">
        <v>0</v>
      </c>
      <c r="JU33" s="119">
        <v>0</v>
      </c>
      <c r="JV33" s="119">
        <v>0</v>
      </c>
      <c r="JW33" s="119">
        <v>0</v>
      </c>
      <c r="JX33" s="119">
        <v>0</v>
      </c>
      <c r="JY33" s="119">
        <v>0</v>
      </c>
      <c r="JZ33" s="120">
        <v>0</v>
      </c>
      <c r="KA33" s="321">
        <v>0</v>
      </c>
      <c r="KB33" s="234">
        <v>0</v>
      </c>
      <c r="KC33" s="230">
        <v>0</v>
      </c>
      <c r="KD33" s="120">
        <v>0</v>
      </c>
      <c r="KE33" s="118">
        <v>0</v>
      </c>
      <c r="KF33" s="119">
        <v>0</v>
      </c>
      <c r="KG33" s="119">
        <v>0</v>
      </c>
      <c r="KH33" s="119">
        <v>0</v>
      </c>
      <c r="KI33" s="119">
        <v>0</v>
      </c>
      <c r="KJ33" s="119">
        <v>0</v>
      </c>
      <c r="KK33" s="120">
        <v>0</v>
      </c>
      <c r="KL33" s="143">
        <v>0</v>
      </c>
      <c r="KM33" s="232">
        <v>0</v>
      </c>
      <c r="KN33" s="236">
        <v>0</v>
      </c>
      <c r="KO33" s="237">
        <v>0</v>
      </c>
      <c r="KP33" s="140"/>
      <c r="KQ33" s="119">
        <v>0</v>
      </c>
      <c r="KR33" s="119">
        <v>0</v>
      </c>
      <c r="KS33" s="119">
        <v>0</v>
      </c>
      <c r="KT33" s="119">
        <v>0</v>
      </c>
      <c r="KU33" s="119">
        <v>0</v>
      </c>
      <c r="KV33" s="120">
        <v>0</v>
      </c>
      <c r="KW33" s="321">
        <v>0</v>
      </c>
      <c r="KX33" s="142">
        <v>0</v>
      </c>
      <c r="KY33" s="119">
        <v>0</v>
      </c>
      <c r="KZ33" s="120">
        <v>0</v>
      </c>
      <c r="LA33" s="145"/>
      <c r="LB33" s="119">
        <v>0</v>
      </c>
      <c r="LC33" s="119">
        <v>0</v>
      </c>
      <c r="LD33" s="119">
        <v>0</v>
      </c>
      <c r="LE33" s="119">
        <v>0</v>
      </c>
      <c r="LF33" s="119">
        <v>0</v>
      </c>
      <c r="LG33" s="120">
        <v>0</v>
      </c>
      <c r="LH33" s="121">
        <v>0</v>
      </c>
      <c r="LI33" s="142">
        <v>0</v>
      </c>
      <c r="LJ33" s="119">
        <v>0</v>
      </c>
      <c r="LK33" s="120">
        <v>0</v>
      </c>
      <c r="LL33" s="145"/>
      <c r="LM33" s="119">
        <v>0</v>
      </c>
      <c r="LN33" s="119">
        <v>0</v>
      </c>
      <c r="LO33" s="119">
        <v>0</v>
      </c>
      <c r="LP33" s="119">
        <v>0</v>
      </c>
      <c r="LQ33" s="119">
        <v>0</v>
      </c>
      <c r="LR33" s="120">
        <v>0</v>
      </c>
      <c r="LS33" s="321">
        <v>0</v>
      </c>
      <c r="LT33" s="142">
        <v>0</v>
      </c>
      <c r="LU33" s="119">
        <v>0</v>
      </c>
      <c r="LV33" s="120">
        <v>0</v>
      </c>
      <c r="LW33" s="145"/>
      <c r="LX33" s="119">
        <v>0</v>
      </c>
      <c r="LY33" s="119">
        <v>0</v>
      </c>
      <c r="LZ33" s="119">
        <v>0</v>
      </c>
      <c r="MA33" s="119">
        <v>0</v>
      </c>
      <c r="MB33" s="119">
        <v>0</v>
      </c>
      <c r="MC33" s="120">
        <v>0</v>
      </c>
      <c r="MD33" s="121">
        <v>0</v>
      </c>
      <c r="ME33" s="142">
        <v>0</v>
      </c>
      <c r="MF33" s="119">
        <v>0</v>
      </c>
      <c r="MG33" s="120">
        <v>0</v>
      </c>
      <c r="MH33" s="145"/>
      <c r="MI33" s="119">
        <v>0</v>
      </c>
      <c r="MJ33" s="119">
        <v>0</v>
      </c>
      <c r="MK33" s="119">
        <v>141428</v>
      </c>
      <c r="ML33" s="119">
        <v>442590</v>
      </c>
      <c r="MM33" s="119">
        <v>248955</v>
      </c>
      <c r="MN33" s="120">
        <v>832973</v>
      </c>
      <c r="MO33" s="143">
        <v>832973</v>
      </c>
      <c r="MP33" s="142">
        <v>0</v>
      </c>
      <c r="MQ33" s="119">
        <v>0</v>
      </c>
      <c r="MR33" s="120">
        <v>0</v>
      </c>
      <c r="MS33" s="145"/>
      <c r="MT33" s="119">
        <v>0</v>
      </c>
      <c r="MU33" s="119">
        <v>0</v>
      </c>
      <c r="MV33" s="119">
        <v>0</v>
      </c>
      <c r="MW33" s="119">
        <v>209889</v>
      </c>
      <c r="MX33" s="119">
        <v>0</v>
      </c>
      <c r="MY33" s="120">
        <v>209889</v>
      </c>
      <c r="MZ33" s="143">
        <v>209889</v>
      </c>
      <c r="NA33" s="142">
        <v>0</v>
      </c>
      <c r="NB33" s="119">
        <v>0</v>
      </c>
      <c r="NC33" s="120">
        <v>0</v>
      </c>
      <c r="ND33" s="145">
        <v>0</v>
      </c>
      <c r="NE33" s="119">
        <v>0</v>
      </c>
      <c r="NF33" s="119">
        <v>0</v>
      </c>
      <c r="NG33" s="119">
        <v>141428</v>
      </c>
      <c r="NH33" s="119">
        <v>232701</v>
      </c>
      <c r="NI33" s="119">
        <v>248955</v>
      </c>
      <c r="NJ33" s="120">
        <v>623084</v>
      </c>
      <c r="NK33" s="321">
        <v>623084</v>
      </c>
      <c r="NL33" s="142">
        <v>0</v>
      </c>
      <c r="NM33" s="119">
        <v>0</v>
      </c>
      <c r="NN33" s="120">
        <v>0</v>
      </c>
      <c r="NO33" s="145"/>
      <c r="NP33" s="119">
        <v>0</v>
      </c>
      <c r="NQ33" s="119">
        <v>0</v>
      </c>
      <c r="NR33" s="119">
        <v>0</v>
      </c>
      <c r="NS33" s="119">
        <v>0</v>
      </c>
      <c r="NT33" s="119">
        <v>0</v>
      </c>
      <c r="NU33" s="120">
        <v>0</v>
      </c>
      <c r="NV33" s="121">
        <v>0</v>
      </c>
      <c r="NW33" s="142">
        <v>0</v>
      </c>
      <c r="NX33" s="119">
        <v>0</v>
      </c>
      <c r="NY33" s="120">
        <v>0</v>
      </c>
      <c r="NZ33" s="145"/>
      <c r="OA33" s="119">
        <v>0</v>
      </c>
      <c r="OB33" s="119">
        <v>0</v>
      </c>
      <c r="OC33" s="119">
        <v>0</v>
      </c>
      <c r="OD33" s="119">
        <v>0</v>
      </c>
      <c r="OE33" s="119">
        <v>0</v>
      </c>
      <c r="OF33" s="120">
        <v>0</v>
      </c>
      <c r="OG33" s="121">
        <v>0</v>
      </c>
      <c r="OH33" s="142">
        <v>1610</v>
      </c>
      <c r="OI33" s="119">
        <v>46549</v>
      </c>
      <c r="OJ33" s="141">
        <v>48159</v>
      </c>
      <c r="OK33" s="118">
        <v>0</v>
      </c>
      <c r="OL33" s="119">
        <v>422447</v>
      </c>
      <c r="OM33" s="119">
        <v>366780</v>
      </c>
      <c r="ON33" s="119">
        <v>332644</v>
      </c>
      <c r="OO33" s="119">
        <v>442590</v>
      </c>
      <c r="OP33" s="119">
        <v>658345</v>
      </c>
      <c r="OQ33" s="120">
        <v>2222806</v>
      </c>
      <c r="OR33" s="143">
        <v>2270965</v>
      </c>
    </row>
    <row r="34" spans="1:408" ht="20.25" customHeight="1" x14ac:dyDescent="0.2">
      <c r="A34" s="126" t="s">
        <v>29</v>
      </c>
      <c r="B34" s="110">
        <v>1400</v>
      </c>
      <c r="C34" s="114">
        <v>5250</v>
      </c>
      <c r="D34" s="113">
        <v>6650</v>
      </c>
      <c r="E34" s="109">
        <v>0</v>
      </c>
      <c r="F34" s="114">
        <v>213699</v>
      </c>
      <c r="G34" s="114">
        <v>358112</v>
      </c>
      <c r="H34" s="114">
        <v>488791</v>
      </c>
      <c r="I34" s="114">
        <v>207318</v>
      </c>
      <c r="J34" s="114">
        <v>283223</v>
      </c>
      <c r="K34" s="173">
        <v>1551143</v>
      </c>
      <c r="L34" s="116">
        <v>1557793</v>
      </c>
      <c r="M34" s="110">
        <v>0</v>
      </c>
      <c r="N34" s="114">
        <v>0</v>
      </c>
      <c r="O34" s="113">
        <v>0</v>
      </c>
      <c r="P34" s="110">
        <v>0</v>
      </c>
      <c r="Q34" s="114">
        <v>41300</v>
      </c>
      <c r="R34" s="114">
        <v>143864</v>
      </c>
      <c r="S34" s="114">
        <v>165900</v>
      </c>
      <c r="T34" s="114">
        <v>23170</v>
      </c>
      <c r="U34" s="114">
        <v>0</v>
      </c>
      <c r="V34" s="113">
        <v>374234</v>
      </c>
      <c r="W34" s="116">
        <v>374234</v>
      </c>
      <c r="X34" s="110">
        <v>0</v>
      </c>
      <c r="Y34" s="114">
        <v>0</v>
      </c>
      <c r="Z34" s="113">
        <v>0</v>
      </c>
      <c r="AA34" s="110">
        <v>0</v>
      </c>
      <c r="AB34" s="114">
        <v>12222</v>
      </c>
      <c r="AC34" s="114">
        <v>54096</v>
      </c>
      <c r="AD34" s="114">
        <v>0</v>
      </c>
      <c r="AE34" s="114">
        <v>0</v>
      </c>
      <c r="AF34" s="114">
        <v>0</v>
      </c>
      <c r="AG34" s="113">
        <v>66318</v>
      </c>
      <c r="AH34" s="116">
        <v>66318</v>
      </c>
      <c r="AI34" s="110">
        <v>0</v>
      </c>
      <c r="AJ34" s="114">
        <v>0</v>
      </c>
      <c r="AK34" s="113">
        <v>0</v>
      </c>
      <c r="AL34" s="110">
        <v>0</v>
      </c>
      <c r="AM34" s="114">
        <v>0</v>
      </c>
      <c r="AN34" s="114">
        <v>0</v>
      </c>
      <c r="AO34" s="114">
        <v>37856</v>
      </c>
      <c r="AP34" s="114">
        <v>0</v>
      </c>
      <c r="AQ34" s="114">
        <v>0</v>
      </c>
      <c r="AR34" s="113">
        <v>37856</v>
      </c>
      <c r="AS34" s="116">
        <v>37856</v>
      </c>
      <c r="AT34" s="110">
        <v>0</v>
      </c>
      <c r="AU34" s="114">
        <v>0</v>
      </c>
      <c r="AV34" s="113">
        <v>0</v>
      </c>
      <c r="AW34" s="110">
        <v>0</v>
      </c>
      <c r="AX34" s="114">
        <v>20678</v>
      </c>
      <c r="AY34" s="114">
        <v>40208</v>
      </c>
      <c r="AZ34" s="114">
        <v>119644</v>
      </c>
      <c r="BA34" s="114">
        <v>0</v>
      </c>
      <c r="BB34" s="114">
        <v>0</v>
      </c>
      <c r="BC34" s="113">
        <v>180530</v>
      </c>
      <c r="BD34" s="116">
        <v>180530</v>
      </c>
      <c r="BE34" s="110">
        <v>0</v>
      </c>
      <c r="BF34" s="114">
        <v>0</v>
      </c>
      <c r="BG34" s="112">
        <v>0</v>
      </c>
      <c r="BH34" s="111">
        <v>0</v>
      </c>
      <c r="BI34" s="114">
        <v>0</v>
      </c>
      <c r="BJ34" s="114">
        <v>26768</v>
      </c>
      <c r="BK34" s="114">
        <v>0</v>
      </c>
      <c r="BL34" s="114">
        <v>0</v>
      </c>
      <c r="BM34" s="114">
        <v>0</v>
      </c>
      <c r="BN34" s="113">
        <v>26768</v>
      </c>
      <c r="BO34" s="116">
        <v>26768</v>
      </c>
      <c r="BP34" s="110">
        <v>0</v>
      </c>
      <c r="BQ34" s="114">
        <v>0</v>
      </c>
      <c r="BR34" s="113">
        <v>0</v>
      </c>
      <c r="BS34" s="110">
        <v>0</v>
      </c>
      <c r="BT34" s="114">
        <v>8400</v>
      </c>
      <c r="BU34" s="114">
        <v>22792</v>
      </c>
      <c r="BV34" s="114">
        <v>8400</v>
      </c>
      <c r="BW34" s="114">
        <v>23170</v>
      </c>
      <c r="BX34" s="114">
        <v>0</v>
      </c>
      <c r="BY34" s="113">
        <v>62762</v>
      </c>
      <c r="BZ34" s="116">
        <v>62762</v>
      </c>
      <c r="CA34" s="110">
        <v>0</v>
      </c>
      <c r="CB34" s="114">
        <v>0</v>
      </c>
      <c r="CC34" s="113">
        <v>0</v>
      </c>
      <c r="CD34" s="110">
        <v>0</v>
      </c>
      <c r="CE34" s="114">
        <v>9289</v>
      </c>
      <c r="CF34" s="114">
        <v>51128</v>
      </c>
      <c r="CG34" s="114">
        <v>112357</v>
      </c>
      <c r="CH34" s="114">
        <v>0</v>
      </c>
      <c r="CI34" s="114">
        <v>39081</v>
      </c>
      <c r="CJ34" s="113">
        <v>211855</v>
      </c>
      <c r="CK34" s="116">
        <v>211855</v>
      </c>
      <c r="CL34" s="110">
        <v>0</v>
      </c>
      <c r="CM34" s="114">
        <v>0</v>
      </c>
      <c r="CN34" s="113">
        <v>0</v>
      </c>
      <c r="CO34" s="111">
        <v>0</v>
      </c>
      <c r="CP34" s="114">
        <v>9289</v>
      </c>
      <c r="CQ34" s="114">
        <v>0</v>
      </c>
      <c r="CR34" s="114">
        <v>12453</v>
      </c>
      <c r="CS34" s="114">
        <v>0</v>
      </c>
      <c r="CT34" s="114">
        <v>0</v>
      </c>
      <c r="CU34" s="113">
        <v>21742</v>
      </c>
      <c r="CV34" s="116">
        <v>21742</v>
      </c>
      <c r="CW34" s="110">
        <v>0</v>
      </c>
      <c r="CX34" s="114">
        <v>0</v>
      </c>
      <c r="CY34" s="113">
        <v>0</v>
      </c>
      <c r="CZ34" s="110">
        <v>0</v>
      </c>
      <c r="DA34" s="114">
        <v>0</v>
      </c>
      <c r="DB34" s="114">
        <v>51128</v>
      </c>
      <c r="DC34" s="114">
        <v>99904</v>
      </c>
      <c r="DD34" s="114">
        <v>0</v>
      </c>
      <c r="DE34" s="114">
        <v>39081</v>
      </c>
      <c r="DF34" s="113">
        <v>190113</v>
      </c>
      <c r="DG34" s="116">
        <v>190113</v>
      </c>
      <c r="DH34" s="110">
        <v>0</v>
      </c>
      <c r="DI34" s="114">
        <v>0</v>
      </c>
      <c r="DJ34" s="112">
        <v>0</v>
      </c>
      <c r="DK34" s="111">
        <v>0</v>
      </c>
      <c r="DL34" s="114">
        <v>0</v>
      </c>
      <c r="DM34" s="114">
        <v>0</v>
      </c>
      <c r="DN34" s="114">
        <v>0</v>
      </c>
      <c r="DO34" s="114">
        <v>0</v>
      </c>
      <c r="DP34" s="114">
        <v>194379</v>
      </c>
      <c r="DQ34" s="113">
        <v>194379</v>
      </c>
      <c r="DR34" s="116">
        <v>194379</v>
      </c>
      <c r="DS34" s="110">
        <v>0</v>
      </c>
      <c r="DT34" s="114">
        <v>0</v>
      </c>
      <c r="DU34" s="113">
        <v>0</v>
      </c>
      <c r="DV34" s="110">
        <v>0</v>
      </c>
      <c r="DW34" s="114">
        <v>0</v>
      </c>
      <c r="DX34" s="114">
        <v>0</v>
      </c>
      <c r="DY34" s="114">
        <v>0</v>
      </c>
      <c r="DZ34" s="114">
        <v>0</v>
      </c>
      <c r="EA34" s="114">
        <v>194379</v>
      </c>
      <c r="EB34" s="113">
        <v>194379</v>
      </c>
      <c r="EC34" s="116">
        <v>194379</v>
      </c>
      <c r="ED34" s="110">
        <v>0</v>
      </c>
      <c r="EE34" s="112">
        <v>0</v>
      </c>
      <c r="EF34" s="113">
        <v>0</v>
      </c>
      <c r="EG34" s="110">
        <v>0</v>
      </c>
      <c r="EH34" s="114">
        <v>0</v>
      </c>
      <c r="EI34" s="114">
        <v>0</v>
      </c>
      <c r="EJ34" s="114">
        <v>0</v>
      </c>
      <c r="EK34" s="114">
        <v>0</v>
      </c>
      <c r="EL34" s="114">
        <v>0</v>
      </c>
      <c r="EM34" s="112">
        <v>0</v>
      </c>
      <c r="EN34" s="116">
        <v>0</v>
      </c>
      <c r="EO34" s="110">
        <v>0</v>
      </c>
      <c r="EP34" s="114">
        <v>0</v>
      </c>
      <c r="EQ34" s="112">
        <v>0</v>
      </c>
      <c r="ER34" s="111">
        <v>0</v>
      </c>
      <c r="ES34" s="114">
        <v>0</v>
      </c>
      <c r="ET34" s="114">
        <v>0</v>
      </c>
      <c r="EU34" s="114">
        <v>0</v>
      </c>
      <c r="EV34" s="114">
        <v>0</v>
      </c>
      <c r="EW34" s="114">
        <v>0</v>
      </c>
      <c r="EX34" s="113">
        <v>0</v>
      </c>
      <c r="EY34" s="116">
        <v>0</v>
      </c>
      <c r="EZ34" s="110">
        <v>0</v>
      </c>
      <c r="FA34" s="114">
        <v>0</v>
      </c>
      <c r="FB34" s="112">
        <v>0</v>
      </c>
      <c r="FC34" s="348"/>
      <c r="FD34" s="114">
        <v>0</v>
      </c>
      <c r="FE34" s="114">
        <v>0</v>
      </c>
      <c r="FF34" s="114">
        <v>0</v>
      </c>
      <c r="FG34" s="114">
        <v>0</v>
      </c>
      <c r="FH34" s="114">
        <v>0</v>
      </c>
      <c r="FI34" s="113">
        <v>0</v>
      </c>
      <c r="FJ34" s="116">
        <v>0</v>
      </c>
      <c r="FK34" s="110">
        <v>1400</v>
      </c>
      <c r="FL34" s="114">
        <v>5250</v>
      </c>
      <c r="FM34" s="113">
        <v>6650</v>
      </c>
      <c r="FN34" s="110">
        <v>0</v>
      </c>
      <c r="FO34" s="114">
        <v>33950</v>
      </c>
      <c r="FP34" s="114">
        <v>17150</v>
      </c>
      <c r="FQ34" s="114">
        <v>43680</v>
      </c>
      <c r="FR34" s="114">
        <v>6650</v>
      </c>
      <c r="FS34" s="114">
        <v>49763</v>
      </c>
      <c r="FT34" s="113">
        <v>151193</v>
      </c>
      <c r="FU34" s="116">
        <v>157843</v>
      </c>
      <c r="FV34" s="115">
        <v>1400</v>
      </c>
      <c r="FW34" s="114">
        <v>5250</v>
      </c>
      <c r="FX34" s="112">
        <v>6650</v>
      </c>
      <c r="FY34" s="111">
        <v>0</v>
      </c>
      <c r="FZ34" s="114">
        <v>33950</v>
      </c>
      <c r="GA34" s="114">
        <v>17150</v>
      </c>
      <c r="GB34" s="114">
        <v>43680</v>
      </c>
      <c r="GC34" s="114">
        <v>6650</v>
      </c>
      <c r="GD34" s="114">
        <v>49763</v>
      </c>
      <c r="GE34" s="113">
        <v>151193</v>
      </c>
      <c r="GF34" s="319">
        <v>157843</v>
      </c>
      <c r="GG34" s="115">
        <v>0</v>
      </c>
      <c r="GH34" s="114">
        <v>0</v>
      </c>
      <c r="GI34" s="112">
        <v>0</v>
      </c>
      <c r="GJ34" s="111">
        <v>0</v>
      </c>
      <c r="GK34" s="114">
        <v>0</v>
      </c>
      <c r="GL34" s="114">
        <v>0</v>
      </c>
      <c r="GM34" s="114">
        <v>0</v>
      </c>
      <c r="GN34" s="114">
        <v>0</v>
      </c>
      <c r="GO34" s="114">
        <v>0</v>
      </c>
      <c r="GP34" s="113">
        <v>0</v>
      </c>
      <c r="GQ34" s="116">
        <v>0</v>
      </c>
      <c r="GR34" s="110">
        <v>0</v>
      </c>
      <c r="GS34" s="114">
        <v>0</v>
      </c>
      <c r="GT34" s="113">
        <v>0</v>
      </c>
      <c r="GU34" s="110">
        <v>0</v>
      </c>
      <c r="GV34" s="114">
        <v>0</v>
      </c>
      <c r="GW34" s="114">
        <v>0</v>
      </c>
      <c r="GX34" s="114">
        <v>0</v>
      </c>
      <c r="GY34" s="114">
        <v>0</v>
      </c>
      <c r="GZ34" s="114">
        <v>0</v>
      </c>
      <c r="HA34" s="112">
        <v>0</v>
      </c>
      <c r="HB34" s="116">
        <v>0</v>
      </c>
      <c r="HC34" s="110">
        <v>0</v>
      </c>
      <c r="HD34" s="114">
        <v>0</v>
      </c>
      <c r="HE34" s="112">
        <v>0</v>
      </c>
      <c r="HF34" s="111">
        <v>0</v>
      </c>
      <c r="HG34" s="114">
        <v>129160</v>
      </c>
      <c r="HH34" s="114">
        <v>145970</v>
      </c>
      <c r="HI34" s="114">
        <v>166854</v>
      </c>
      <c r="HJ34" s="114">
        <v>177498</v>
      </c>
      <c r="HK34" s="114">
        <v>0</v>
      </c>
      <c r="HL34" s="113">
        <v>619482</v>
      </c>
      <c r="HM34" s="109">
        <v>619482</v>
      </c>
      <c r="HN34" s="329"/>
      <c r="HO34" s="330"/>
      <c r="HP34" s="331"/>
      <c r="HQ34" s="332"/>
      <c r="HR34" s="330"/>
      <c r="HS34" s="330"/>
      <c r="HT34" s="330"/>
      <c r="HU34" s="330"/>
      <c r="HV34" s="330"/>
      <c r="HW34" s="333"/>
      <c r="HX34" s="334"/>
      <c r="HY34" s="150">
        <v>0</v>
      </c>
      <c r="HZ34" s="135">
        <v>0</v>
      </c>
      <c r="IA34" s="150">
        <v>0</v>
      </c>
      <c r="IB34" s="134">
        <v>0</v>
      </c>
      <c r="IC34" s="135">
        <v>114184</v>
      </c>
      <c r="ID34" s="136">
        <v>12362</v>
      </c>
      <c r="IE34" s="137">
        <v>300279</v>
      </c>
      <c r="IF34" s="135">
        <v>0</v>
      </c>
      <c r="IG34" s="137">
        <v>0</v>
      </c>
      <c r="IH34" s="138">
        <v>426825</v>
      </c>
      <c r="II34" s="150">
        <v>426825</v>
      </c>
      <c r="IJ34" s="232">
        <v>0</v>
      </c>
      <c r="IK34" s="236">
        <v>0</v>
      </c>
      <c r="IL34" s="237">
        <v>0</v>
      </c>
      <c r="IM34" s="140"/>
      <c r="IN34" s="119">
        <v>0</v>
      </c>
      <c r="IO34" s="119">
        <v>0</v>
      </c>
      <c r="IP34" s="119">
        <v>0</v>
      </c>
      <c r="IQ34" s="119">
        <v>0</v>
      </c>
      <c r="IR34" s="119">
        <v>0</v>
      </c>
      <c r="IS34" s="141">
        <v>0</v>
      </c>
      <c r="IT34" s="321">
        <v>0</v>
      </c>
      <c r="IU34" s="142">
        <v>0</v>
      </c>
      <c r="IV34" s="119">
        <v>0</v>
      </c>
      <c r="IW34" s="120">
        <v>0</v>
      </c>
      <c r="IX34" s="144"/>
      <c r="IY34" s="119">
        <v>0</v>
      </c>
      <c r="IZ34" s="119">
        <v>0</v>
      </c>
      <c r="JA34" s="119">
        <v>0</v>
      </c>
      <c r="JB34" s="119">
        <v>0</v>
      </c>
      <c r="JC34" s="119">
        <v>0</v>
      </c>
      <c r="JD34" s="120">
        <v>0</v>
      </c>
      <c r="JE34" s="121">
        <v>0</v>
      </c>
      <c r="JF34" s="142">
        <v>0</v>
      </c>
      <c r="JG34" s="119">
        <v>0</v>
      </c>
      <c r="JH34" s="141">
        <v>0</v>
      </c>
      <c r="JI34" s="118">
        <v>0</v>
      </c>
      <c r="JJ34" s="119">
        <v>0</v>
      </c>
      <c r="JK34" s="119">
        <v>12362</v>
      </c>
      <c r="JL34" s="119">
        <v>0</v>
      </c>
      <c r="JM34" s="119">
        <v>0</v>
      </c>
      <c r="JN34" s="119">
        <v>0</v>
      </c>
      <c r="JO34" s="120">
        <v>12362</v>
      </c>
      <c r="JP34" s="321">
        <v>12362</v>
      </c>
      <c r="JQ34" s="142">
        <v>0</v>
      </c>
      <c r="JR34" s="119">
        <v>0</v>
      </c>
      <c r="JS34" s="141">
        <v>0</v>
      </c>
      <c r="JT34" s="118">
        <v>0</v>
      </c>
      <c r="JU34" s="119">
        <v>0</v>
      </c>
      <c r="JV34" s="119">
        <v>0</v>
      </c>
      <c r="JW34" s="119">
        <v>110992</v>
      </c>
      <c r="JX34" s="119">
        <v>0</v>
      </c>
      <c r="JY34" s="119">
        <v>0</v>
      </c>
      <c r="JZ34" s="120">
        <v>110992</v>
      </c>
      <c r="KA34" s="321">
        <v>110992</v>
      </c>
      <c r="KB34" s="234">
        <v>0</v>
      </c>
      <c r="KC34" s="230">
        <v>0</v>
      </c>
      <c r="KD34" s="120">
        <v>0</v>
      </c>
      <c r="KE34" s="118">
        <v>0</v>
      </c>
      <c r="KF34" s="119">
        <v>114184</v>
      </c>
      <c r="KG34" s="119">
        <v>0</v>
      </c>
      <c r="KH34" s="119">
        <v>0</v>
      </c>
      <c r="KI34" s="119">
        <v>0</v>
      </c>
      <c r="KJ34" s="119">
        <v>0</v>
      </c>
      <c r="KK34" s="120">
        <v>114184</v>
      </c>
      <c r="KL34" s="143">
        <v>114184</v>
      </c>
      <c r="KM34" s="232">
        <v>0</v>
      </c>
      <c r="KN34" s="236">
        <v>0</v>
      </c>
      <c r="KO34" s="237">
        <v>0</v>
      </c>
      <c r="KP34" s="140"/>
      <c r="KQ34" s="119">
        <v>0</v>
      </c>
      <c r="KR34" s="119">
        <v>0</v>
      </c>
      <c r="KS34" s="119">
        <v>0</v>
      </c>
      <c r="KT34" s="119">
        <v>0</v>
      </c>
      <c r="KU34" s="119">
        <v>0</v>
      </c>
      <c r="KV34" s="120">
        <v>0</v>
      </c>
      <c r="KW34" s="321">
        <v>0</v>
      </c>
      <c r="KX34" s="142">
        <v>0</v>
      </c>
      <c r="KY34" s="119">
        <v>0</v>
      </c>
      <c r="KZ34" s="120">
        <v>0</v>
      </c>
      <c r="LA34" s="145"/>
      <c r="LB34" s="119">
        <v>0</v>
      </c>
      <c r="LC34" s="119">
        <v>0</v>
      </c>
      <c r="LD34" s="119">
        <v>0</v>
      </c>
      <c r="LE34" s="119">
        <v>0</v>
      </c>
      <c r="LF34" s="119">
        <v>0</v>
      </c>
      <c r="LG34" s="120">
        <v>0</v>
      </c>
      <c r="LH34" s="121">
        <v>0</v>
      </c>
      <c r="LI34" s="142">
        <v>0</v>
      </c>
      <c r="LJ34" s="119">
        <v>0</v>
      </c>
      <c r="LK34" s="120">
        <v>0</v>
      </c>
      <c r="LL34" s="145"/>
      <c r="LM34" s="119">
        <v>0</v>
      </c>
      <c r="LN34" s="119">
        <v>0</v>
      </c>
      <c r="LO34" s="119">
        <v>189287</v>
      </c>
      <c r="LP34" s="119">
        <v>0</v>
      </c>
      <c r="LQ34" s="119">
        <v>0</v>
      </c>
      <c r="LR34" s="120">
        <v>189287</v>
      </c>
      <c r="LS34" s="321">
        <v>189287</v>
      </c>
      <c r="LT34" s="142">
        <v>0</v>
      </c>
      <c r="LU34" s="119">
        <v>0</v>
      </c>
      <c r="LV34" s="120">
        <v>0</v>
      </c>
      <c r="LW34" s="145"/>
      <c r="LX34" s="119">
        <v>0</v>
      </c>
      <c r="LY34" s="119">
        <v>0</v>
      </c>
      <c r="LZ34" s="119">
        <v>0</v>
      </c>
      <c r="MA34" s="119">
        <v>0</v>
      </c>
      <c r="MB34" s="119">
        <v>0</v>
      </c>
      <c r="MC34" s="120">
        <v>0</v>
      </c>
      <c r="MD34" s="121">
        <v>0</v>
      </c>
      <c r="ME34" s="142">
        <v>0</v>
      </c>
      <c r="MF34" s="119">
        <v>0</v>
      </c>
      <c r="MG34" s="120">
        <v>0</v>
      </c>
      <c r="MH34" s="145"/>
      <c r="MI34" s="119">
        <v>0</v>
      </c>
      <c r="MJ34" s="119">
        <v>0</v>
      </c>
      <c r="MK34" s="119">
        <v>610455</v>
      </c>
      <c r="ML34" s="119">
        <v>261420</v>
      </c>
      <c r="MM34" s="119">
        <v>0</v>
      </c>
      <c r="MN34" s="120">
        <v>871875</v>
      </c>
      <c r="MO34" s="143">
        <v>871875</v>
      </c>
      <c r="MP34" s="142">
        <v>0</v>
      </c>
      <c r="MQ34" s="119">
        <v>0</v>
      </c>
      <c r="MR34" s="120">
        <v>0</v>
      </c>
      <c r="MS34" s="145"/>
      <c r="MT34" s="119">
        <v>0</v>
      </c>
      <c r="MU34" s="119">
        <v>0</v>
      </c>
      <c r="MV34" s="119">
        <v>203728</v>
      </c>
      <c r="MW34" s="119">
        <v>0</v>
      </c>
      <c r="MX34" s="119">
        <v>0</v>
      </c>
      <c r="MY34" s="120">
        <v>203728</v>
      </c>
      <c r="MZ34" s="143">
        <v>203728</v>
      </c>
      <c r="NA34" s="142">
        <v>0</v>
      </c>
      <c r="NB34" s="119">
        <v>0</v>
      </c>
      <c r="NC34" s="120">
        <v>0</v>
      </c>
      <c r="ND34" s="145">
        <v>0</v>
      </c>
      <c r="NE34" s="119">
        <v>0</v>
      </c>
      <c r="NF34" s="119">
        <v>0</v>
      </c>
      <c r="NG34" s="119">
        <v>406727</v>
      </c>
      <c r="NH34" s="119">
        <v>261420</v>
      </c>
      <c r="NI34" s="119">
        <v>0</v>
      </c>
      <c r="NJ34" s="120">
        <v>668147</v>
      </c>
      <c r="NK34" s="321">
        <v>668147</v>
      </c>
      <c r="NL34" s="142">
        <v>0</v>
      </c>
      <c r="NM34" s="119">
        <v>0</v>
      </c>
      <c r="NN34" s="120">
        <v>0</v>
      </c>
      <c r="NO34" s="145"/>
      <c r="NP34" s="119">
        <v>0</v>
      </c>
      <c r="NQ34" s="119">
        <v>0</v>
      </c>
      <c r="NR34" s="119">
        <v>0</v>
      </c>
      <c r="NS34" s="119">
        <v>0</v>
      </c>
      <c r="NT34" s="119">
        <v>0</v>
      </c>
      <c r="NU34" s="120">
        <v>0</v>
      </c>
      <c r="NV34" s="121">
        <v>0</v>
      </c>
      <c r="NW34" s="142">
        <v>0</v>
      </c>
      <c r="NX34" s="119">
        <v>0</v>
      </c>
      <c r="NY34" s="120">
        <v>0</v>
      </c>
      <c r="NZ34" s="145"/>
      <c r="OA34" s="119">
        <v>0</v>
      </c>
      <c r="OB34" s="119">
        <v>0</v>
      </c>
      <c r="OC34" s="119">
        <v>0</v>
      </c>
      <c r="OD34" s="119">
        <v>0</v>
      </c>
      <c r="OE34" s="119">
        <v>0</v>
      </c>
      <c r="OF34" s="120">
        <v>0</v>
      </c>
      <c r="OG34" s="121">
        <v>0</v>
      </c>
      <c r="OH34" s="142">
        <v>1400</v>
      </c>
      <c r="OI34" s="119">
        <v>5250</v>
      </c>
      <c r="OJ34" s="141">
        <v>6650</v>
      </c>
      <c r="OK34" s="118">
        <v>0</v>
      </c>
      <c r="OL34" s="119">
        <v>327883</v>
      </c>
      <c r="OM34" s="119">
        <v>370474</v>
      </c>
      <c r="ON34" s="119">
        <v>1399525</v>
      </c>
      <c r="OO34" s="119">
        <v>468738</v>
      </c>
      <c r="OP34" s="119">
        <v>283223</v>
      </c>
      <c r="OQ34" s="120">
        <v>2849843</v>
      </c>
      <c r="OR34" s="143">
        <v>2856493</v>
      </c>
    </row>
    <row r="35" spans="1:408" ht="20.25" customHeight="1" x14ac:dyDescent="0.2">
      <c r="A35" s="126" t="s">
        <v>30</v>
      </c>
      <c r="B35" s="110">
        <v>3850</v>
      </c>
      <c r="C35" s="114">
        <v>61992</v>
      </c>
      <c r="D35" s="174">
        <v>65842</v>
      </c>
      <c r="E35" s="175">
        <v>0</v>
      </c>
      <c r="F35" s="176">
        <v>412090</v>
      </c>
      <c r="G35" s="176">
        <v>287614</v>
      </c>
      <c r="H35" s="176">
        <v>363847</v>
      </c>
      <c r="I35" s="176">
        <v>335297</v>
      </c>
      <c r="J35" s="176">
        <v>0</v>
      </c>
      <c r="K35" s="177">
        <v>1398848</v>
      </c>
      <c r="L35" s="116">
        <v>1464690</v>
      </c>
      <c r="M35" s="110">
        <v>0</v>
      </c>
      <c r="N35" s="114">
        <v>59892</v>
      </c>
      <c r="O35" s="113">
        <v>59892</v>
      </c>
      <c r="P35" s="110">
        <v>0</v>
      </c>
      <c r="Q35" s="114">
        <v>21098</v>
      </c>
      <c r="R35" s="114">
        <v>30821</v>
      </c>
      <c r="S35" s="114">
        <v>187223</v>
      </c>
      <c r="T35" s="114">
        <v>265060</v>
      </c>
      <c r="U35" s="114">
        <v>0</v>
      </c>
      <c r="V35" s="113">
        <v>504202</v>
      </c>
      <c r="W35" s="116">
        <v>564094</v>
      </c>
      <c r="X35" s="110">
        <v>0</v>
      </c>
      <c r="Y35" s="114">
        <v>0</v>
      </c>
      <c r="Z35" s="113">
        <v>0</v>
      </c>
      <c r="AA35" s="110">
        <v>0</v>
      </c>
      <c r="AB35" s="114">
        <v>0</v>
      </c>
      <c r="AC35" s="114">
        <v>0</v>
      </c>
      <c r="AD35" s="114">
        <v>178823</v>
      </c>
      <c r="AE35" s="114">
        <v>163721</v>
      </c>
      <c r="AF35" s="114">
        <v>0</v>
      </c>
      <c r="AG35" s="113">
        <v>342544</v>
      </c>
      <c r="AH35" s="116">
        <v>342544</v>
      </c>
      <c r="AI35" s="110">
        <v>0</v>
      </c>
      <c r="AJ35" s="114">
        <v>0</v>
      </c>
      <c r="AK35" s="113">
        <v>0</v>
      </c>
      <c r="AL35" s="110">
        <v>0</v>
      </c>
      <c r="AM35" s="114">
        <v>0</v>
      </c>
      <c r="AN35" s="114">
        <v>0</v>
      </c>
      <c r="AO35" s="114">
        <v>0</v>
      </c>
      <c r="AP35" s="114">
        <v>37856</v>
      </c>
      <c r="AQ35" s="114">
        <v>0</v>
      </c>
      <c r="AR35" s="113">
        <v>37856</v>
      </c>
      <c r="AS35" s="116">
        <v>37856</v>
      </c>
      <c r="AT35" s="110">
        <v>0</v>
      </c>
      <c r="AU35" s="114">
        <v>59892</v>
      </c>
      <c r="AV35" s="113">
        <v>59892</v>
      </c>
      <c r="AW35" s="110">
        <v>0</v>
      </c>
      <c r="AX35" s="114">
        <v>0</v>
      </c>
      <c r="AY35" s="114">
        <v>28735</v>
      </c>
      <c r="AZ35" s="114">
        <v>0</v>
      </c>
      <c r="BA35" s="114">
        <v>28924</v>
      </c>
      <c r="BB35" s="114">
        <v>0</v>
      </c>
      <c r="BC35" s="113">
        <v>57659</v>
      </c>
      <c r="BD35" s="116">
        <v>117551</v>
      </c>
      <c r="BE35" s="110">
        <v>0</v>
      </c>
      <c r="BF35" s="114">
        <v>0</v>
      </c>
      <c r="BG35" s="112">
        <v>0</v>
      </c>
      <c r="BH35" s="111">
        <v>0</v>
      </c>
      <c r="BI35" s="114">
        <v>0</v>
      </c>
      <c r="BJ35" s="114">
        <v>0</v>
      </c>
      <c r="BK35" s="114">
        <v>0</v>
      </c>
      <c r="BL35" s="114">
        <v>26768</v>
      </c>
      <c r="BM35" s="114">
        <v>0</v>
      </c>
      <c r="BN35" s="113">
        <v>26768</v>
      </c>
      <c r="BO35" s="116">
        <v>26768</v>
      </c>
      <c r="BP35" s="110">
        <v>0</v>
      </c>
      <c r="BQ35" s="114">
        <v>0</v>
      </c>
      <c r="BR35" s="113">
        <v>0</v>
      </c>
      <c r="BS35" s="110">
        <v>0</v>
      </c>
      <c r="BT35" s="114">
        <v>21098</v>
      </c>
      <c r="BU35" s="114">
        <v>2086</v>
      </c>
      <c r="BV35" s="114">
        <v>8400</v>
      </c>
      <c r="BW35" s="114">
        <v>7791</v>
      </c>
      <c r="BX35" s="114">
        <v>0</v>
      </c>
      <c r="BY35" s="113">
        <v>39375</v>
      </c>
      <c r="BZ35" s="116">
        <v>39375</v>
      </c>
      <c r="CA35" s="110">
        <v>0</v>
      </c>
      <c r="CB35" s="114">
        <v>0</v>
      </c>
      <c r="CC35" s="113">
        <v>0</v>
      </c>
      <c r="CD35" s="110">
        <v>0</v>
      </c>
      <c r="CE35" s="114">
        <v>0</v>
      </c>
      <c r="CF35" s="114">
        <v>210481</v>
      </c>
      <c r="CG35" s="114">
        <v>54740</v>
      </c>
      <c r="CH35" s="114">
        <v>33011</v>
      </c>
      <c r="CI35" s="114">
        <v>0</v>
      </c>
      <c r="CJ35" s="113">
        <v>298232</v>
      </c>
      <c r="CK35" s="116">
        <v>298232</v>
      </c>
      <c r="CL35" s="110">
        <v>0</v>
      </c>
      <c r="CM35" s="114">
        <v>0</v>
      </c>
      <c r="CN35" s="113">
        <v>0</v>
      </c>
      <c r="CO35" s="111">
        <v>0</v>
      </c>
      <c r="CP35" s="114">
        <v>0</v>
      </c>
      <c r="CQ35" s="114">
        <v>86957</v>
      </c>
      <c r="CR35" s="114">
        <v>54740</v>
      </c>
      <c r="CS35" s="114">
        <v>33011</v>
      </c>
      <c r="CT35" s="114">
        <v>0</v>
      </c>
      <c r="CU35" s="113">
        <v>174708</v>
      </c>
      <c r="CV35" s="116">
        <v>174708</v>
      </c>
      <c r="CW35" s="110">
        <v>0</v>
      </c>
      <c r="CX35" s="114">
        <v>0</v>
      </c>
      <c r="CY35" s="113">
        <v>0</v>
      </c>
      <c r="CZ35" s="110">
        <v>0</v>
      </c>
      <c r="DA35" s="114">
        <v>0</v>
      </c>
      <c r="DB35" s="114">
        <v>123524</v>
      </c>
      <c r="DC35" s="114">
        <v>0</v>
      </c>
      <c r="DD35" s="114">
        <v>0</v>
      </c>
      <c r="DE35" s="114">
        <v>0</v>
      </c>
      <c r="DF35" s="113">
        <v>123524</v>
      </c>
      <c r="DG35" s="116">
        <v>123524</v>
      </c>
      <c r="DH35" s="110">
        <v>0</v>
      </c>
      <c r="DI35" s="114">
        <v>0</v>
      </c>
      <c r="DJ35" s="112">
        <v>0</v>
      </c>
      <c r="DK35" s="111">
        <v>0</v>
      </c>
      <c r="DL35" s="114">
        <v>0</v>
      </c>
      <c r="DM35" s="114">
        <v>0</v>
      </c>
      <c r="DN35" s="114">
        <v>94094</v>
      </c>
      <c r="DO35" s="114">
        <v>0</v>
      </c>
      <c r="DP35" s="114">
        <v>0</v>
      </c>
      <c r="DQ35" s="113">
        <v>94094</v>
      </c>
      <c r="DR35" s="116">
        <v>94094</v>
      </c>
      <c r="DS35" s="110">
        <v>0</v>
      </c>
      <c r="DT35" s="114">
        <v>0</v>
      </c>
      <c r="DU35" s="113">
        <v>0</v>
      </c>
      <c r="DV35" s="110">
        <v>0</v>
      </c>
      <c r="DW35" s="114">
        <v>0</v>
      </c>
      <c r="DX35" s="114">
        <v>0</v>
      </c>
      <c r="DY35" s="114">
        <v>94094</v>
      </c>
      <c r="DZ35" s="114">
        <v>0</v>
      </c>
      <c r="EA35" s="114">
        <v>0</v>
      </c>
      <c r="EB35" s="113">
        <v>94094</v>
      </c>
      <c r="EC35" s="116">
        <v>94094</v>
      </c>
      <c r="ED35" s="110">
        <v>0</v>
      </c>
      <c r="EE35" s="112">
        <v>0</v>
      </c>
      <c r="EF35" s="113">
        <v>0</v>
      </c>
      <c r="EG35" s="110">
        <v>0</v>
      </c>
      <c r="EH35" s="114">
        <v>0</v>
      </c>
      <c r="EI35" s="114">
        <v>0</v>
      </c>
      <c r="EJ35" s="114">
        <v>0</v>
      </c>
      <c r="EK35" s="114">
        <v>0</v>
      </c>
      <c r="EL35" s="114">
        <v>0</v>
      </c>
      <c r="EM35" s="112">
        <v>0</v>
      </c>
      <c r="EN35" s="116">
        <v>0</v>
      </c>
      <c r="EO35" s="110">
        <v>0</v>
      </c>
      <c r="EP35" s="114">
        <v>0</v>
      </c>
      <c r="EQ35" s="112">
        <v>0</v>
      </c>
      <c r="ER35" s="111">
        <v>0</v>
      </c>
      <c r="ES35" s="114">
        <v>0</v>
      </c>
      <c r="ET35" s="114">
        <v>0</v>
      </c>
      <c r="EU35" s="114">
        <v>0</v>
      </c>
      <c r="EV35" s="114">
        <v>0</v>
      </c>
      <c r="EW35" s="114">
        <v>0</v>
      </c>
      <c r="EX35" s="113">
        <v>0</v>
      </c>
      <c r="EY35" s="116">
        <v>0</v>
      </c>
      <c r="EZ35" s="110">
        <v>0</v>
      </c>
      <c r="FA35" s="114">
        <v>0</v>
      </c>
      <c r="FB35" s="112">
        <v>0</v>
      </c>
      <c r="FC35" s="348"/>
      <c r="FD35" s="114">
        <v>0</v>
      </c>
      <c r="FE35" s="114">
        <v>0</v>
      </c>
      <c r="FF35" s="114">
        <v>0</v>
      </c>
      <c r="FG35" s="114">
        <v>0</v>
      </c>
      <c r="FH35" s="114">
        <v>0</v>
      </c>
      <c r="FI35" s="113">
        <v>0</v>
      </c>
      <c r="FJ35" s="116">
        <v>0</v>
      </c>
      <c r="FK35" s="110">
        <v>3850</v>
      </c>
      <c r="FL35" s="114">
        <v>2100</v>
      </c>
      <c r="FM35" s="113">
        <v>5950</v>
      </c>
      <c r="FN35" s="110">
        <v>0</v>
      </c>
      <c r="FO35" s="114">
        <v>0</v>
      </c>
      <c r="FP35" s="114">
        <v>46312</v>
      </c>
      <c r="FQ35" s="114">
        <v>27790</v>
      </c>
      <c r="FR35" s="114">
        <v>37226</v>
      </c>
      <c r="FS35" s="114">
        <v>0</v>
      </c>
      <c r="FT35" s="113">
        <v>111328</v>
      </c>
      <c r="FU35" s="116">
        <v>117278</v>
      </c>
      <c r="FV35" s="115">
        <v>3850</v>
      </c>
      <c r="FW35" s="114">
        <v>2100</v>
      </c>
      <c r="FX35" s="112">
        <v>5950</v>
      </c>
      <c r="FY35" s="111">
        <v>0</v>
      </c>
      <c r="FZ35" s="114">
        <v>0</v>
      </c>
      <c r="GA35" s="114">
        <v>46312</v>
      </c>
      <c r="GB35" s="114">
        <v>27790</v>
      </c>
      <c r="GC35" s="114">
        <v>37226</v>
      </c>
      <c r="GD35" s="114">
        <v>0</v>
      </c>
      <c r="GE35" s="113">
        <v>111328</v>
      </c>
      <c r="GF35" s="319">
        <v>117278</v>
      </c>
      <c r="GG35" s="115">
        <v>0</v>
      </c>
      <c r="GH35" s="114">
        <v>0</v>
      </c>
      <c r="GI35" s="112">
        <v>0</v>
      </c>
      <c r="GJ35" s="111">
        <v>0</v>
      </c>
      <c r="GK35" s="114">
        <v>0</v>
      </c>
      <c r="GL35" s="114">
        <v>0</v>
      </c>
      <c r="GM35" s="114">
        <v>0</v>
      </c>
      <c r="GN35" s="114">
        <v>0</v>
      </c>
      <c r="GO35" s="114">
        <v>0</v>
      </c>
      <c r="GP35" s="113">
        <v>0</v>
      </c>
      <c r="GQ35" s="116">
        <v>0</v>
      </c>
      <c r="GR35" s="110">
        <v>0</v>
      </c>
      <c r="GS35" s="114">
        <v>0</v>
      </c>
      <c r="GT35" s="113">
        <v>0</v>
      </c>
      <c r="GU35" s="110">
        <v>0</v>
      </c>
      <c r="GV35" s="114">
        <v>0</v>
      </c>
      <c r="GW35" s="114">
        <v>0</v>
      </c>
      <c r="GX35" s="114">
        <v>0</v>
      </c>
      <c r="GY35" s="114">
        <v>0</v>
      </c>
      <c r="GZ35" s="114">
        <v>0</v>
      </c>
      <c r="HA35" s="112">
        <v>0</v>
      </c>
      <c r="HB35" s="116">
        <v>0</v>
      </c>
      <c r="HC35" s="110">
        <v>0</v>
      </c>
      <c r="HD35" s="114">
        <v>0</v>
      </c>
      <c r="HE35" s="112">
        <v>0</v>
      </c>
      <c r="HF35" s="111">
        <v>0</v>
      </c>
      <c r="HG35" s="114">
        <v>390992</v>
      </c>
      <c r="HH35" s="114">
        <v>0</v>
      </c>
      <c r="HI35" s="114">
        <v>0</v>
      </c>
      <c r="HJ35" s="114">
        <v>0</v>
      </c>
      <c r="HK35" s="114">
        <v>0</v>
      </c>
      <c r="HL35" s="113">
        <v>390992</v>
      </c>
      <c r="HM35" s="109">
        <v>390992</v>
      </c>
      <c r="HN35" s="329"/>
      <c r="HO35" s="330"/>
      <c r="HP35" s="331"/>
      <c r="HQ35" s="332"/>
      <c r="HR35" s="330"/>
      <c r="HS35" s="330"/>
      <c r="HT35" s="330"/>
      <c r="HU35" s="330"/>
      <c r="HV35" s="330"/>
      <c r="HW35" s="333"/>
      <c r="HX35" s="334"/>
      <c r="HY35" s="131">
        <v>0</v>
      </c>
      <c r="HZ35" s="132">
        <v>0</v>
      </c>
      <c r="IA35" s="133">
        <v>0</v>
      </c>
      <c r="IB35" s="146">
        <v>0</v>
      </c>
      <c r="IC35" s="132">
        <v>247632</v>
      </c>
      <c r="ID35" s="147">
        <v>36925</v>
      </c>
      <c r="IE35" s="133">
        <v>0</v>
      </c>
      <c r="IF35" s="132">
        <v>0</v>
      </c>
      <c r="IG35" s="133">
        <v>0</v>
      </c>
      <c r="IH35" s="148">
        <v>284557</v>
      </c>
      <c r="II35" s="139">
        <v>284557</v>
      </c>
      <c r="IJ35" s="232">
        <v>0</v>
      </c>
      <c r="IK35" s="236">
        <v>0</v>
      </c>
      <c r="IL35" s="237">
        <v>0</v>
      </c>
      <c r="IM35" s="140"/>
      <c r="IN35" s="119">
        <v>0</v>
      </c>
      <c r="IO35" s="119">
        <v>0</v>
      </c>
      <c r="IP35" s="119">
        <v>0</v>
      </c>
      <c r="IQ35" s="119">
        <v>0</v>
      </c>
      <c r="IR35" s="119">
        <v>0</v>
      </c>
      <c r="IS35" s="141">
        <v>0</v>
      </c>
      <c r="IT35" s="321">
        <v>0</v>
      </c>
      <c r="IU35" s="142">
        <v>0</v>
      </c>
      <c r="IV35" s="119">
        <v>0</v>
      </c>
      <c r="IW35" s="120">
        <v>0</v>
      </c>
      <c r="IX35" s="144"/>
      <c r="IY35" s="119">
        <v>0</v>
      </c>
      <c r="IZ35" s="119">
        <v>0</v>
      </c>
      <c r="JA35" s="119">
        <v>0</v>
      </c>
      <c r="JB35" s="119">
        <v>0</v>
      </c>
      <c r="JC35" s="119">
        <v>0</v>
      </c>
      <c r="JD35" s="120">
        <v>0</v>
      </c>
      <c r="JE35" s="121">
        <v>0</v>
      </c>
      <c r="JF35" s="142">
        <v>0</v>
      </c>
      <c r="JG35" s="119">
        <v>0</v>
      </c>
      <c r="JH35" s="141">
        <v>0</v>
      </c>
      <c r="JI35" s="118">
        <v>0</v>
      </c>
      <c r="JJ35" s="119">
        <v>87192</v>
      </c>
      <c r="JK35" s="119">
        <v>0</v>
      </c>
      <c r="JL35" s="119">
        <v>0</v>
      </c>
      <c r="JM35" s="119">
        <v>0</v>
      </c>
      <c r="JN35" s="119">
        <v>0</v>
      </c>
      <c r="JO35" s="120">
        <v>87192</v>
      </c>
      <c r="JP35" s="321">
        <v>87192</v>
      </c>
      <c r="JQ35" s="142">
        <v>0</v>
      </c>
      <c r="JR35" s="119">
        <v>0</v>
      </c>
      <c r="JS35" s="141">
        <v>0</v>
      </c>
      <c r="JT35" s="118">
        <v>0</v>
      </c>
      <c r="JU35" s="119">
        <v>0</v>
      </c>
      <c r="JV35" s="119">
        <v>36925</v>
      </c>
      <c r="JW35" s="119">
        <v>0</v>
      </c>
      <c r="JX35" s="119">
        <v>0</v>
      </c>
      <c r="JY35" s="119">
        <v>0</v>
      </c>
      <c r="JZ35" s="120">
        <v>36925</v>
      </c>
      <c r="KA35" s="321">
        <v>36925</v>
      </c>
      <c r="KB35" s="234">
        <v>0</v>
      </c>
      <c r="KC35" s="230">
        <v>0</v>
      </c>
      <c r="KD35" s="120">
        <v>0</v>
      </c>
      <c r="KE35" s="118">
        <v>0</v>
      </c>
      <c r="KF35" s="119">
        <v>0</v>
      </c>
      <c r="KG35" s="119">
        <v>0</v>
      </c>
      <c r="KH35" s="119">
        <v>0</v>
      </c>
      <c r="KI35" s="119">
        <v>0</v>
      </c>
      <c r="KJ35" s="119">
        <v>0</v>
      </c>
      <c r="KK35" s="120">
        <v>0</v>
      </c>
      <c r="KL35" s="143">
        <v>0</v>
      </c>
      <c r="KM35" s="232">
        <v>0</v>
      </c>
      <c r="KN35" s="236">
        <v>0</v>
      </c>
      <c r="KO35" s="237">
        <v>0</v>
      </c>
      <c r="KP35" s="140"/>
      <c r="KQ35" s="119">
        <v>160440</v>
      </c>
      <c r="KR35" s="119">
        <v>0</v>
      </c>
      <c r="KS35" s="119">
        <v>0</v>
      </c>
      <c r="KT35" s="119">
        <v>0</v>
      </c>
      <c r="KU35" s="119">
        <v>0</v>
      </c>
      <c r="KV35" s="120">
        <v>160440</v>
      </c>
      <c r="KW35" s="321">
        <v>160440</v>
      </c>
      <c r="KX35" s="142">
        <v>0</v>
      </c>
      <c r="KY35" s="119">
        <v>0</v>
      </c>
      <c r="KZ35" s="120">
        <v>0</v>
      </c>
      <c r="LA35" s="145"/>
      <c r="LB35" s="119">
        <v>0</v>
      </c>
      <c r="LC35" s="119">
        <v>0</v>
      </c>
      <c r="LD35" s="119">
        <v>0</v>
      </c>
      <c r="LE35" s="119">
        <v>0</v>
      </c>
      <c r="LF35" s="119">
        <v>0</v>
      </c>
      <c r="LG35" s="120">
        <v>0</v>
      </c>
      <c r="LH35" s="121">
        <v>0</v>
      </c>
      <c r="LI35" s="142">
        <v>0</v>
      </c>
      <c r="LJ35" s="119">
        <v>0</v>
      </c>
      <c r="LK35" s="120">
        <v>0</v>
      </c>
      <c r="LL35" s="145"/>
      <c r="LM35" s="119">
        <v>0</v>
      </c>
      <c r="LN35" s="119">
        <v>0</v>
      </c>
      <c r="LO35" s="119">
        <v>0</v>
      </c>
      <c r="LP35" s="119">
        <v>0</v>
      </c>
      <c r="LQ35" s="119">
        <v>0</v>
      </c>
      <c r="LR35" s="120">
        <v>0</v>
      </c>
      <c r="LS35" s="321">
        <v>0</v>
      </c>
      <c r="LT35" s="142">
        <v>0</v>
      </c>
      <c r="LU35" s="119">
        <v>0</v>
      </c>
      <c r="LV35" s="120">
        <v>0</v>
      </c>
      <c r="LW35" s="145"/>
      <c r="LX35" s="119">
        <v>0</v>
      </c>
      <c r="LY35" s="119">
        <v>0</v>
      </c>
      <c r="LZ35" s="119">
        <v>0</v>
      </c>
      <c r="MA35" s="119">
        <v>0</v>
      </c>
      <c r="MB35" s="119">
        <v>0</v>
      </c>
      <c r="MC35" s="120">
        <v>0</v>
      </c>
      <c r="MD35" s="121">
        <v>0</v>
      </c>
      <c r="ME35" s="142">
        <v>0</v>
      </c>
      <c r="MF35" s="119">
        <v>0</v>
      </c>
      <c r="MG35" s="120">
        <v>0</v>
      </c>
      <c r="MH35" s="145"/>
      <c r="MI35" s="119">
        <v>0</v>
      </c>
      <c r="MJ35" s="119">
        <v>0</v>
      </c>
      <c r="MK35" s="119">
        <v>431772</v>
      </c>
      <c r="ML35" s="119">
        <v>278221</v>
      </c>
      <c r="MM35" s="119">
        <v>247275</v>
      </c>
      <c r="MN35" s="120">
        <v>957268</v>
      </c>
      <c r="MO35" s="143">
        <v>957268</v>
      </c>
      <c r="MP35" s="142">
        <v>0</v>
      </c>
      <c r="MQ35" s="119">
        <v>0</v>
      </c>
      <c r="MR35" s="120">
        <v>0</v>
      </c>
      <c r="MS35" s="145"/>
      <c r="MT35" s="119">
        <v>0</v>
      </c>
      <c r="MU35" s="119">
        <v>0</v>
      </c>
      <c r="MV35" s="119">
        <v>203728</v>
      </c>
      <c r="MW35" s="119">
        <v>0</v>
      </c>
      <c r="MX35" s="119">
        <v>0</v>
      </c>
      <c r="MY35" s="120">
        <v>203728</v>
      </c>
      <c r="MZ35" s="143">
        <v>203728</v>
      </c>
      <c r="NA35" s="142">
        <v>0</v>
      </c>
      <c r="NB35" s="119">
        <v>0</v>
      </c>
      <c r="NC35" s="120">
        <v>0</v>
      </c>
      <c r="ND35" s="145">
        <v>0</v>
      </c>
      <c r="NE35" s="119">
        <v>0</v>
      </c>
      <c r="NF35" s="119">
        <v>0</v>
      </c>
      <c r="NG35" s="119">
        <v>228044</v>
      </c>
      <c r="NH35" s="119">
        <v>278221</v>
      </c>
      <c r="NI35" s="119">
        <v>247275</v>
      </c>
      <c r="NJ35" s="120">
        <v>753540</v>
      </c>
      <c r="NK35" s="321">
        <v>753540</v>
      </c>
      <c r="NL35" s="142">
        <v>0</v>
      </c>
      <c r="NM35" s="119">
        <v>0</v>
      </c>
      <c r="NN35" s="120">
        <v>0</v>
      </c>
      <c r="NO35" s="145"/>
      <c r="NP35" s="119">
        <v>0</v>
      </c>
      <c r="NQ35" s="119">
        <v>0</v>
      </c>
      <c r="NR35" s="119">
        <v>0</v>
      </c>
      <c r="NS35" s="119">
        <v>0</v>
      </c>
      <c r="NT35" s="119">
        <v>0</v>
      </c>
      <c r="NU35" s="120">
        <v>0</v>
      </c>
      <c r="NV35" s="121">
        <v>0</v>
      </c>
      <c r="NW35" s="142">
        <v>0</v>
      </c>
      <c r="NX35" s="119">
        <v>0</v>
      </c>
      <c r="NY35" s="120">
        <v>0</v>
      </c>
      <c r="NZ35" s="145"/>
      <c r="OA35" s="119">
        <v>0</v>
      </c>
      <c r="OB35" s="119">
        <v>0</v>
      </c>
      <c r="OC35" s="119">
        <v>0</v>
      </c>
      <c r="OD35" s="119">
        <v>0</v>
      </c>
      <c r="OE35" s="119">
        <v>0</v>
      </c>
      <c r="OF35" s="120">
        <v>0</v>
      </c>
      <c r="OG35" s="121">
        <v>0</v>
      </c>
      <c r="OH35" s="142">
        <v>3850</v>
      </c>
      <c r="OI35" s="119">
        <v>61992</v>
      </c>
      <c r="OJ35" s="141">
        <v>65842</v>
      </c>
      <c r="OK35" s="118">
        <v>0</v>
      </c>
      <c r="OL35" s="119">
        <v>659722</v>
      </c>
      <c r="OM35" s="119">
        <v>324539</v>
      </c>
      <c r="ON35" s="119">
        <v>795619</v>
      </c>
      <c r="OO35" s="119">
        <v>613518</v>
      </c>
      <c r="OP35" s="119">
        <v>247275</v>
      </c>
      <c r="OQ35" s="120">
        <v>2640673</v>
      </c>
      <c r="OR35" s="143">
        <v>2706515</v>
      </c>
    </row>
    <row r="36" spans="1:408" ht="20.25" customHeight="1" x14ac:dyDescent="0.2">
      <c r="A36" s="126" t="s">
        <v>31</v>
      </c>
      <c r="B36" s="110">
        <v>6384</v>
      </c>
      <c r="C36" s="114">
        <v>0</v>
      </c>
      <c r="D36" s="113">
        <v>6384</v>
      </c>
      <c r="E36" s="109">
        <v>0</v>
      </c>
      <c r="F36" s="114">
        <v>274713</v>
      </c>
      <c r="G36" s="114">
        <v>109935</v>
      </c>
      <c r="H36" s="114">
        <v>343561</v>
      </c>
      <c r="I36" s="114">
        <v>214370</v>
      </c>
      <c r="J36" s="114">
        <v>308993</v>
      </c>
      <c r="K36" s="173">
        <v>1251572</v>
      </c>
      <c r="L36" s="116">
        <v>1257956</v>
      </c>
      <c r="M36" s="110">
        <v>6384</v>
      </c>
      <c r="N36" s="114">
        <v>0</v>
      </c>
      <c r="O36" s="113">
        <v>6384</v>
      </c>
      <c r="P36" s="110">
        <v>0</v>
      </c>
      <c r="Q36" s="114">
        <v>62027</v>
      </c>
      <c r="R36" s="114">
        <v>45297</v>
      </c>
      <c r="S36" s="114">
        <v>49427</v>
      </c>
      <c r="T36" s="114">
        <v>19089</v>
      </c>
      <c r="U36" s="114">
        <v>91482</v>
      </c>
      <c r="V36" s="113">
        <v>267322</v>
      </c>
      <c r="W36" s="116">
        <v>273706</v>
      </c>
      <c r="X36" s="110">
        <v>0</v>
      </c>
      <c r="Y36" s="114">
        <v>0</v>
      </c>
      <c r="Z36" s="113">
        <v>0</v>
      </c>
      <c r="AA36" s="110">
        <v>0</v>
      </c>
      <c r="AB36" s="114">
        <v>24990</v>
      </c>
      <c r="AC36" s="114">
        <v>0</v>
      </c>
      <c r="AD36" s="114">
        <v>0</v>
      </c>
      <c r="AE36" s="114">
        <v>0</v>
      </c>
      <c r="AF36" s="114">
        <v>0</v>
      </c>
      <c r="AG36" s="113">
        <v>24990</v>
      </c>
      <c r="AH36" s="116">
        <v>24990</v>
      </c>
      <c r="AI36" s="110">
        <v>0</v>
      </c>
      <c r="AJ36" s="114">
        <v>0</v>
      </c>
      <c r="AK36" s="113">
        <v>0</v>
      </c>
      <c r="AL36" s="110">
        <v>0</v>
      </c>
      <c r="AM36" s="114">
        <v>0</v>
      </c>
      <c r="AN36" s="114">
        <v>0</v>
      </c>
      <c r="AO36" s="114">
        <v>0</v>
      </c>
      <c r="AP36" s="114">
        <v>0</v>
      </c>
      <c r="AQ36" s="114">
        <v>49307</v>
      </c>
      <c r="AR36" s="113">
        <v>49307</v>
      </c>
      <c r="AS36" s="116">
        <v>49307</v>
      </c>
      <c r="AT36" s="110">
        <v>6384</v>
      </c>
      <c r="AU36" s="114">
        <v>0</v>
      </c>
      <c r="AV36" s="113">
        <v>6384</v>
      </c>
      <c r="AW36" s="110">
        <v>0</v>
      </c>
      <c r="AX36" s="114">
        <v>31024</v>
      </c>
      <c r="AY36" s="114">
        <v>36897</v>
      </c>
      <c r="AZ36" s="114">
        <v>0</v>
      </c>
      <c r="BA36" s="114">
        <v>19089</v>
      </c>
      <c r="BB36" s="114">
        <v>32487</v>
      </c>
      <c r="BC36" s="113">
        <v>119497</v>
      </c>
      <c r="BD36" s="116">
        <v>125881</v>
      </c>
      <c r="BE36" s="110">
        <v>0</v>
      </c>
      <c r="BF36" s="114">
        <v>0</v>
      </c>
      <c r="BG36" s="112">
        <v>0</v>
      </c>
      <c r="BH36" s="111">
        <v>0</v>
      </c>
      <c r="BI36" s="114">
        <v>0</v>
      </c>
      <c r="BJ36" s="114">
        <v>0</v>
      </c>
      <c r="BK36" s="114">
        <v>49427</v>
      </c>
      <c r="BL36" s="114">
        <v>0</v>
      </c>
      <c r="BM36" s="114">
        <v>0</v>
      </c>
      <c r="BN36" s="113">
        <v>49427</v>
      </c>
      <c r="BO36" s="116">
        <v>49427</v>
      </c>
      <c r="BP36" s="110">
        <v>0</v>
      </c>
      <c r="BQ36" s="114">
        <v>0</v>
      </c>
      <c r="BR36" s="113">
        <v>0</v>
      </c>
      <c r="BS36" s="110">
        <v>0</v>
      </c>
      <c r="BT36" s="114">
        <v>6013</v>
      </c>
      <c r="BU36" s="114">
        <v>8400</v>
      </c>
      <c r="BV36" s="114">
        <v>0</v>
      </c>
      <c r="BW36" s="114">
        <v>0</v>
      </c>
      <c r="BX36" s="114">
        <v>9688</v>
      </c>
      <c r="BY36" s="113">
        <v>24101</v>
      </c>
      <c r="BZ36" s="116">
        <v>24101</v>
      </c>
      <c r="CA36" s="110">
        <v>0</v>
      </c>
      <c r="CB36" s="114">
        <v>0</v>
      </c>
      <c r="CC36" s="113">
        <v>0</v>
      </c>
      <c r="CD36" s="110">
        <v>0</v>
      </c>
      <c r="CE36" s="114">
        <v>0</v>
      </c>
      <c r="CF36" s="114">
        <v>24717</v>
      </c>
      <c r="CG36" s="114">
        <v>241487</v>
      </c>
      <c r="CH36" s="114">
        <v>116279</v>
      </c>
      <c r="CI36" s="114">
        <v>0</v>
      </c>
      <c r="CJ36" s="113">
        <v>382483</v>
      </c>
      <c r="CK36" s="116">
        <v>382483</v>
      </c>
      <c r="CL36" s="110">
        <v>0</v>
      </c>
      <c r="CM36" s="114">
        <v>0</v>
      </c>
      <c r="CN36" s="113">
        <v>0</v>
      </c>
      <c r="CO36" s="111">
        <v>0</v>
      </c>
      <c r="CP36" s="114">
        <v>0</v>
      </c>
      <c r="CQ36" s="114">
        <v>24717</v>
      </c>
      <c r="CR36" s="114">
        <v>241487</v>
      </c>
      <c r="CS36" s="114">
        <v>116279</v>
      </c>
      <c r="CT36" s="114">
        <v>0</v>
      </c>
      <c r="CU36" s="113">
        <v>382483</v>
      </c>
      <c r="CV36" s="116">
        <v>382483</v>
      </c>
      <c r="CW36" s="110">
        <v>0</v>
      </c>
      <c r="CX36" s="114">
        <v>0</v>
      </c>
      <c r="CY36" s="113">
        <v>0</v>
      </c>
      <c r="CZ36" s="110">
        <v>0</v>
      </c>
      <c r="DA36" s="114">
        <v>0</v>
      </c>
      <c r="DB36" s="114">
        <v>0</v>
      </c>
      <c r="DC36" s="114">
        <v>0</v>
      </c>
      <c r="DD36" s="114">
        <v>0</v>
      </c>
      <c r="DE36" s="114">
        <v>0</v>
      </c>
      <c r="DF36" s="113">
        <v>0</v>
      </c>
      <c r="DG36" s="116">
        <v>0</v>
      </c>
      <c r="DH36" s="110">
        <v>0</v>
      </c>
      <c r="DI36" s="114">
        <v>0</v>
      </c>
      <c r="DJ36" s="112">
        <v>0</v>
      </c>
      <c r="DK36" s="111">
        <v>0</v>
      </c>
      <c r="DL36" s="114">
        <v>0</v>
      </c>
      <c r="DM36" s="114">
        <v>0</v>
      </c>
      <c r="DN36" s="114">
        <v>0</v>
      </c>
      <c r="DO36" s="114">
        <v>66234</v>
      </c>
      <c r="DP36" s="114">
        <v>0</v>
      </c>
      <c r="DQ36" s="113">
        <v>66234</v>
      </c>
      <c r="DR36" s="116">
        <v>66234</v>
      </c>
      <c r="DS36" s="110">
        <v>0</v>
      </c>
      <c r="DT36" s="114">
        <v>0</v>
      </c>
      <c r="DU36" s="113">
        <v>0</v>
      </c>
      <c r="DV36" s="110">
        <v>0</v>
      </c>
      <c r="DW36" s="114">
        <v>0</v>
      </c>
      <c r="DX36" s="114">
        <v>0</v>
      </c>
      <c r="DY36" s="114">
        <v>0</v>
      </c>
      <c r="DZ36" s="114">
        <v>66234</v>
      </c>
      <c r="EA36" s="114">
        <v>0</v>
      </c>
      <c r="EB36" s="113">
        <v>66234</v>
      </c>
      <c r="EC36" s="116">
        <v>66234</v>
      </c>
      <c r="ED36" s="110">
        <v>0</v>
      </c>
      <c r="EE36" s="112">
        <v>0</v>
      </c>
      <c r="EF36" s="113">
        <v>0</v>
      </c>
      <c r="EG36" s="110">
        <v>0</v>
      </c>
      <c r="EH36" s="114">
        <v>0</v>
      </c>
      <c r="EI36" s="114">
        <v>0</v>
      </c>
      <c r="EJ36" s="114">
        <v>0</v>
      </c>
      <c r="EK36" s="114">
        <v>0</v>
      </c>
      <c r="EL36" s="114">
        <v>0</v>
      </c>
      <c r="EM36" s="112">
        <v>0</v>
      </c>
      <c r="EN36" s="116">
        <v>0</v>
      </c>
      <c r="EO36" s="110">
        <v>0</v>
      </c>
      <c r="EP36" s="114">
        <v>0</v>
      </c>
      <c r="EQ36" s="112">
        <v>0</v>
      </c>
      <c r="ER36" s="111">
        <v>0</v>
      </c>
      <c r="ES36" s="114">
        <v>0</v>
      </c>
      <c r="ET36" s="114">
        <v>0</v>
      </c>
      <c r="EU36" s="114">
        <v>0</v>
      </c>
      <c r="EV36" s="114">
        <v>0</v>
      </c>
      <c r="EW36" s="114">
        <v>0</v>
      </c>
      <c r="EX36" s="113">
        <v>0</v>
      </c>
      <c r="EY36" s="116">
        <v>0</v>
      </c>
      <c r="EZ36" s="110">
        <v>0</v>
      </c>
      <c r="FA36" s="114">
        <v>0</v>
      </c>
      <c r="FB36" s="112">
        <v>0</v>
      </c>
      <c r="FC36" s="348"/>
      <c r="FD36" s="114">
        <v>0</v>
      </c>
      <c r="FE36" s="114">
        <v>0</v>
      </c>
      <c r="FF36" s="114">
        <v>0</v>
      </c>
      <c r="FG36" s="114">
        <v>0</v>
      </c>
      <c r="FH36" s="114">
        <v>0</v>
      </c>
      <c r="FI36" s="113">
        <v>0</v>
      </c>
      <c r="FJ36" s="116">
        <v>0</v>
      </c>
      <c r="FK36" s="110">
        <v>0</v>
      </c>
      <c r="FL36" s="114">
        <v>0</v>
      </c>
      <c r="FM36" s="113">
        <v>0</v>
      </c>
      <c r="FN36" s="110">
        <v>0</v>
      </c>
      <c r="FO36" s="114">
        <v>76160</v>
      </c>
      <c r="FP36" s="114">
        <v>39921</v>
      </c>
      <c r="FQ36" s="114">
        <v>52647</v>
      </c>
      <c r="FR36" s="114">
        <v>12768</v>
      </c>
      <c r="FS36" s="114">
        <v>15925</v>
      </c>
      <c r="FT36" s="113">
        <v>197421</v>
      </c>
      <c r="FU36" s="116">
        <v>197421</v>
      </c>
      <c r="FV36" s="115">
        <v>0</v>
      </c>
      <c r="FW36" s="114">
        <v>0</v>
      </c>
      <c r="FX36" s="112">
        <v>0</v>
      </c>
      <c r="FY36" s="111">
        <v>0</v>
      </c>
      <c r="FZ36" s="114">
        <v>45360</v>
      </c>
      <c r="GA36" s="114">
        <v>39921</v>
      </c>
      <c r="GB36" s="114">
        <v>52647</v>
      </c>
      <c r="GC36" s="114">
        <v>12768</v>
      </c>
      <c r="GD36" s="114">
        <v>15925</v>
      </c>
      <c r="GE36" s="113">
        <v>166621</v>
      </c>
      <c r="GF36" s="319">
        <v>166621</v>
      </c>
      <c r="GG36" s="115">
        <v>0</v>
      </c>
      <c r="GH36" s="114">
        <v>0</v>
      </c>
      <c r="GI36" s="112">
        <v>0</v>
      </c>
      <c r="GJ36" s="111">
        <v>0</v>
      </c>
      <c r="GK36" s="114">
        <v>30800</v>
      </c>
      <c r="GL36" s="114">
        <v>0</v>
      </c>
      <c r="GM36" s="114">
        <v>0</v>
      </c>
      <c r="GN36" s="114">
        <v>0</v>
      </c>
      <c r="GO36" s="114">
        <v>0</v>
      </c>
      <c r="GP36" s="113">
        <v>30800</v>
      </c>
      <c r="GQ36" s="116">
        <v>30800</v>
      </c>
      <c r="GR36" s="110">
        <v>0</v>
      </c>
      <c r="GS36" s="114">
        <v>0</v>
      </c>
      <c r="GT36" s="113">
        <v>0</v>
      </c>
      <c r="GU36" s="110">
        <v>0</v>
      </c>
      <c r="GV36" s="114">
        <v>0</v>
      </c>
      <c r="GW36" s="114">
        <v>0</v>
      </c>
      <c r="GX36" s="114">
        <v>0</v>
      </c>
      <c r="GY36" s="114">
        <v>0</v>
      </c>
      <c r="GZ36" s="114">
        <v>0</v>
      </c>
      <c r="HA36" s="112">
        <v>0</v>
      </c>
      <c r="HB36" s="116">
        <v>0</v>
      </c>
      <c r="HC36" s="110">
        <v>0</v>
      </c>
      <c r="HD36" s="114">
        <v>0</v>
      </c>
      <c r="HE36" s="112">
        <v>0</v>
      </c>
      <c r="HF36" s="111">
        <v>0</v>
      </c>
      <c r="HG36" s="114">
        <v>136526</v>
      </c>
      <c r="HH36" s="114">
        <v>0</v>
      </c>
      <c r="HI36" s="114">
        <v>0</v>
      </c>
      <c r="HJ36" s="114">
        <v>0</v>
      </c>
      <c r="HK36" s="114">
        <v>201586</v>
      </c>
      <c r="HL36" s="113">
        <v>338112</v>
      </c>
      <c r="HM36" s="109">
        <v>338112</v>
      </c>
      <c r="HN36" s="329"/>
      <c r="HO36" s="330"/>
      <c r="HP36" s="331"/>
      <c r="HQ36" s="332"/>
      <c r="HR36" s="330"/>
      <c r="HS36" s="330"/>
      <c r="HT36" s="330"/>
      <c r="HU36" s="330"/>
      <c r="HV36" s="330"/>
      <c r="HW36" s="333"/>
      <c r="HX36" s="334"/>
      <c r="HY36" s="150">
        <v>0</v>
      </c>
      <c r="HZ36" s="135">
        <v>0</v>
      </c>
      <c r="IA36" s="150">
        <v>0</v>
      </c>
      <c r="IB36" s="134">
        <v>0</v>
      </c>
      <c r="IC36" s="135">
        <v>24778</v>
      </c>
      <c r="ID36" s="136">
        <v>269396</v>
      </c>
      <c r="IE36" s="137">
        <v>87504</v>
      </c>
      <c r="IF36" s="135">
        <v>0</v>
      </c>
      <c r="IG36" s="137">
        <v>213542</v>
      </c>
      <c r="IH36" s="138">
        <v>595220</v>
      </c>
      <c r="II36" s="150">
        <v>595220</v>
      </c>
      <c r="IJ36" s="232">
        <v>0</v>
      </c>
      <c r="IK36" s="236">
        <v>0</v>
      </c>
      <c r="IL36" s="237">
        <v>0</v>
      </c>
      <c r="IM36" s="140"/>
      <c r="IN36" s="119">
        <v>0</v>
      </c>
      <c r="IO36" s="119">
        <v>85757</v>
      </c>
      <c r="IP36" s="119">
        <v>0</v>
      </c>
      <c r="IQ36" s="119">
        <v>0</v>
      </c>
      <c r="IR36" s="119">
        <v>0</v>
      </c>
      <c r="IS36" s="141">
        <v>85757</v>
      </c>
      <c r="IT36" s="321">
        <v>85757</v>
      </c>
      <c r="IU36" s="142">
        <v>0</v>
      </c>
      <c r="IV36" s="119">
        <v>0</v>
      </c>
      <c r="IW36" s="120">
        <v>0</v>
      </c>
      <c r="IX36" s="144"/>
      <c r="IY36" s="119">
        <v>0</v>
      </c>
      <c r="IZ36" s="119">
        <v>0</v>
      </c>
      <c r="JA36" s="119">
        <v>0</v>
      </c>
      <c r="JB36" s="119">
        <v>0</v>
      </c>
      <c r="JC36" s="119">
        <v>0</v>
      </c>
      <c r="JD36" s="120">
        <v>0</v>
      </c>
      <c r="JE36" s="121">
        <v>0</v>
      </c>
      <c r="JF36" s="142">
        <v>0</v>
      </c>
      <c r="JG36" s="119">
        <v>0</v>
      </c>
      <c r="JH36" s="141">
        <v>0</v>
      </c>
      <c r="JI36" s="118">
        <v>0</v>
      </c>
      <c r="JJ36" s="119">
        <v>24778</v>
      </c>
      <c r="JK36" s="119">
        <v>33365</v>
      </c>
      <c r="JL36" s="119">
        <v>87504</v>
      </c>
      <c r="JM36" s="119">
        <v>0</v>
      </c>
      <c r="JN36" s="119">
        <v>0</v>
      </c>
      <c r="JO36" s="120">
        <v>145647</v>
      </c>
      <c r="JP36" s="321">
        <v>145647</v>
      </c>
      <c r="JQ36" s="142">
        <v>0</v>
      </c>
      <c r="JR36" s="119">
        <v>0</v>
      </c>
      <c r="JS36" s="141">
        <v>0</v>
      </c>
      <c r="JT36" s="118">
        <v>0</v>
      </c>
      <c r="JU36" s="119">
        <v>0</v>
      </c>
      <c r="JV36" s="119">
        <v>0</v>
      </c>
      <c r="JW36" s="119">
        <v>0</v>
      </c>
      <c r="JX36" s="119">
        <v>0</v>
      </c>
      <c r="JY36" s="119">
        <v>0</v>
      </c>
      <c r="JZ36" s="120">
        <v>0</v>
      </c>
      <c r="KA36" s="321">
        <v>0</v>
      </c>
      <c r="KB36" s="234">
        <v>0</v>
      </c>
      <c r="KC36" s="230">
        <v>0</v>
      </c>
      <c r="KD36" s="120">
        <v>0</v>
      </c>
      <c r="KE36" s="118">
        <v>0</v>
      </c>
      <c r="KF36" s="119">
        <v>0</v>
      </c>
      <c r="KG36" s="119">
        <v>150274</v>
      </c>
      <c r="KH36" s="119">
        <v>0</v>
      </c>
      <c r="KI36" s="119">
        <v>0</v>
      </c>
      <c r="KJ36" s="119">
        <v>0</v>
      </c>
      <c r="KK36" s="120">
        <v>150274</v>
      </c>
      <c r="KL36" s="143">
        <v>150274</v>
      </c>
      <c r="KM36" s="232">
        <v>0</v>
      </c>
      <c r="KN36" s="236">
        <v>0</v>
      </c>
      <c r="KO36" s="237">
        <v>0</v>
      </c>
      <c r="KP36" s="140"/>
      <c r="KQ36" s="119">
        <v>0</v>
      </c>
      <c r="KR36" s="119">
        <v>0</v>
      </c>
      <c r="KS36" s="119">
        <v>0</v>
      </c>
      <c r="KT36" s="119">
        <v>0</v>
      </c>
      <c r="KU36" s="119">
        <v>213542</v>
      </c>
      <c r="KV36" s="120">
        <v>213542</v>
      </c>
      <c r="KW36" s="321">
        <v>213542</v>
      </c>
      <c r="KX36" s="142">
        <v>0</v>
      </c>
      <c r="KY36" s="119">
        <v>0</v>
      </c>
      <c r="KZ36" s="120">
        <v>0</v>
      </c>
      <c r="LA36" s="145"/>
      <c r="LB36" s="119">
        <v>0</v>
      </c>
      <c r="LC36" s="119">
        <v>0</v>
      </c>
      <c r="LD36" s="119">
        <v>0</v>
      </c>
      <c r="LE36" s="119">
        <v>0</v>
      </c>
      <c r="LF36" s="119">
        <v>0</v>
      </c>
      <c r="LG36" s="120">
        <v>0</v>
      </c>
      <c r="LH36" s="121">
        <v>0</v>
      </c>
      <c r="LI36" s="142">
        <v>0</v>
      </c>
      <c r="LJ36" s="119">
        <v>0</v>
      </c>
      <c r="LK36" s="120">
        <v>0</v>
      </c>
      <c r="LL36" s="145"/>
      <c r="LM36" s="119">
        <v>0</v>
      </c>
      <c r="LN36" s="119">
        <v>0</v>
      </c>
      <c r="LO36" s="119">
        <v>0</v>
      </c>
      <c r="LP36" s="119">
        <v>0</v>
      </c>
      <c r="LQ36" s="119">
        <v>0</v>
      </c>
      <c r="LR36" s="120">
        <v>0</v>
      </c>
      <c r="LS36" s="321">
        <v>0</v>
      </c>
      <c r="LT36" s="142">
        <v>0</v>
      </c>
      <c r="LU36" s="119">
        <v>0</v>
      </c>
      <c r="LV36" s="120">
        <v>0</v>
      </c>
      <c r="LW36" s="145"/>
      <c r="LX36" s="119">
        <v>0</v>
      </c>
      <c r="LY36" s="119">
        <v>0</v>
      </c>
      <c r="LZ36" s="119">
        <v>0</v>
      </c>
      <c r="MA36" s="119">
        <v>0</v>
      </c>
      <c r="MB36" s="119">
        <v>0</v>
      </c>
      <c r="MC36" s="120">
        <v>0</v>
      </c>
      <c r="MD36" s="121">
        <v>0</v>
      </c>
      <c r="ME36" s="142">
        <v>0</v>
      </c>
      <c r="MF36" s="119">
        <v>0</v>
      </c>
      <c r="MG36" s="120">
        <v>0</v>
      </c>
      <c r="MH36" s="145"/>
      <c r="MI36" s="119">
        <v>0</v>
      </c>
      <c r="MJ36" s="119">
        <v>212156</v>
      </c>
      <c r="MK36" s="119">
        <v>384782</v>
      </c>
      <c r="ML36" s="119">
        <v>226247</v>
      </c>
      <c r="MM36" s="119">
        <v>239288</v>
      </c>
      <c r="MN36" s="120">
        <v>1062473</v>
      </c>
      <c r="MO36" s="143">
        <v>1062473</v>
      </c>
      <c r="MP36" s="142">
        <v>0</v>
      </c>
      <c r="MQ36" s="119">
        <v>0</v>
      </c>
      <c r="MR36" s="120">
        <v>0</v>
      </c>
      <c r="MS36" s="145"/>
      <c r="MT36" s="119">
        <v>0</v>
      </c>
      <c r="MU36" s="119">
        <v>0</v>
      </c>
      <c r="MV36" s="119">
        <v>384782</v>
      </c>
      <c r="MW36" s="119">
        <v>226247</v>
      </c>
      <c r="MX36" s="119">
        <v>0</v>
      </c>
      <c r="MY36" s="120">
        <v>611029</v>
      </c>
      <c r="MZ36" s="143">
        <v>611029</v>
      </c>
      <c r="NA36" s="142">
        <v>0</v>
      </c>
      <c r="NB36" s="119">
        <v>0</v>
      </c>
      <c r="NC36" s="120">
        <v>0</v>
      </c>
      <c r="ND36" s="145">
        <v>0</v>
      </c>
      <c r="NE36" s="119">
        <v>0</v>
      </c>
      <c r="NF36" s="119">
        <v>212156</v>
      </c>
      <c r="NG36" s="119">
        <v>0</v>
      </c>
      <c r="NH36" s="119">
        <v>0</v>
      </c>
      <c r="NI36" s="119">
        <v>239288</v>
      </c>
      <c r="NJ36" s="120">
        <v>451444</v>
      </c>
      <c r="NK36" s="321">
        <v>451444</v>
      </c>
      <c r="NL36" s="142">
        <v>0</v>
      </c>
      <c r="NM36" s="119">
        <v>0</v>
      </c>
      <c r="NN36" s="120">
        <v>0</v>
      </c>
      <c r="NO36" s="145"/>
      <c r="NP36" s="119">
        <v>0</v>
      </c>
      <c r="NQ36" s="119">
        <v>0</v>
      </c>
      <c r="NR36" s="119">
        <v>0</v>
      </c>
      <c r="NS36" s="119">
        <v>0</v>
      </c>
      <c r="NT36" s="119">
        <v>0</v>
      </c>
      <c r="NU36" s="120">
        <v>0</v>
      </c>
      <c r="NV36" s="121">
        <v>0</v>
      </c>
      <c r="NW36" s="142">
        <v>0</v>
      </c>
      <c r="NX36" s="119">
        <v>0</v>
      </c>
      <c r="NY36" s="120">
        <v>0</v>
      </c>
      <c r="NZ36" s="145"/>
      <c r="OA36" s="119">
        <v>0</v>
      </c>
      <c r="OB36" s="119">
        <v>0</v>
      </c>
      <c r="OC36" s="119">
        <v>0</v>
      </c>
      <c r="OD36" s="119">
        <v>0</v>
      </c>
      <c r="OE36" s="119">
        <v>0</v>
      </c>
      <c r="OF36" s="120">
        <v>0</v>
      </c>
      <c r="OG36" s="121">
        <v>0</v>
      </c>
      <c r="OH36" s="142">
        <v>6384</v>
      </c>
      <c r="OI36" s="119">
        <v>0</v>
      </c>
      <c r="OJ36" s="141">
        <v>6384</v>
      </c>
      <c r="OK36" s="118">
        <v>0</v>
      </c>
      <c r="OL36" s="119">
        <v>299491</v>
      </c>
      <c r="OM36" s="119">
        <v>591487</v>
      </c>
      <c r="ON36" s="119">
        <v>815847</v>
      </c>
      <c r="OO36" s="119">
        <v>440617</v>
      </c>
      <c r="OP36" s="119">
        <v>761823</v>
      </c>
      <c r="OQ36" s="120">
        <v>2909265</v>
      </c>
      <c r="OR36" s="143">
        <v>2915649</v>
      </c>
    </row>
    <row r="37" spans="1:408" ht="20.25" customHeight="1" x14ac:dyDescent="0.2">
      <c r="A37" s="126" t="s">
        <v>32</v>
      </c>
      <c r="B37" s="110">
        <v>5222</v>
      </c>
      <c r="C37" s="114">
        <v>11760</v>
      </c>
      <c r="D37" s="174">
        <v>16982</v>
      </c>
      <c r="E37" s="175">
        <v>0</v>
      </c>
      <c r="F37" s="176">
        <v>351007</v>
      </c>
      <c r="G37" s="176">
        <v>415447</v>
      </c>
      <c r="H37" s="176">
        <v>221580</v>
      </c>
      <c r="I37" s="176">
        <v>528627</v>
      </c>
      <c r="J37" s="176">
        <v>340368</v>
      </c>
      <c r="K37" s="177">
        <v>1857029</v>
      </c>
      <c r="L37" s="116">
        <v>1874011</v>
      </c>
      <c r="M37" s="110">
        <v>5222</v>
      </c>
      <c r="N37" s="114">
        <v>0</v>
      </c>
      <c r="O37" s="113">
        <v>5222</v>
      </c>
      <c r="P37" s="110">
        <v>0</v>
      </c>
      <c r="Q37" s="114">
        <v>20540</v>
      </c>
      <c r="R37" s="114">
        <v>94311</v>
      </c>
      <c r="S37" s="114">
        <v>84882</v>
      </c>
      <c r="T37" s="114">
        <v>209820</v>
      </c>
      <c r="U37" s="114">
        <v>98707</v>
      </c>
      <c r="V37" s="113">
        <v>508260</v>
      </c>
      <c r="W37" s="116">
        <v>513482</v>
      </c>
      <c r="X37" s="110">
        <v>0</v>
      </c>
      <c r="Y37" s="114">
        <v>0</v>
      </c>
      <c r="Z37" s="113">
        <v>0</v>
      </c>
      <c r="AA37" s="110">
        <v>0</v>
      </c>
      <c r="AB37" s="114">
        <v>12140</v>
      </c>
      <c r="AC37" s="114">
        <v>28182</v>
      </c>
      <c r="AD37" s="114">
        <v>0</v>
      </c>
      <c r="AE37" s="114">
        <v>164577</v>
      </c>
      <c r="AF37" s="114">
        <v>0</v>
      </c>
      <c r="AG37" s="113">
        <v>204899</v>
      </c>
      <c r="AH37" s="116">
        <v>204899</v>
      </c>
      <c r="AI37" s="110">
        <v>0</v>
      </c>
      <c r="AJ37" s="114">
        <v>0</v>
      </c>
      <c r="AK37" s="113">
        <v>0</v>
      </c>
      <c r="AL37" s="110">
        <v>0</v>
      </c>
      <c r="AM37" s="114">
        <v>0</v>
      </c>
      <c r="AN37" s="114">
        <v>0</v>
      </c>
      <c r="AO37" s="114">
        <v>0</v>
      </c>
      <c r="AP37" s="114">
        <v>0</v>
      </c>
      <c r="AQ37" s="114">
        <v>0</v>
      </c>
      <c r="AR37" s="113">
        <v>0</v>
      </c>
      <c r="AS37" s="116">
        <v>0</v>
      </c>
      <c r="AT37" s="110">
        <v>0</v>
      </c>
      <c r="AU37" s="114">
        <v>0</v>
      </c>
      <c r="AV37" s="113">
        <v>0</v>
      </c>
      <c r="AW37" s="110">
        <v>0</v>
      </c>
      <c r="AX37" s="114">
        <v>0</v>
      </c>
      <c r="AY37" s="114">
        <v>52955</v>
      </c>
      <c r="AZ37" s="114">
        <v>64120</v>
      </c>
      <c r="BA37" s="114">
        <v>10628</v>
      </c>
      <c r="BB37" s="114">
        <v>85015</v>
      </c>
      <c r="BC37" s="113">
        <v>212718</v>
      </c>
      <c r="BD37" s="116">
        <v>212718</v>
      </c>
      <c r="BE37" s="110">
        <v>5222</v>
      </c>
      <c r="BF37" s="114">
        <v>0</v>
      </c>
      <c r="BG37" s="112">
        <v>5222</v>
      </c>
      <c r="BH37" s="111">
        <v>0</v>
      </c>
      <c r="BI37" s="114">
        <v>0</v>
      </c>
      <c r="BJ37" s="114">
        <v>0</v>
      </c>
      <c r="BK37" s="114">
        <v>13384</v>
      </c>
      <c r="BL37" s="114">
        <v>0</v>
      </c>
      <c r="BM37" s="114">
        <v>0</v>
      </c>
      <c r="BN37" s="113">
        <v>13384</v>
      </c>
      <c r="BO37" s="116">
        <v>18606</v>
      </c>
      <c r="BP37" s="110">
        <v>0</v>
      </c>
      <c r="BQ37" s="114">
        <v>0</v>
      </c>
      <c r="BR37" s="113">
        <v>0</v>
      </c>
      <c r="BS37" s="110">
        <v>0</v>
      </c>
      <c r="BT37" s="114">
        <v>8400</v>
      </c>
      <c r="BU37" s="114">
        <v>13174</v>
      </c>
      <c r="BV37" s="114">
        <v>7378</v>
      </c>
      <c r="BW37" s="114">
        <v>34615</v>
      </c>
      <c r="BX37" s="114">
        <v>13692</v>
      </c>
      <c r="BY37" s="113">
        <v>77259</v>
      </c>
      <c r="BZ37" s="116">
        <v>77259</v>
      </c>
      <c r="CA37" s="110">
        <v>0</v>
      </c>
      <c r="CB37" s="114">
        <v>0</v>
      </c>
      <c r="CC37" s="113">
        <v>0</v>
      </c>
      <c r="CD37" s="110">
        <v>0</v>
      </c>
      <c r="CE37" s="114">
        <v>84210</v>
      </c>
      <c r="CF37" s="114">
        <v>105396</v>
      </c>
      <c r="CG37" s="114">
        <v>79900</v>
      </c>
      <c r="CH37" s="114">
        <v>73628</v>
      </c>
      <c r="CI37" s="114">
        <v>0</v>
      </c>
      <c r="CJ37" s="113">
        <v>343134</v>
      </c>
      <c r="CK37" s="116">
        <v>343134</v>
      </c>
      <c r="CL37" s="110">
        <v>0</v>
      </c>
      <c r="CM37" s="114">
        <v>0</v>
      </c>
      <c r="CN37" s="113">
        <v>0</v>
      </c>
      <c r="CO37" s="111">
        <v>0</v>
      </c>
      <c r="CP37" s="114">
        <v>84210</v>
      </c>
      <c r="CQ37" s="114">
        <v>62889</v>
      </c>
      <c r="CR37" s="114">
        <v>0</v>
      </c>
      <c r="CS37" s="114">
        <v>0</v>
      </c>
      <c r="CT37" s="114">
        <v>0</v>
      </c>
      <c r="CU37" s="113">
        <v>147099</v>
      </c>
      <c r="CV37" s="116">
        <v>147099</v>
      </c>
      <c r="CW37" s="110">
        <v>0</v>
      </c>
      <c r="CX37" s="114">
        <v>0</v>
      </c>
      <c r="CY37" s="113">
        <v>0</v>
      </c>
      <c r="CZ37" s="110">
        <v>0</v>
      </c>
      <c r="DA37" s="114">
        <v>0</v>
      </c>
      <c r="DB37" s="114">
        <v>42507</v>
      </c>
      <c r="DC37" s="114">
        <v>79900</v>
      </c>
      <c r="DD37" s="114">
        <v>73628</v>
      </c>
      <c r="DE37" s="114">
        <v>0</v>
      </c>
      <c r="DF37" s="113">
        <v>196035</v>
      </c>
      <c r="DG37" s="116">
        <v>196035</v>
      </c>
      <c r="DH37" s="110">
        <v>0</v>
      </c>
      <c r="DI37" s="114">
        <v>0</v>
      </c>
      <c r="DJ37" s="112">
        <v>0</v>
      </c>
      <c r="DK37" s="111">
        <v>0</v>
      </c>
      <c r="DL37" s="114">
        <v>94010</v>
      </c>
      <c r="DM37" s="114">
        <v>35049</v>
      </c>
      <c r="DN37" s="114">
        <v>0</v>
      </c>
      <c r="DO37" s="114">
        <v>32463</v>
      </c>
      <c r="DP37" s="114">
        <v>0</v>
      </c>
      <c r="DQ37" s="113">
        <v>161522</v>
      </c>
      <c r="DR37" s="116">
        <v>161522</v>
      </c>
      <c r="DS37" s="110">
        <v>0</v>
      </c>
      <c r="DT37" s="114">
        <v>0</v>
      </c>
      <c r="DU37" s="113">
        <v>0</v>
      </c>
      <c r="DV37" s="110">
        <v>0</v>
      </c>
      <c r="DW37" s="114">
        <v>94010</v>
      </c>
      <c r="DX37" s="114">
        <v>35049</v>
      </c>
      <c r="DY37" s="114">
        <v>0</v>
      </c>
      <c r="DZ37" s="114">
        <v>0</v>
      </c>
      <c r="EA37" s="114">
        <v>0</v>
      </c>
      <c r="EB37" s="113">
        <v>129059</v>
      </c>
      <c r="EC37" s="116">
        <v>129059</v>
      </c>
      <c r="ED37" s="110">
        <v>0</v>
      </c>
      <c r="EE37" s="112">
        <v>0</v>
      </c>
      <c r="EF37" s="113">
        <v>0</v>
      </c>
      <c r="EG37" s="110">
        <v>0</v>
      </c>
      <c r="EH37" s="114">
        <v>0</v>
      </c>
      <c r="EI37" s="114">
        <v>0</v>
      </c>
      <c r="EJ37" s="114">
        <v>0</v>
      </c>
      <c r="EK37" s="114">
        <v>32463</v>
      </c>
      <c r="EL37" s="114">
        <v>0</v>
      </c>
      <c r="EM37" s="112">
        <v>32463</v>
      </c>
      <c r="EN37" s="116">
        <v>32463</v>
      </c>
      <c r="EO37" s="110">
        <v>0</v>
      </c>
      <c r="EP37" s="114">
        <v>0</v>
      </c>
      <c r="EQ37" s="112">
        <v>0</v>
      </c>
      <c r="ER37" s="111">
        <v>0</v>
      </c>
      <c r="ES37" s="114">
        <v>0</v>
      </c>
      <c r="ET37" s="114">
        <v>0</v>
      </c>
      <c r="EU37" s="114">
        <v>0</v>
      </c>
      <c r="EV37" s="114">
        <v>0</v>
      </c>
      <c r="EW37" s="114">
        <v>0</v>
      </c>
      <c r="EX37" s="113">
        <v>0</v>
      </c>
      <c r="EY37" s="116">
        <v>0</v>
      </c>
      <c r="EZ37" s="110">
        <v>0</v>
      </c>
      <c r="FA37" s="114">
        <v>0</v>
      </c>
      <c r="FB37" s="112">
        <v>0</v>
      </c>
      <c r="FC37" s="348"/>
      <c r="FD37" s="114">
        <v>0</v>
      </c>
      <c r="FE37" s="114">
        <v>0</v>
      </c>
      <c r="FF37" s="114">
        <v>0</v>
      </c>
      <c r="FG37" s="114">
        <v>0</v>
      </c>
      <c r="FH37" s="114">
        <v>0</v>
      </c>
      <c r="FI37" s="113">
        <v>0</v>
      </c>
      <c r="FJ37" s="116">
        <v>0</v>
      </c>
      <c r="FK37" s="110">
        <v>0</v>
      </c>
      <c r="FL37" s="114">
        <v>11760</v>
      </c>
      <c r="FM37" s="113">
        <v>11760</v>
      </c>
      <c r="FN37" s="110">
        <v>0</v>
      </c>
      <c r="FO37" s="114">
        <v>16380</v>
      </c>
      <c r="FP37" s="114">
        <v>37100</v>
      </c>
      <c r="FQ37" s="114">
        <v>56798</v>
      </c>
      <c r="FR37" s="114">
        <v>38885</v>
      </c>
      <c r="FS37" s="114">
        <v>51975</v>
      </c>
      <c r="FT37" s="113">
        <v>201138</v>
      </c>
      <c r="FU37" s="116">
        <v>212898</v>
      </c>
      <c r="FV37" s="115">
        <v>0</v>
      </c>
      <c r="FW37" s="114">
        <v>11760</v>
      </c>
      <c r="FX37" s="112">
        <v>11760</v>
      </c>
      <c r="FY37" s="111">
        <v>0</v>
      </c>
      <c r="FZ37" s="114">
        <v>16380</v>
      </c>
      <c r="GA37" s="114">
        <v>37100</v>
      </c>
      <c r="GB37" s="114">
        <v>56798</v>
      </c>
      <c r="GC37" s="114">
        <v>38885</v>
      </c>
      <c r="GD37" s="114">
        <v>51975</v>
      </c>
      <c r="GE37" s="113">
        <v>201138</v>
      </c>
      <c r="GF37" s="319">
        <v>212898</v>
      </c>
      <c r="GG37" s="115">
        <v>0</v>
      </c>
      <c r="GH37" s="114">
        <v>0</v>
      </c>
      <c r="GI37" s="112">
        <v>0</v>
      </c>
      <c r="GJ37" s="111">
        <v>0</v>
      </c>
      <c r="GK37" s="114">
        <v>0</v>
      </c>
      <c r="GL37" s="114">
        <v>0</v>
      </c>
      <c r="GM37" s="114">
        <v>0</v>
      </c>
      <c r="GN37" s="114">
        <v>0</v>
      </c>
      <c r="GO37" s="114">
        <v>0</v>
      </c>
      <c r="GP37" s="113">
        <v>0</v>
      </c>
      <c r="GQ37" s="116">
        <v>0</v>
      </c>
      <c r="GR37" s="110">
        <v>0</v>
      </c>
      <c r="GS37" s="114">
        <v>0</v>
      </c>
      <c r="GT37" s="113">
        <v>0</v>
      </c>
      <c r="GU37" s="110">
        <v>0</v>
      </c>
      <c r="GV37" s="114">
        <v>0</v>
      </c>
      <c r="GW37" s="114">
        <v>0</v>
      </c>
      <c r="GX37" s="114">
        <v>0</v>
      </c>
      <c r="GY37" s="114">
        <v>0</v>
      </c>
      <c r="GZ37" s="114">
        <v>0</v>
      </c>
      <c r="HA37" s="112">
        <v>0</v>
      </c>
      <c r="HB37" s="116">
        <v>0</v>
      </c>
      <c r="HC37" s="110">
        <v>0</v>
      </c>
      <c r="HD37" s="114">
        <v>0</v>
      </c>
      <c r="HE37" s="112">
        <v>0</v>
      </c>
      <c r="HF37" s="111">
        <v>0</v>
      </c>
      <c r="HG37" s="114">
        <v>135867</v>
      </c>
      <c r="HH37" s="114">
        <v>143591</v>
      </c>
      <c r="HI37" s="114">
        <v>0</v>
      </c>
      <c r="HJ37" s="114">
        <v>173831</v>
      </c>
      <c r="HK37" s="114">
        <v>189686</v>
      </c>
      <c r="HL37" s="113">
        <v>642975</v>
      </c>
      <c r="HM37" s="109">
        <v>642975</v>
      </c>
      <c r="HN37" s="329"/>
      <c r="HO37" s="330"/>
      <c r="HP37" s="331"/>
      <c r="HQ37" s="332"/>
      <c r="HR37" s="330"/>
      <c r="HS37" s="330"/>
      <c r="HT37" s="330"/>
      <c r="HU37" s="330"/>
      <c r="HV37" s="330"/>
      <c r="HW37" s="333"/>
      <c r="HX37" s="334"/>
      <c r="HY37" s="131">
        <v>0</v>
      </c>
      <c r="HZ37" s="132">
        <v>0</v>
      </c>
      <c r="IA37" s="133">
        <v>0</v>
      </c>
      <c r="IB37" s="146">
        <v>0</v>
      </c>
      <c r="IC37" s="132">
        <v>87857</v>
      </c>
      <c r="ID37" s="147">
        <v>267057</v>
      </c>
      <c r="IE37" s="133">
        <v>251427</v>
      </c>
      <c r="IF37" s="132">
        <v>43470</v>
      </c>
      <c r="IG37" s="133">
        <v>217042</v>
      </c>
      <c r="IH37" s="148">
        <v>866853</v>
      </c>
      <c r="II37" s="139">
        <v>866853</v>
      </c>
      <c r="IJ37" s="232">
        <v>0</v>
      </c>
      <c r="IK37" s="236">
        <v>0</v>
      </c>
      <c r="IL37" s="237">
        <v>0</v>
      </c>
      <c r="IM37" s="140"/>
      <c r="IN37" s="119">
        <v>0</v>
      </c>
      <c r="IO37" s="119">
        <v>82026</v>
      </c>
      <c r="IP37" s="119">
        <v>0</v>
      </c>
      <c r="IQ37" s="119">
        <v>0</v>
      </c>
      <c r="IR37" s="119">
        <v>0</v>
      </c>
      <c r="IS37" s="141">
        <v>82026</v>
      </c>
      <c r="IT37" s="321">
        <v>82026</v>
      </c>
      <c r="IU37" s="142">
        <v>0</v>
      </c>
      <c r="IV37" s="119">
        <v>0</v>
      </c>
      <c r="IW37" s="120">
        <v>0</v>
      </c>
      <c r="IX37" s="144"/>
      <c r="IY37" s="119">
        <v>0</v>
      </c>
      <c r="IZ37" s="119">
        <v>0</v>
      </c>
      <c r="JA37" s="119">
        <v>0</v>
      </c>
      <c r="JB37" s="119">
        <v>0</v>
      </c>
      <c r="JC37" s="119">
        <v>0</v>
      </c>
      <c r="JD37" s="120">
        <v>0</v>
      </c>
      <c r="JE37" s="121">
        <v>0</v>
      </c>
      <c r="JF37" s="142">
        <v>0</v>
      </c>
      <c r="JG37" s="119">
        <v>0</v>
      </c>
      <c r="JH37" s="141">
        <v>0</v>
      </c>
      <c r="JI37" s="118">
        <v>0</v>
      </c>
      <c r="JJ37" s="119">
        <v>87857</v>
      </c>
      <c r="JK37" s="119">
        <v>32438</v>
      </c>
      <c r="JL37" s="119">
        <v>42302</v>
      </c>
      <c r="JM37" s="119">
        <v>43470</v>
      </c>
      <c r="JN37" s="119">
        <v>0</v>
      </c>
      <c r="JO37" s="120">
        <v>206067</v>
      </c>
      <c r="JP37" s="321">
        <v>206067</v>
      </c>
      <c r="JQ37" s="142">
        <v>0</v>
      </c>
      <c r="JR37" s="119">
        <v>0</v>
      </c>
      <c r="JS37" s="141">
        <v>0</v>
      </c>
      <c r="JT37" s="118">
        <v>0</v>
      </c>
      <c r="JU37" s="119">
        <v>0</v>
      </c>
      <c r="JV37" s="119">
        <v>0</v>
      </c>
      <c r="JW37" s="119">
        <v>0</v>
      </c>
      <c r="JX37" s="119">
        <v>0</v>
      </c>
      <c r="JY37" s="119">
        <v>0</v>
      </c>
      <c r="JZ37" s="120">
        <v>0</v>
      </c>
      <c r="KA37" s="321">
        <v>0</v>
      </c>
      <c r="KB37" s="234">
        <v>0</v>
      </c>
      <c r="KC37" s="230">
        <v>0</v>
      </c>
      <c r="KD37" s="120">
        <v>0</v>
      </c>
      <c r="KE37" s="118">
        <v>0</v>
      </c>
      <c r="KF37" s="119">
        <v>0</v>
      </c>
      <c r="KG37" s="119">
        <v>0</v>
      </c>
      <c r="KH37" s="119">
        <v>0</v>
      </c>
      <c r="KI37" s="119">
        <v>0</v>
      </c>
      <c r="KJ37" s="119">
        <v>0</v>
      </c>
      <c r="KK37" s="120">
        <v>0</v>
      </c>
      <c r="KL37" s="143">
        <v>0</v>
      </c>
      <c r="KM37" s="232">
        <v>0</v>
      </c>
      <c r="KN37" s="236">
        <v>0</v>
      </c>
      <c r="KO37" s="237">
        <v>0</v>
      </c>
      <c r="KP37" s="140"/>
      <c r="KQ37" s="119">
        <v>0</v>
      </c>
      <c r="KR37" s="119">
        <v>0</v>
      </c>
      <c r="KS37" s="119">
        <v>209125</v>
      </c>
      <c r="KT37" s="119">
        <v>0</v>
      </c>
      <c r="KU37" s="119">
        <v>217042</v>
      </c>
      <c r="KV37" s="120">
        <v>426167</v>
      </c>
      <c r="KW37" s="321">
        <v>426167</v>
      </c>
      <c r="KX37" s="142">
        <v>0</v>
      </c>
      <c r="KY37" s="119">
        <v>0</v>
      </c>
      <c r="KZ37" s="120">
        <v>0</v>
      </c>
      <c r="LA37" s="145"/>
      <c r="LB37" s="119">
        <v>0</v>
      </c>
      <c r="LC37" s="119">
        <v>0</v>
      </c>
      <c r="LD37" s="119">
        <v>0</v>
      </c>
      <c r="LE37" s="119">
        <v>0</v>
      </c>
      <c r="LF37" s="119">
        <v>0</v>
      </c>
      <c r="LG37" s="120">
        <v>0</v>
      </c>
      <c r="LH37" s="121">
        <v>0</v>
      </c>
      <c r="LI37" s="142">
        <v>0</v>
      </c>
      <c r="LJ37" s="119">
        <v>0</v>
      </c>
      <c r="LK37" s="120">
        <v>0</v>
      </c>
      <c r="LL37" s="145"/>
      <c r="LM37" s="119">
        <v>0</v>
      </c>
      <c r="LN37" s="119">
        <v>152593</v>
      </c>
      <c r="LO37" s="119">
        <v>0</v>
      </c>
      <c r="LP37" s="119">
        <v>0</v>
      </c>
      <c r="LQ37" s="119">
        <v>0</v>
      </c>
      <c r="LR37" s="120">
        <v>152593</v>
      </c>
      <c r="LS37" s="321">
        <v>152593</v>
      </c>
      <c r="LT37" s="142">
        <v>0</v>
      </c>
      <c r="LU37" s="119">
        <v>0</v>
      </c>
      <c r="LV37" s="120">
        <v>0</v>
      </c>
      <c r="LW37" s="145"/>
      <c r="LX37" s="119">
        <v>0</v>
      </c>
      <c r="LY37" s="119">
        <v>0</v>
      </c>
      <c r="LZ37" s="119">
        <v>0</v>
      </c>
      <c r="MA37" s="119">
        <v>0</v>
      </c>
      <c r="MB37" s="119">
        <v>0</v>
      </c>
      <c r="MC37" s="120">
        <v>0</v>
      </c>
      <c r="MD37" s="121">
        <v>0</v>
      </c>
      <c r="ME37" s="142">
        <v>0</v>
      </c>
      <c r="MF37" s="119">
        <v>0</v>
      </c>
      <c r="MG37" s="120">
        <v>0</v>
      </c>
      <c r="MH37" s="145"/>
      <c r="MI37" s="119">
        <v>0</v>
      </c>
      <c r="MJ37" s="119">
        <v>0</v>
      </c>
      <c r="MK37" s="119">
        <v>0</v>
      </c>
      <c r="ML37" s="119">
        <v>0</v>
      </c>
      <c r="MM37" s="119">
        <v>246997</v>
      </c>
      <c r="MN37" s="120">
        <v>246997</v>
      </c>
      <c r="MO37" s="143">
        <v>246997</v>
      </c>
      <c r="MP37" s="142">
        <v>0</v>
      </c>
      <c r="MQ37" s="119">
        <v>0</v>
      </c>
      <c r="MR37" s="120">
        <v>0</v>
      </c>
      <c r="MS37" s="145"/>
      <c r="MT37" s="119">
        <v>0</v>
      </c>
      <c r="MU37" s="119">
        <v>0</v>
      </c>
      <c r="MV37" s="119">
        <v>0</v>
      </c>
      <c r="MW37" s="119">
        <v>0</v>
      </c>
      <c r="MX37" s="119">
        <v>246997</v>
      </c>
      <c r="MY37" s="120">
        <v>246997</v>
      </c>
      <c r="MZ37" s="143">
        <v>246997</v>
      </c>
      <c r="NA37" s="142">
        <v>0</v>
      </c>
      <c r="NB37" s="119">
        <v>0</v>
      </c>
      <c r="NC37" s="120">
        <v>0</v>
      </c>
      <c r="ND37" s="145">
        <v>0</v>
      </c>
      <c r="NE37" s="119">
        <v>0</v>
      </c>
      <c r="NF37" s="119">
        <v>0</v>
      </c>
      <c r="NG37" s="119">
        <v>0</v>
      </c>
      <c r="NH37" s="119">
        <v>0</v>
      </c>
      <c r="NI37" s="119">
        <v>0</v>
      </c>
      <c r="NJ37" s="120">
        <v>0</v>
      </c>
      <c r="NK37" s="321">
        <v>0</v>
      </c>
      <c r="NL37" s="142">
        <v>0</v>
      </c>
      <c r="NM37" s="119">
        <v>0</v>
      </c>
      <c r="NN37" s="120">
        <v>0</v>
      </c>
      <c r="NO37" s="145"/>
      <c r="NP37" s="119">
        <v>0</v>
      </c>
      <c r="NQ37" s="119">
        <v>0</v>
      </c>
      <c r="NR37" s="119">
        <v>0</v>
      </c>
      <c r="NS37" s="119">
        <v>0</v>
      </c>
      <c r="NT37" s="119">
        <v>0</v>
      </c>
      <c r="NU37" s="120">
        <v>0</v>
      </c>
      <c r="NV37" s="121">
        <v>0</v>
      </c>
      <c r="NW37" s="142">
        <v>0</v>
      </c>
      <c r="NX37" s="119">
        <v>0</v>
      </c>
      <c r="NY37" s="120">
        <v>0</v>
      </c>
      <c r="NZ37" s="145"/>
      <c r="OA37" s="119">
        <v>0</v>
      </c>
      <c r="OB37" s="119">
        <v>0</v>
      </c>
      <c r="OC37" s="119">
        <v>0</v>
      </c>
      <c r="OD37" s="119">
        <v>0</v>
      </c>
      <c r="OE37" s="119">
        <v>0</v>
      </c>
      <c r="OF37" s="120">
        <v>0</v>
      </c>
      <c r="OG37" s="121">
        <v>0</v>
      </c>
      <c r="OH37" s="142">
        <v>5222</v>
      </c>
      <c r="OI37" s="119">
        <v>11760</v>
      </c>
      <c r="OJ37" s="141">
        <v>16982</v>
      </c>
      <c r="OK37" s="118">
        <v>0</v>
      </c>
      <c r="OL37" s="119">
        <v>438864</v>
      </c>
      <c r="OM37" s="119">
        <v>682504</v>
      </c>
      <c r="ON37" s="119">
        <v>473007</v>
      </c>
      <c r="OO37" s="119">
        <v>572097</v>
      </c>
      <c r="OP37" s="119">
        <v>804407</v>
      </c>
      <c r="OQ37" s="120">
        <v>2970879</v>
      </c>
      <c r="OR37" s="143">
        <v>2987861</v>
      </c>
    </row>
    <row r="38" spans="1:408" ht="20.25" customHeight="1" x14ac:dyDescent="0.2">
      <c r="A38" s="126" t="s">
        <v>33</v>
      </c>
      <c r="B38" s="110">
        <v>72190</v>
      </c>
      <c r="C38" s="114">
        <v>25808</v>
      </c>
      <c r="D38" s="113">
        <v>97998</v>
      </c>
      <c r="E38" s="109">
        <v>0</v>
      </c>
      <c r="F38" s="114">
        <v>385186</v>
      </c>
      <c r="G38" s="114">
        <v>299096</v>
      </c>
      <c r="H38" s="114">
        <v>579985</v>
      </c>
      <c r="I38" s="114">
        <v>313208</v>
      </c>
      <c r="J38" s="114">
        <v>53575</v>
      </c>
      <c r="K38" s="173">
        <v>1631050</v>
      </c>
      <c r="L38" s="116">
        <v>1729048</v>
      </c>
      <c r="M38" s="110">
        <v>25600</v>
      </c>
      <c r="N38" s="114">
        <v>20908</v>
      </c>
      <c r="O38" s="113">
        <v>46508</v>
      </c>
      <c r="P38" s="110">
        <v>0</v>
      </c>
      <c r="Q38" s="114">
        <v>76661</v>
      </c>
      <c r="R38" s="114">
        <v>119084</v>
      </c>
      <c r="S38" s="114">
        <v>177096</v>
      </c>
      <c r="T38" s="114">
        <v>66845</v>
      </c>
      <c r="U38" s="114">
        <v>41675</v>
      </c>
      <c r="V38" s="113">
        <v>481361</v>
      </c>
      <c r="W38" s="116">
        <v>527869</v>
      </c>
      <c r="X38" s="110">
        <v>0</v>
      </c>
      <c r="Y38" s="114">
        <v>0</v>
      </c>
      <c r="Z38" s="113">
        <v>0</v>
      </c>
      <c r="AA38" s="110">
        <v>0</v>
      </c>
      <c r="AB38" s="114">
        <v>19939</v>
      </c>
      <c r="AC38" s="114">
        <v>0</v>
      </c>
      <c r="AD38" s="114">
        <v>44526</v>
      </c>
      <c r="AE38" s="114">
        <v>0</v>
      </c>
      <c r="AF38" s="114">
        <v>0</v>
      </c>
      <c r="AG38" s="113">
        <v>64465</v>
      </c>
      <c r="AH38" s="116">
        <v>64465</v>
      </c>
      <c r="AI38" s="110">
        <v>0</v>
      </c>
      <c r="AJ38" s="114">
        <v>0</v>
      </c>
      <c r="AK38" s="113">
        <v>0</v>
      </c>
      <c r="AL38" s="110">
        <v>0</v>
      </c>
      <c r="AM38" s="114">
        <v>0</v>
      </c>
      <c r="AN38" s="114">
        <v>0</v>
      </c>
      <c r="AO38" s="114">
        <v>0</v>
      </c>
      <c r="AP38" s="114">
        <v>0</v>
      </c>
      <c r="AQ38" s="114">
        <v>0</v>
      </c>
      <c r="AR38" s="113">
        <v>0</v>
      </c>
      <c r="AS38" s="116">
        <v>0</v>
      </c>
      <c r="AT38" s="110">
        <v>25600</v>
      </c>
      <c r="AU38" s="114">
        <v>0</v>
      </c>
      <c r="AV38" s="113">
        <v>25600</v>
      </c>
      <c r="AW38" s="110">
        <v>0</v>
      </c>
      <c r="AX38" s="114">
        <v>22746</v>
      </c>
      <c r="AY38" s="114">
        <v>30768</v>
      </c>
      <c r="AZ38" s="114">
        <v>98405</v>
      </c>
      <c r="BA38" s="114">
        <v>0</v>
      </c>
      <c r="BB38" s="114">
        <v>38056</v>
      </c>
      <c r="BC38" s="113">
        <v>189975</v>
      </c>
      <c r="BD38" s="116">
        <v>215575</v>
      </c>
      <c r="BE38" s="110">
        <v>0</v>
      </c>
      <c r="BF38" s="114">
        <v>20908</v>
      </c>
      <c r="BG38" s="112">
        <v>20908</v>
      </c>
      <c r="BH38" s="111">
        <v>0</v>
      </c>
      <c r="BI38" s="114">
        <v>26738</v>
      </c>
      <c r="BJ38" s="114">
        <v>53477</v>
      </c>
      <c r="BK38" s="114">
        <v>20053</v>
      </c>
      <c r="BL38" s="114">
        <v>66845</v>
      </c>
      <c r="BM38" s="114">
        <v>0</v>
      </c>
      <c r="BN38" s="113">
        <v>167113</v>
      </c>
      <c r="BO38" s="116">
        <v>188021</v>
      </c>
      <c r="BP38" s="110">
        <v>0</v>
      </c>
      <c r="BQ38" s="114">
        <v>0</v>
      </c>
      <c r="BR38" s="113">
        <v>0</v>
      </c>
      <c r="BS38" s="110">
        <v>0</v>
      </c>
      <c r="BT38" s="114">
        <v>7238</v>
      </c>
      <c r="BU38" s="114">
        <v>34839</v>
      </c>
      <c r="BV38" s="114">
        <v>14112</v>
      </c>
      <c r="BW38" s="114">
        <v>0</v>
      </c>
      <c r="BX38" s="114">
        <v>3619</v>
      </c>
      <c r="BY38" s="113">
        <v>59808</v>
      </c>
      <c r="BZ38" s="116">
        <v>59808</v>
      </c>
      <c r="CA38" s="110">
        <v>0</v>
      </c>
      <c r="CB38" s="114">
        <v>0</v>
      </c>
      <c r="CC38" s="113">
        <v>0</v>
      </c>
      <c r="CD38" s="110">
        <v>0</v>
      </c>
      <c r="CE38" s="114">
        <v>42750</v>
      </c>
      <c r="CF38" s="114">
        <v>0</v>
      </c>
      <c r="CG38" s="114">
        <v>0</v>
      </c>
      <c r="CH38" s="114">
        <v>53534</v>
      </c>
      <c r="CI38" s="114">
        <v>0</v>
      </c>
      <c r="CJ38" s="113">
        <v>96284</v>
      </c>
      <c r="CK38" s="116">
        <v>96284</v>
      </c>
      <c r="CL38" s="110">
        <v>0</v>
      </c>
      <c r="CM38" s="114">
        <v>0</v>
      </c>
      <c r="CN38" s="113">
        <v>0</v>
      </c>
      <c r="CO38" s="111">
        <v>0</v>
      </c>
      <c r="CP38" s="114">
        <v>21301</v>
      </c>
      <c r="CQ38" s="114">
        <v>0</v>
      </c>
      <c r="CR38" s="114">
        <v>0</v>
      </c>
      <c r="CS38" s="114">
        <v>0</v>
      </c>
      <c r="CT38" s="114">
        <v>0</v>
      </c>
      <c r="CU38" s="113">
        <v>21301</v>
      </c>
      <c r="CV38" s="116">
        <v>21301</v>
      </c>
      <c r="CW38" s="110">
        <v>0</v>
      </c>
      <c r="CX38" s="114">
        <v>0</v>
      </c>
      <c r="CY38" s="113">
        <v>0</v>
      </c>
      <c r="CZ38" s="110">
        <v>0</v>
      </c>
      <c r="DA38" s="114">
        <v>21449</v>
      </c>
      <c r="DB38" s="114">
        <v>0</v>
      </c>
      <c r="DC38" s="114">
        <v>0</v>
      </c>
      <c r="DD38" s="114">
        <v>53534</v>
      </c>
      <c r="DE38" s="114">
        <v>0</v>
      </c>
      <c r="DF38" s="113">
        <v>74983</v>
      </c>
      <c r="DG38" s="116">
        <v>74983</v>
      </c>
      <c r="DH38" s="110">
        <v>0</v>
      </c>
      <c r="DI38" s="114">
        <v>0</v>
      </c>
      <c r="DJ38" s="112">
        <v>0</v>
      </c>
      <c r="DK38" s="111">
        <v>0</v>
      </c>
      <c r="DL38" s="114">
        <v>129252</v>
      </c>
      <c r="DM38" s="114">
        <v>0</v>
      </c>
      <c r="DN38" s="114">
        <v>21114</v>
      </c>
      <c r="DO38" s="114">
        <v>0</v>
      </c>
      <c r="DP38" s="114">
        <v>0</v>
      </c>
      <c r="DQ38" s="113">
        <v>150366</v>
      </c>
      <c r="DR38" s="116">
        <v>150366</v>
      </c>
      <c r="DS38" s="110">
        <v>0</v>
      </c>
      <c r="DT38" s="114">
        <v>0</v>
      </c>
      <c r="DU38" s="113">
        <v>0</v>
      </c>
      <c r="DV38" s="110">
        <v>0</v>
      </c>
      <c r="DW38" s="114">
        <v>129252</v>
      </c>
      <c r="DX38" s="114">
        <v>0</v>
      </c>
      <c r="DY38" s="114">
        <v>21114</v>
      </c>
      <c r="DZ38" s="114">
        <v>0</v>
      </c>
      <c r="EA38" s="114">
        <v>0</v>
      </c>
      <c r="EB38" s="113">
        <v>150366</v>
      </c>
      <c r="EC38" s="116">
        <v>150366</v>
      </c>
      <c r="ED38" s="110">
        <v>0</v>
      </c>
      <c r="EE38" s="112">
        <v>0</v>
      </c>
      <c r="EF38" s="113">
        <v>0</v>
      </c>
      <c r="EG38" s="110">
        <v>0</v>
      </c>
      <c r="EH38" s="114">
        <v>0</v>
      </c>
      <c r="EI38" s="114">
        <v>0</v>
      </c>
      <c r="EJ38" s="114">
        <v>0</v>
      </c>
      <c r="EK38" s="114">
        <v>0</v>
      </c>
      <c r="EL38" s="114">
        <v>0</v>
      </c>
      <c r="EM38" s="112">
        <v>0</v>
      </c>
      <c r="EN38" s="116">
        <v>0</v>
      </c>
      <c r="EO38" s="110">
        <v>0</v>
      </c>
      <c r="EP38" s="114">
        <v>0</v>
      </c>
      <c r="EQ38" s="112">
        <v>0</v>
      </c>
      <c r="ER38" s="111">
        <v>0</v>
      </c>
      <c r="ES38" s="114">
        <v>0</v>
      </c>
      <c r="ET38" s="114">
        <v>0</v>
      </c>
      <c r="EU38" s="114">
        <v>0</v>
      </c>
      <c r="EV38" s="114">
        <v>0</v>
      </c>
      <c r="EW38" s="114">
        <v>0</v>
      </c>
      <c r="EX38" s="113">
        <v>0</v>
      </c>
      <c r="EY38" s="116">
        <v>0</v>
      </c>
      <c r="EZ38" s="110">
        <v>0</v>
      </c>
      <c r="FA38" s="114">
        <v>0</v>
      </c>
      <c r="FB38" s="112">
        <v>0</v>
      </c>
      <c r="FC38" s="348"/>
      <c r="FD38" s="114">
        <v>0</v>
      </c>
      <c r="FE38" s="114">
        <v>0</v>
      </c>
      <c r="FF38" s="114">
        <v>0</v>
      </c>
      <c r="FG38" s="114">
        <v>0</v>
      </c>
      <c r="FH38" s="114">
        <v>0</v>
      </c>
      <c r="FI38" s="113">
        <v>0</v>
      </c>
      <c r="FJ38" s="116">
        <v>0</v>
      </c>
      <c r="FK38" s="110">
        <v>0</v>
      </c>
      <c r="FL38" s="114">
        <v>4900</v>
      </c>
      <c r="FM38" s="113">
        <v>4900</v>
      </c>
      <c r="FN38" s="110">
        <v>0</v>
      </c>
      <c r="FO38" s="114">
        <v>3500</v>
      </c>
      <c r="FP38" s="114">
        <v>29960</v>
      </c>
      <c r="FQ38" s="114">
        <v>39991</v>
      </c>
      <c r="FR38" s="114">
        <v>2450</v>
      </c>
      <c r="FS38" s="114">
        <v>11900</v>
      </c>
      <c r="FT38" s="113">
        <v>87801</v>
      </c>
      <c r="FU38" s="116">
        <v>92701</v>
      </c>
      <c r="FV38" s="115">
        <v>0</v>
      </c>
      <c r="FW38" s="114">
        <v>4900</v>
      </c>
      <c r="FX38" s="112">
        <v>4900</v>
      </c>
      <c r="FY38" s="111">
        <v>0</v>
      </c>
      <c r="FZ38" s="114">
        <v>3500</v>
      </c>
      <c r="GA38" s="114">
        <v>29960</v>
      </c>
      <c r="GB38" s="114">
        <v>39991</v>
      </c>
      <c r="GC38" s="114">
        <v>2450</v>
      </c>
      <c r="GD38" s="114">
        <v>11900</v>
      </c>
      <c r="GE38" s="113">
        <v>87801</v>
      </c>
      <c r="GF38" s="319">
        <v>92701</v>
      </c>
      <c r="GG38" s="115">
        <v>0</v>
      </c>
      <c r="GH38" s="114">
        <v>0</v>
      </c>
      <c r="GI38" s="112">
        <v>0</v>
      </c>
      <c r="GJ38" s="111">
        <v>0</v>
      </c>
      <c r="GK38" s="114">
        <v>0</v>
      </c>
      <c r="GL38" s="114">
        <v>0</v>
      </c>
      <c r="GM38" s="114">
        <v>0</v>
      </c>
      <c r="GN38" s="114">
        <v>0</v>
      </c>
      <c r="GO38" s="114">
        <v>0</v>
      </c>
      <c r="GP38" s="113">
        <v>0</v>
      </c>
      <c r="GQ38" s="116">
        <v>0</v>
      </c>
      <c r="GR38" s="110">
        <v>0</v>
      </c>
      <c r="GS38" s="114">
        <v>0</v>
      </c>
      <c r="GT38" s="113">
        <v>0</v>
      </c>
      <c r="GU38" s="110">
        <v>0</v>
      </c>
      <c r="GV38" s="114">
        <v>0</v>
      </c>
      <c r="GW38" s="114">
        <v>0</v>
      </c>
      <c r="GX38" s="114">
        <v>0</v>
      </c>
      <c r="GY38" s="114">
        <v>0</v>
      </c>
      <c r="GZ38" s="114">
        <v>0</v>
      </c>
      <c r="HA38" s="112">
        <v>0</v>
      </c>
      <c r="HB38" s="116">
        <v>0</v>
      </c>
      <c r="HC38" s="110">
        <v>46590</v>
      </c>
      <c r="HD38" s="114">
        <v>0</v>
      </c>
      <c r="HE38" s="112">
        <v>46590</v>
      </c>
      <c r="HF38" s="111">
        <v>0</v>
      </c>
      <c r="HG38" s="114">
        <v>133023</v>
      </c>
      <c r="HH38" s="114">
        <v>150052</v>
      </c>
      <c r="HI38" s="114">
        <v>341784</v>
      </c>
      <c r="HJ38" s="114">
        <v>190379</v>
      </c>
      <c r="HK38" s="114">
        <v>0</v>
      </c>
      <c r="HL38" s="113">
        <v>815238</v>
      </c>
      <c r="HM38" s="109">
        <v>861828</v>
      </c>
      <c r="HN38" s="329"/>
      <c r="HO38" s="330"/>
      <c r="HP38" s="331"/>
      <c r="HQ38" s="332"/>
      <c r="HR38" s="330"/>
      <c r="HS38" s="330"/>
      <c r="HT38" s="330"/>
      <c r="HU38" s="330"/>
      <c r="HV38" s="330"/>
      <c r="HW38" s="333"/>
      <c r="HX38" s="334"/>
      <c r="HY38" s="150">
        <v>0</v>
      </c>
      <c r="HZ38" s="135">
        <v>0</v>
      </c>
      <c r="IA38" s="150">
        <v>0</v>
      </c>
      <c r="IB38" s="146">
        <v>0</v>
      </c>
      <c r="IC38" s="132">
        <v>53127</v>
      </c>
      <c r="ID38" s="147">
        <v>0</v>
      </c>
      <c r="IE38" s="133">
        <v>284928</v>
      </c>
      <c r="IF38" s="132">
        <v>0</v>
      </c>
      <c r="IG38" s="133">
        <v>0</v>
      </c>
      <c r="IH38" s="148">
        <v>338055</v>
      </c>
      <c r="II38" s="150">
        <v>338055</v>
      </c>
      <c r="IJ38" s="232">
        <v>0</v>
      </c>
      <c r="IK38" s="236">
        <v>0</v>
      </c>
      <c r="IL38" s="237">
        <v>0</v>
      </c>
      <c r="IM38" s="140"/>
      <c r="IN38" s="119">
        <v>0</v>
      </c>
      <c r="IO38" s="119">
        <v>0</v>
      </c>
      <c r="IP38" s="119">
        <v>0</v>
      </c>
      <c r="IQ38" s="119">
        <v>0</v>
      </c>
      <c r="IR38" s="119">
        <v>0</v>
      </c>
      <c r="IS38" s="141">
        <v>0</v>
      </c>
      <c r="IT38" s="321">
        <v>0</v>
      </c>
      <c r="IU38" s="142">
        <v>0</v>
      </c>
      <c r="IV38" s="119">
        <v>0</v>
      </c>
      <c r="IW38" s="120">
        <v>0</v>
      </c>
      <c r="IX38" s="144"/>
      <c r="IY38" s="119">
        <v>0</v>
      </c>
      <c r="IZ38" s="119">
        <v>0</v>
      </c>
      <c r="JA38" s="119">
        <v>0</v>
      </c>
      <c r="JB38" s="119">
        <v>0</v>
      </c>
      <c r="JC38" s="119">
        <v>0</v>
      </c>
      <c r="JD38" s="120">
        <v>0</v>
      </c>
      <c r="JE38" s="121">
        <v>0</v>
      </c>
      <c r="JF38" s="142">
        <v>0</v>
      </c>
      <c r="JG38" s="119">
        <v>0</v>
      </c>
      <c r="JH38" s="141">
        <v>0</v>
      </c>
      <c r="JI38" s="118">
        <v>0</v>
      </c>
      <c r="JJ38" s="119">
        <v>53127</v>
      </c>
      <c r="JK38" s="119">
        <v>0</v>
      </c>
      <c r="JL38" s="119">
        <v>81952</v>
      </c>
      <c r="JM38" s="119">
        <v>0</v>
      </c>
      <c r="JN38" s="119">
        <v>0</v>
      </c>
      <c r="JO38" s="120">
        <v>135079</v>
      </c>
      <c r="JP38" s="321">
        <v>135079</v>
      </c>
      <c r="JQ38" s="142">
        <v>0</v>
      </c>
      <c r="JR38" s="119">
        <v>0</v>
      </c>
      <c r="JS38" s="141">
        <v>0</v>
      </c>
      <c r="JT38" s="118">
        <v>0</v>
      </c>
      <c r="JU38" s="119">
        <v>0</v>
      </c>
      <c r="JV38" s="119">
        <v>0</v>
      </c>
      <c r="JW38" s="119">
        <v>0</v>
      </c>
      <c r="JX38" s="119">
        <v>0</v>
      </c>
      <c r="JY38" s="119">
        <v>0</v>
      </c>
      <c r="JZ38" s="120">
        <v>0</v>
      </c>
      <c r="KA38" s="321">
        <v>0</v>
      </c>
      <c r="KB38" s="234">
        <v>0</v>
      </c>
      <c r="KC38" s="230">
        <v>0</v>
      </c>
      <c r="KD38" s="120">
        <v>0</v>
      </c>
      <c r="KE38" s="118">
        <v>0</v>
      </c>
      <c r="KF38" s="119">
        <v>0</v>
      </c>
      <c r="KG38" s="119">
        <v>0</v>
      </c>
      <c r="KH38" s="119">
        <v>0</v>
      </c>
      <c r="KI38" s="119">
        <v>0</v>
      </c>
      <c r="KJ38" s="119">
        <v>0</v>
      </c>
      <c r="KK38" s="120">
        <v>0</v>
      </c>
      <c r="KL38" s="143">
        <v>0</v>
      </c>
      <c r="KM38" s="232">
        <v>0</v>
      </c>
      <c r="KN38" s="236">
        <v>0</v>
      </c>
      <c r="KO38" s="237">
        <v>0</v>
      </c>
      <c r="KP38" s="140"/>
      <c r="KQ38" s="119">
        <v>0</v>
      </c>
      <c r="KR38" s="119">
        <v>0</v>
      </c>
      <c r="KS38" s="119">
        <v>0</v>
      </c>
      <c r="KT38" s="119">
        <v>0</v>
      </c>
      <c r="KU38" s="119">
        <v>0</v>
      </c>
      <c r="KV38" s="120">
        <v>0</v>
      </c>
      <c r="KW38" s="321">
        <v>0</v>
      </c>
      <c r="KX38" s="142">
        <v>0</v>
      </c>
      <c r="KY38" s="119">
        <v>0</v>
      </c>
      <c r="KZ38" s="120">
        <v>0</v>
      </c>
      <c r="LA38" s="145"/>
      <c r="LB38" s="119">
        <v>0</v>
      </c>
      <c r="LC38" s="119">
        <v>0</v>
      </c>
      <c r="LD38" s="119">
        <v>0</v>
      </c>
      <c r="LE38" s="119">
        <v>0</v>
      </c>
      <c r="LF38" s="119">
        <v>0</v>
      </c>
      <c r="LG38" s="120">
        <v>0</v>
      </c>
      <c r="LH38" s="121">
        <v>0</v>
      </c>
      <c r="LI38" s="142">
        <v>0</v>
      </c>
      <c r="LJ38" s="119">
        <v>0</v>
      </c>
      <c r="LK38" s="120">
        <v>0</v>
      </c>
      <c r="LL38" s="145"/>
      <c r="LM38" s="119">
        <v>0</v>
      </c>
      <c r="LN38" s="119">
        <v>0</v>
      </c>
      <c r="LO38" s="119">
        <v>0</v>
      </c>
      <c r="LP38" s="119">
        <v>0</v>
      </c>
      <c r="LQ38" s="119">
        <v>0</v>
      </c>
      <c r="LR38" s="120">
        <v>0</v>
      </c>
      <c r="LS38" s="321">
        <v>0</v>
      </c>
      <c r="LT38" s="142">
        <v>0</v>
      </c>
      <c r="LU38" s="119">
        <v>0</v>
      </c>
      <c r="LV38" s="120">
        <v>0</v>
      </c>
      <c r="LW38" s="145"/>
      <c r="LX38" s="119">
        <v>0</v>
      </c>
      <c r="LY38" s="119">
        <v>0</v>
      </c>
      <c r="LZ38" s="119">
        <v>202976</v>
      </c>
      <c r="MA38" s="119">
        <v>0</v>
      </c>
      <c r="MB38" s="119">
        <v>0</v>
      </c>
      <c r="MC38" s="120">
        <v>202976</v>
      </c>
      <c r="MD38" s="121">
        <v>202976</v>
      </c>
      <c r="ME38" s="142">
        <v>0</v>
      </c>
      <c r="MF38" s="119">
        <v>0</v>
      </c>
      <c r="MG38" s="120">
        <v>0</v>
      </c>
      <c r="MH38" s="145"/>
      <c r="MI38" s="119">
        <v>0</v>
      </c>
      <c r="MJ38" s="119">
        <v>189373</v>
      </c>
      <c r="MK38" s="119">
        <v>0</v>
      </c>
      <c r="ML38" s="119">
        <v>501559</v>
      </c>
      <c r="MM38" s="119">
        <v>288505</v>
      </c>
      <c r="MN38" s="120">
        <v>979437</v>
      </c>
      <c r="MO38" s="143">
        <v>979437</v>
      </c>
      <c r="MP38" s="142">
        <v>0</v>
      </c>
      <c r="MQ38" s="119">
        <v>0</v>
      </c>
      <c r="MR38" s="120">
        <v>0</v>
      </c>
      <c r="MS38" s="145"/>
      <c r="MT38" s="119">
        <v>0</v>
      </c>
      <c r="MU38" s="119">
        <v>0</v>
      </c>
      <c r="MV38" s="119">
        <v>0</v>
      </c>
      <c r="MW38" s="119">
        <v>230678</v>
      </c>
      <c r="MX38" s="119">
        <v>0</v>
      </c>
      <c r="MY38" s="120">
        <v>230678</v>
      </c>
      <c r="MZ38" s="143">
        <v>230678</v>
      </c>
      <c r="NA38" s="142">
        <v>0</v>
      </c>
      <c r="NB38" s="119">
        <v>0</v>
      </c>
      <c r="NC38" s="120">
        <v>0</v>
      </c>
      <c r="ND38" s="145">
        <v>0</v>
      </c>
      <c r="NE38" s="119">
        <v>0</v>
      </c>
      <c r="NF38" s="119">
        <v>0</v>
      </c>
      <c r="NG38" s="119">
        <v>0</v>
      </c>
      <c r="NH38" s="119">
        <v>0</v>
      </c>
      <c r="NI38" s="119">
        <v>0</v>
      </c>
      <c r="NJ38" s="120">
        <v>0</v>
      </c>
      <c r="NK38" s="321">
        <v>0</v>
      </c>
      <c r="NL38" s="142">
        <v>0</v>
      </c>
      <c r="NM38" s="119">
        <v>0</v>
      </c>
      <c r="NN38" s="120">
        <v>0</v>
      </c>
      <c r="NO38" s="145"/>
      <c r="NP38" s="119">
        <v>0</v>
      </c>
      <c r="NQ38" s="119">
        <v>0</v>
      </c>
      <c r="NR38" s="119">
        <v>0</v>
      </c>
      <c r="NS38" s="119">
        <v>0</v>
      </c>
      <c r="NT38" s="119">
        <v>0</v>
      </c>
      <c r="NU38" s="120">
        <v>0</v>
      </c>
      <c r="NV38" s="121">
        <v>0</v>
      </c>
      <c r="NW38" s="142">
        <v>0</v>
      </c>
      <c r="NX38" s="119">
        <v>0</v>
      </c>
      <c r="NY38" s="120">
        <v>0</v>
      </c>
      <c r="NZ38" s="145"/>
      <c r="OA38" s="119">
        <v>0</v>
      </c>
      <c r="OB38" s="119">
        <v>189373</v>
      </c>
      <c r="OC38" s="119">
        <v>0</v>
      </c>
      <c r="OD38" s="119">
        <v>270881</v>
      </c>
      <c r="OE38" s="119">
        <v>288505</v>
      </c>
      <c r="OF38" s="120">
        <v>748759</v>
      </c>
      <c r="OG38" s="121">
        <v>748759</v>
      </c>
      <c r="OH38" s="142">
        <v>72190</v>
      </c>
      <c r="OI38" s="119">
        <v>25808</v>
      </c>
      <c r="OJ38" s="141">
        <v>97998</v>
      </c>
      <c r="OK38" s="118">
        <v>0</v>
      </c>
      <c r="OL38" s="119">
        <v>438313</v>
      </c>
      <c r="OM38" s="119">
        <v>488469</v>
      </c>
      <c r="ON38" s="119">
        <v>864913</v>
      </c>
      <c r="OO38" s="119">
        <v>814767</v>
      </c>
      <c r="OP38" s="119">
        <v>342080</v>
      </c>
      <c r="OQ38" s="120">
        <v>2948542</v>
      </c>
      <c r="OR38" s="143">
        <v>3046540</v>
      </c>
    </row>
    <row r="39" spans="1:408" ht="20.25" customHeight="1" x14ac:dyDescent="0.2">
      <c r="A39" s="126" t="s">
        <v>34</v>
      </c>
      <c r="B39" s="110">
        <v>0</v>
      </c>
      <c r="C39" s="114">
        <v>4200</v>
      </c>
      <c r="D39" s="174">
        <v>4200</v>
      </c>
      <c r="E39" s="175">
        <v>0</v>
      </c>
      <c r="F39" s="176">
        <v>29582</v>
      </c>
      <c r="G39" s="176">
        <v>202419</v>
      </c>
      <c r="H39" s="176">
        <v>266735</v>
      </c>
      <c r="I39" s="176">
        <v>364105</v>
      </c>
      <c r="J39" s="176">
        <v>0</v>
      </c>
      <c r="K39" s="177">
        <v>862841</v>
      </c>
      <c r="L39" s="116">
        <v>867041</v>
      </c>
      <c r="M39" s="110">
        <v>0</v>
      </c>
      <c r="N39" s="114">
        <v>0</v>
      </c>
      <c r="O39" s="113">
        <v>0</v>
      </c>
      <c r="P39" s="110">
        <v>0</v>
      </c>
      <c r="Q39" s="114">
        <v>9849</v>
      </c>
      <c r="R39" s="114">
        <v>17346</v>
      </c>
      <c r="S39" s="114">
        <v>55342</v>
      </c>
      <c r="T39" s="114">
        <v>245329</v>
      </c>
      <c r="U39" s="114">
        <v>0</v>
      </c>
      <c r="V39" s="113">
        <v>327866</v>
      </c>
      <c r="W39" s="116">
        <v>327866</v>
      </c>
      <c r="X39" s="110">
        <v>0</v>
      </c>
      <c r="Y39" s="114">
        <v>0</v>
      </c>
      <c r="Z39" s="113">
        <v>0</v>
      </c>
      <c r="AA39" s="110">
        <v>0</v>
      </c>
      <c r="AB39" s="114">
        <v>0</v>
      </c>
      <c r="AC39" s="114">
        <v>0</v>
      </c>
      <c r="AD39" s="114">
        <v>29302</v>
      </c>
      <c r="AE39" s="114">
        <v>236929</v>
      </c>
      <c r="AF39" s="114">
        <v>0</v>
      </c>
      <c r="AG39" s="113">
        <v>266231</v>
      </c>
      <c r="AH39" s="116">
        <v>266231</v>
      </c>
      <c r="AI39" s="110">
        <v>0</v>
      </c>
      <c r="AJ39" s="114">
        <v>0</v>
      </c>
      <c r="AK39" s="113">
        <v>0</v>
      </c>
      <c r="AL39" s="110">
        <v>0</v>
      </c>
      <c r="AM39" s="114">
        <v>0</v>
      </c>
      <c r="AN39" s="114">
        <v>0</v>
      </c>
      <c r="AO39" s="114">
        <v>0</v>
      </c>
      <c r="AP39" s="114">
        <v>0</v>
      </c>
      <c r="AQ39" s="114">
        <v>0</v>
      </c>
      <c r="AR39" s="113">
        <v>0</v>
      </c>
      <c r="AS39" s="116">
        <v>0</v>
      </c>
      <c r="AT39" s="110">
        <v>0</v>
      </c>
      <c r="AU39" s="114">
        <v>0</v>
      </c>
      <c r="AV39" s="113">
        <v>0</v>
      </c>
      <c r="AW39" s="110">
        <v>0</v>
      </c>
      <c r="AX39" s="114">
        <v>0</v>
      </c>
      <c r="AY39" s="114">
        <v>0</v>
      </c>
      <c r="AZ39" s="114">
        <v>0</v>
      </c>
      <c r="BA39" s="114">
        <v>0</v>
      </c>
      <c r="BB39" s="114">
        <v>0</v>
      </c>
      <c r="BC39" s="113">
        <v>0</v>
      </c>
      <c r="BD39" s="116">
        <v>0</v>
      </c>
      <c r="BE39" s="110">
        <v>0</v>
      </c>
      <c r="BF39" s="114">
        <v>0</v>
      </c>
      <c r="BG39" s="112">
        <v>0</v>
      </c>
      <c r="BH39" s="111">
        <v>0</v>
      </c>
      <c r="BI39" s="114">
        <v>0</v>
      </c>
      <c r="BJ39" s="114">
        <v>0</v>
      </c>
      <c r="BK39" s="114">
        <v>26040</v>
      </c>
      <c r="BL39" s="114">
        <v>0</v>
      </c>
      <c r="BM39" s="114">
        <v>0</v>
      </c>
      <c r="BN39" s="113">
        <v>26040</v>
      </c>
      <c r="BO39" s="116">
        <v>26040</v>
      </c>
      <c r="BP39" s="110">
        <v>0</v>
      </c>
      <c r="BQ39" s="114">
        <v>0</v>
      </c>
      <c r="BR39" s="113">
        <v>0</v>
      </c>
      <c r="BS39" s="110">
        <v>0</v>
      </c>
      <c r="BT39" s="114">
        <v>9849</v>
      </c>
      <c r="BU39" s="114">
        <v>17346</v>
      </c>
      <c r="BV39" s="114">
        <v>0</v>
      </c>
      <c r="BW39" s="114">
        <v>8400</v>
      </c>
      <c r="BX39" s="114">
        <v>0</v>
      </c>
      <c r="BY39" s="113">
        <v>35595</v>
      </c>
      <c r="BZ39" s="116">
        <v>35595</v>
      </c>
      <c r="CA39" s="110">
        <v>0</v>
      </c>
      <c r="CB39" s="114">
        <v>0</v>
      </c>
      <c r="CC39" s="113">
        <v>0</v>
      </c>
      <c r="CD39" s="110">
        <v>0</v>
      </c>
      <c r="CE39" s="114">
        <v>9583</v>
      </c>
      <c r="CF39" s="114">
        <v>42861</v>
      </c>
      <c r="CG39" s="114">
        <v>183477</v>
      </c>
      <c r="CH39" s="114">
        <v>101318</v>
      </c>
      <c r="CI39" s="114">
        <v>0</v>
      </c>
      <c r="CJ39" s="113">
        <v>337239</v>
      </c>
      <c r="CK39" s="116">
        <v>337239</v>
      </c>
      <c r="CL39" s="110">
        <v>0</v>
      </c>
      <c r="CM39" s="114">
        <v>0</v>
      </c>
      <c r="CN39" s="113">
        <v>0</v>
      </c>
      <c r="CO39" s="111">
        <v>0</v>
      </c>
      <c r="CP39" s="114">
        <v>0</v>
      </c>
      <c r="CQ39" s="114">
        <v>42861</v>
      </c>
      <c r="CR39" s="114">
        <v>183477</v>
      </c>
      <c r="CS39" s="114">
        <v>101318</v>
      </c>
      <c r="CT39" s="114">
        <v>0</v>
      </c>
      <c r="CU39" s="113">
        <v>327656</v>
      </c>
      <c r="CV39" s="116">
        <v>327656</v>
      </c>
      <c r="CW39" s="110">
        <v>0</v>
      </c>
      <c r="CX39" s="114">
        <v>0</v>
      </c>
      <c r="CY39" s="113">
        <v>0</v>
      </c>
      <c r="CZ39" s="110">
        <v>0</v>
      </c>
      <c r="DA39" s="114">
        <v>9583</v>
      </c>
      <c r="DB39" s="114">
        <v>0</v>
      </c>
      <c r="DC39" s="114">
        <v>0</v>
      </c>
      <c r="DD39" s="114">
        <v>0</v>
      </c>
      <c r="DE39" s="114">
        <v>0</v>
      </c>
      <c r="DF39" s="113">
        <v>9583</v>
      </c>
      <c r="DG39" s="116">
        <v>9583</v>
      </c>
      <c r="DH39" s="110">
        <v>0</v>
      </c>
      <c r="DI39" s="114">
        <v>0</v>
      </c>
      <c r="DJ39" s="112">
        <v>0</v>
      </c>
      <c r="DK39" s="111">
        <v>0</v>
      </c>
      <c r="DL39" s="114">
        <v>0</v>
      </c>
      <c r="DM39" s="114">
        <v>0</v>
      </c>
      <c r="DN39" s="114">
        <v>0</v>
      </c>
      <c r="DO39" s="114">
        <v>0</v>
      </c>
      <c r="DP39" s="114">
        <v>0</v>
      </c>
      <c r="DQ39" s="113">
        <v>0</v>
      </c>
      <c r="DR39" s="116">
        <v>0</v>
      </c>
      <c r="DS39" s="110">
        <v>0</v>
      </c>
      <c r="DT39" s="114">
        <v>0</v>
      </c>
      <c r="DU39" s="113">
        <v>0</v>
      </c>
      <c r="DV39" s="110">
        <v>0</v>
      </c>
      <c r="DW39" s="114">
        <v>0</v>
      </c>
      <c r="DX39" s="114">
        <v>0</v>
      </c>
      <c r="DY39" s="114">
        <v>0</v>
      </c>
      <c r="DZ39" s="114">
        <v>0</v>
      </c>
      <c r="EA39" s="114">
        <v>0</v>
      </c>
      <c r="EB39" s="113">
        <v>0</v>
      </c>
      <c r="EC39" s="116">
        <v>0</v>
      </c>
      <c r="ED39" s="110">
        <v>0</v>
      </c>
      <c r="EE39" s="112">
        <v>0</v>
      </c>
      <c r="EF39" s="113">
        <v>0</v>
      </c>
      <c r="EG39" s="110">
        <v>0</v>
      </c>
      <c r="EH39" s="114">
        <v>0</v>
      </c>
      <c r="EI39" s="114">
        <v>0</v>
      </c>
      <c r="EJ39" s="114">
        <v>0</v>
      </c>
      <c r="EK39" s="114">
        <v>0</v>
      </c>
      <c r="EL39" s="114">
        <v>0</v>
      </c>
      <c r="EM39" s="112">
        <v>0</v>
      </c>
      <c r="EN39" s="116">
        <v>0</v>
      </c>
      <c r="EO39" s="110">
        <v>0</v>
      </c>
      <c r="EP39" s="114">
        <v>0</v>
      </c>
      <c r="EQ39" s="112">
        <v>0</v>
      </c>
      <c r="ER39" s="111">
        <v>0</v>
      </c>
      <c r="ES39" s="114">
        <v>0</v>
      </c>
      <c r="ET39" s="114">
        <v>0</v>
      </c>
      <c r="EU39" s="114">
        <v>0</v>
      </c>
      <c r="EV39" s="114">
        <v>0</v>
      </c>
      <c r="EW39" s="114">
        <v>0</v>
      </c>
      <c r="EX39" s="113">
        <v>0</v>
      </c>
      <c r="EY39" s="116">
        <v>0</v>
      </c>
      <c r="EZ39" s="110">
        <v>0</v>
      </c>
      <c r="FA39" s="114">
        <v>0</v>
      </c>
      <c r="FB39" s="112">
        <v>0</v>
      </c>
      <c r="FC39" s="348"/>
      <c r="FD39" s="114">
        <v>0</v>
      </c>
      <c r="FE39" s="114">
        <v>0</v>
      </c>
      <c r="FF39" s="114">
        <v>0</v>
      </c>
      <c r="FG39" s="114">
        <v>0</v>
      </c>
      <c r="FH39" s="114">
        <v>0</v>
      </c>
      <c r="FI39" s="113">
        <v>0</v>
      </c>
      <c r="FJ39" s="116">
        <v>0</v>
      </c>
      <c r="FK39" s="110">
        <v>0</v>
      </c>
      <c r="FL39" s="114">
        <v>4200</v>
      </c>
      <c r="FM39" s="113">
        <v>4200</v>
      </c>
      <c r="FN39" s="110">
        <v>0</v>
      </c>
      <c r="FO39" s="114">
        <v>10150</v>
      </c>
      <c r="FP39" s="114">
        <v>0</v>
      </c>
      <c r="FQ39" s="114">
        <v>27916</v>
      </c>
      <c r="FR39" s="114">
        <v>17458</v>
      </c>
      <c r="FS39" s="114">
        <v>0</v>
      </c>
      <c r="FT39" s="113">
        <v>55524</v>
      </c>
      <c r="FU39" s="116">
        <v>59724</v>
      </c>
      <c r="FV39" s="115">
        <v>0</v>
      </c>
      <c r="FW39" s="114">
        <v>4200</v>
      </c>
      <c r="FX39" s="112">
        <v>4200</v>
      </c>
      <c r="FY39" s="111">
        <v>0</v>
      </c>
      <c r="FZ39" s="114">
        <v>10150</v>
      </c>
      <c r="GA39" s="114">
        <v>0</v>
      </c>
      <c r="GB39" s="114">
        <v>27916</v>
      </c>
      <c r="GC39" s="114">
        <v>17458</v>
      </c>
      <c r="GD39" s="114">
        <v>0</v>
      </c>
      <c r="GE39" s="113">
        <v>55524</v>
      </c>
      <c r="GF39" s="319">
        <v>59724</v>
      </c>
      <c r="GG39" s="115">
        <v>0</v>
      </c>
      <c r="GH39" s="114">
        <v>0</v>
      </c>
      <c r="GI39" s="112">
        <v>0</v>
      </c>
      <c r="GJ39" s="111">
        <v>0</v>
      </c>
      <c r="GK39" s="114">
        <v>0</v>
      </c>
      <c r="GL39" s="114">
        <v>0</v>
      </c>
      <c r="GM39" s="114">
        <v>0</v>
      </c>
      <c r="GN39" s="114">
        <v>0</v>
      </c>
      <c r="GO39" s="114">
        <v>0</v>
      </c>
      <c r="GP39" s="113">
        <v>0</v>
      </c>
      <c r="GQ39" s="116">
        <v>0</v>
      </c>
      <c r="GR39" s="110">
        <v>0</v>
      </c>
      <c r="GS39" s="114">
        <v>0</v>
      </c>
      <c r="GT39" s="113">
        <v>0</v>
      </c>
      <c r="GU39" s="110">
        <v>0</v>
      </c>
      <c r="GV39" s="114">
        <v>0</v>
      </c>
      <c r="GW39" s="114">
        <v>0</v>
      </c>
      <c r="GX39" s="114">
        <v>0</v>
      </c>
      <c r="GY39" s="114">
        <v>0</v>
      </c>
      <c r="GZ39" s="114">
        <v>0</v>
      </c>
      <c r="HA39" s="112">
        <v>0</v>
      </c>
      <c r="HB39" s="116">
        <v>0</v>
      </c>
      <c r="HC39" s="110">
        <v>0</v>
      </c>
      <c r="HD39" s="114">
        <v>0</v>
      </c>
      <c r="HE39" s="112">
        <v>0</v>
      </c>
      <c r="HF39" s="111">
        <v>0</v>
      </c>
      <c r="HG39" s="114">
        <v>0</v>
      </c>
      <c r="HH39" s="114">
        <v>142212</v>
      </c>
      <c r="HI39" s="114">
        <v>0</v>
      </c>
      <c r="HJ39" s="114">
        <v>0</v>
      </c>
      <c r="HK39" s="114">
        <v>0</v>
      </c>
      <c r="HL39" s="113">
        <v>142212</v>
      </c>
      <c r="HM39" s="109">
        <v>142212</v>
      </c>
      <c r="HN39" s="329"/>
      <c r="HO39" s="330"/>
      <c r="HP39" s="331"/>
      <c r="HQ39" s="332"/>
      <c r="HR39" s="330"/>
      <c r="HS39" s="330"/>
      <c r="HT39" s="330"/>
      <c r="HU39" s="330"/>
      <c r="HV39" s="330"/>
      <c r="HW39" s="333"/>
      <c r="HX39" s="334"/>
      <c r="HY39" s="131">
        <v>0</v>
      </c>
      <c r="HZ39" s="132">
        <v>0</v>
      </c>
      <c r="IA39" s="133">
        <v>0</v>
      </c>
      <c r="IB39" s="146">
        <v>0</v>
      </c>
      <c r="IC39" s="132">
        <v>96873</v>
      </c>
      <c r="ID39" s="147">
        <v>156296</v>
      </c>
      <c r="IE39" s="133">
        <v>0</v>
      </c>
      <c r="IF39" s="132">
        <v>0</v>
      </c>
      <c r="IG39" s="133">
        <v>0</v>
      </c>
      <c r="IH39" s="148">
        <v>253169</v>
      </c>
      <c r="II39" s="139">
        <v>253169</v>
      </c>
      <c r="IJ39" s="232">
        <v>0</v>
      </c>
      <c r="IK39" s="236">
        <v>0</v>
      </c>
      <c r="IL39" s="237">
        <v>0</v>
      </c>
      <c r="IM39" s="140"/>
      <c r="IN39" s="119">
        <v>0</v>
      </c>
      <c r="IO39" s="119">
        <v>0</v>
      </c>
      <c r="IP39" s="119">
        <v>0</v>
      </c>
      <c r="IQ39" s="119">
        <v>0</v>
      </c>
      <c r="IR39" s="119">
        <v>0</v>
      </c>
      <c r="IS39" s="141">
        <v>0</v>
      </c>
      <c r="IT39" s="321">
        <v>0</v>
      </c>
      <c r="IU39" s="142">
        <v>0</v>
      </c>
      <c r="IV39" s="119">
        <v>0</v>
      </c>
      <c r="IW39" s="120">
        <v>0</v>
      </c>
      <c r="IX39" s="144"/>
      <c r="IY39" s="119">
        <v>0</v>
      </c>
      <c r="IZ39" s="119">
        <v>0</v>
      </c>
      <c r="JA39" s="119">
        <v>0</v>
      </c>
      <c r="JB39" s="119">
        <v>0</v>
      </c>
      <c r="JC39" s="119">
        <v>0</v>
      </c>
      <c r="JD39" s="120">
        <v>0</v>
      </c>
      <c r="JE39" s="121">
        <v>0</v>
      </c>
      <c r="JF39" s="142">
        <v>0</v>
      </c>
      <c r="JG39" s="119">
        <v>0</v>
      </c>
      <c r="JH39" s="141">
        <v>0</v>
      </c>
      <c r="JI39" s="118">
        <v>0</v>
      </c>
      <c r="JJ39" s="119">
        <v>0</v>
      </c>
      <c r="JK39" s="119">
        <v>0</v>
      </c>
      <c r="JL39" s="119">
        <v>0</v>
      </c>
      <c r="JM39" s="119">
        <v>0</v>
      </c>
      <c r="JN39" s="119">
        <v>0</v>
      </c>
      <c r="JO39" s="120">
        <v>0</v>
      </c>
      <c r="JP39" s="321">
        <v>0</v>
      </c>
      <c r="JQ39" s="142">
        <v>0</v>
      </c>
      <c r="JR39" s="119">
        <v>0</v>
      </c>
      <c r="JS39" s="141">
        <v>0</v>
      </c>
      <c r="JT39" s="118">
        <v>0</v>
      </c>
      <c r="JU39" s="119">
        <v>0</v>
      </c>
      <c r="JV39" s="119">
        <v>0</v>
      </c>
      <c r="JW39" s="119">
        <v>0</v>
      </c>
      <c r="JX39" s="119">
        <v>0</v>
      </c>
      <c r="JY39" s="119">
        <v>0</v>
      </c>
      <c r="JZ39" s="120">
        <v>0</v>
      </c>
      <c r="KA39" s="321">
        <v>0</v>
      </c>
      <c r="KB39" s="234">
        <v>0</v>
      </c>
      <c r="KC39" s="230">
        <v>0</v>
      </c>
      <c r="KD39" s="120">
        <v>0</v>
      </c>
      <c r="KE39" s="118">
        <v>0</v>
      </c>
      <c r="KF39" s="119">
        <v>96873</v>
      </c>
      <c r="KG39" s="119">
        <v>0</v>
      </c>
      <c r="KH39" s="119">
        <v>0</v>
      </c>
      <c r="KI39" s="119">
        <v>0</v>
      </c>
      <c r="KJ39" s="119">
        <v>0</v>
      </c>
      <c r="KK39" s="120">
        <v>96873</v>
      </c>
      <c r="KL39" s="143">
        <v>96873</v>
      </c>
      <c r="KM39" s="232">
        <v>0</v>
      </c>
      <c r="KN39" s="236">
        <v>0</v>
      </c>
      <c r="KO39" s="237">
        <v>0</v>
      </c>
      <c r="KP39" s="140"/>
      <c r="KQ39" s="119">
        <v>0</v>
      </c>
      <c r="KR39" s="119">
        <v>0</v>
      </c>
      <c r="KS39" s="119">
        <v>0</v>
      </c>
      <c r="KT39" s="119">
        <v>0</v>
      </c>
      <c r="KU39" s="119">
        <v>0</v>
      </c>
      <c r="KV39" s="120">
        <v>0</v>
      </c>
      <c r="KW39" s="321">
        <v>0</v>
      </c>
      <c r="KX39" s="142">
        <v>0</v>
      </c>
      <c r="KY39" s="119">
        <v>0</v>
      </c>
      <c r="KZ39" s="120">
        <v>0</v>
      </c>
      <c r="LA39" s="145"/>
      <c r="LB39" s="119">
        <v>0</v>
      </c>
      <c r="LC39" s="119">
        <v>0</v>
      </c>
      <c r="LD39" s="119">
        <v>0</v>
      </c>
      <c r="LE39" s="119">
        <v>0</v>
      </c>
      <c r="LF39" s="119">
        <v>0</v>
      </c>
      <c r="LG39" s="120">
        <v>0</v>
      </c>
      <c r="LH39" s="121">
        <v>0</v>
      </c>
      <c r="LI39" s="142">
        <v>0</v>
      </c>
      <c r="LJ39" s="119">
        <v>0</v>
      </c>
      <c r="LK39" s="120">
        <v>0</v>
      </c>
      <c r="LL39" s="145"/>
      <c r="LM39" s="119">
        <v>0</v>
      </c>
      <c r="LN39" s="119">
        <v>0</v>
      </c>
      <c r="LO39" s="119">
        <v>0</v>
      </c>
      <c r="LP39" s="119">
        <v>0</v>
      </c>
      <c r="LQ39" s="119">
        <v>0</v>
      </c>
      <c r="LR39" s="120">
        <v>0</v>
      </c>
      <c r="LS39" s="321">
        <v>0</v>
      </c>
      <c r="LT39" s="142">
        <v>0</v>
      </c>
      <c r="LU39" s="119">
        <v>0</v>
      </c>
      <c r="LV39" s="120">
        <v>0</v>
      </c>
      <c r="LW39" s="145"/>
      <c r="LX39" s="119">
        <v>0</v>
      </c>
      <c r="LY39" s="119">
        <v>156296</v>
      </c>
      <c r="LZ39" s="119">
        <v>0</v>
      </c>
      <c r="MA39" s="119">
        <v>0</v>
      </c>
      <c r="MB39" s="119">
        <v>0</v>
      </c>
      <c r="MC39" s="120">
        <v>156296</v>
      </c>
      <c r="MD39" s="121">
        <v>156296</v>
      </c>
      <c r="ME39" s="142">
        <v>0</v>
      </c>
      <c r="MF39" s="119">
        <v>0</v>
      </c>
      <c r="MG39" s="120">
        <v>0</v>
      </c>
      <c r="MH39" s="145"/>
      <c r="MI39" s="119">
        <v>0</v>
      </c>
      <c r="MJ39" s="119">
        <v>0</v>
      </c>
      <c r="MK39" s="119">
        <v>167293</v>
      </c>
      <c r="ML39" s="119">
        <v>0</v>
      </c>
      <c r="MM39" s="119">
        <v>0</v>
      </c>
      <c r="MN39" s="120">
        <v>167293</v>
      </c>
      <c r="MO39" s="143">
        <v>167293</v>
      </c>
      <c r="MP39" s="142">
        <v>0</v>
      </c>
      <c r="MQ39" s="119">
        <v>0</v>
      </c>
      <c r="MR39" s="120">
        <v>0</v>
      </c>
      <c r="MS39" s="145"/>
      <c r="MT39" s="119">
        <v>0</v>
      </c>
      <c r="MU39" s="119">
        <v>0</v>
      </c>
      <c r="MV39" s="119">
        <v>0</v>
      </c>
      <c r="MW39" s="119">
        <v>0</v>
      </c>
      <c r="MX39" s="119">
        <v>0</v>
      </c>
      <c r="MY39" s="120">
        <v>0</v>
      </c>
      <c r="MZ39" s="143">
        <v>0</v>
      </c>
      <c r="NA39" s="142">
        <v>0</v>
      </c>
      <c r="NB39" s="119">
        <v>0</v>
      </c>
      <c r="NC39" s="120">
        <v>0</v>
      </c>
      <c r="ND39" s="145">
        <v>0</v>
      </c>
      <c r="NE39" s="119">
        <v>0</v>
      </c>
      <c r="NF39" s="119">
        <v>0</v>
      </c>
      <c r="NG39" s="119">
        <v>167293</v>
      </c>
      <c r="NH39" s="119">
        <v>0</v>
      </c>
      <c r="NI39" s="119">
        <v>0</v>
      </c>
      <c r="NJ39" s="120">
        <v>167293</v>
      </c>
      <c r="NK39" s="321">
        <v>167293</v>
      </c>
      <c r="NL39" s="142">
        <v>0</v>
      </c>
      <c r="NM39" s="119">
        <v>0</v>
      </c>
      <c r="NN39" s="120">
        <v>0</v>
      </c>
      <c r="NO39" s="145"/>
      <c r="NP39" s="119">
        <v>0</v>
      </c>
      <c r="NQ39" s="119">
        <v>0</v>
      </c>
      <c r="NR39" s="119">
        <v>0</v>
      </c>
      <c r="NS39" s="119">
        <v>0</v>
      </c>
      <c r="NT39" s="119">
        <v>0</v>
      </c>
      <c r="NU39" s="120">
        <v>0</v>
      </c>
      <c r="NV39" s="121">
        <v>0</v>
      </c>
      <c r="NW39" s="142">
        <v>0</v>
      </c>
      <c r="NX39" s="119">
        <v>0</v>
      </c>
      <c r="NY39" s="120">
        <v>0</v>
      </c>
      <c r="NZ39" s="145"/>
      <c r="OA39" s="119">
        <v>0</v>
      </c>
      <c r="OB39" s="119">
        <v>0</v>
      </c>
      <c r="OC39" s="119">
        <v>0</v>
      </c>
      <c r="OD39" s="119">
        <v>0</v>
      </c>
      <c r="OE39" s="119">
        <v>0</v>
      </c>
      <c r="OF39" s="120">
        <v>0</v>
      </c>
      <c r="OG39" s="121">
        <v>0</v>
      </c>
      <c r="OH39" s="142">
        <v>0</v>
      </c>
      <c r="OI39" s="119">
        <v>4200</v>
      </c>
      <c r="OJ39" s="141">
        <v>4200</v>
      </c>
      <c r="OK39" s="118">
        <v>0</v>
      </c>
      <c r="OL39" s="119">
        <v>126455</v>
      </c>
      <c r="OM39" s="119">
        <v>358715</v>
      </c>
      <c r="ON39" s="119">
        <v>434028</v>
      </c>
      <c r="OO39" s="119">
        <v>364105</v>
      </c>
      <c r="OP39" s="119">
        <v>0</v>
      </c>
      <c r="OQ39" s="120">
        <v>1283303</v>
      </c>
      <c r="OR39" s="143">
        <v>1287503</v>
      </c>
    </row>
    <row r="40" spans="1:408" ht="20.25" customHeight="1" x14ac:dyDescent="0.2">
      <c r="A40" s="126" t="s">
        <v>35</v>
      </c>
      <c r="B40" s="110">
        <v>202683</v>
      </c>
      <c r="C40" s="114">
        <v>253242</v>
      </c>
      <c r="D40" s="113">
        <v>455925</v>
      </c>
      <c r="E40" s="109">
        <v>0</v>
      </c>
      <c r="F40" s="114">
        <v>705196</v>
      </c>
      <c r="G40" s="114">
        <v>702467</v>
      </c>
      <c r="H40" s="114">
        <v>683267</v>
      </c>
      <c r="I40" s="114">
        <v>1139881</v>
      </c>
      <c r="J40" s="114">
        <v>198394</v>
      </c>
      <c r="K40" s="173">
        <v>3429205</v>
      </c>
      <c r="L40" s="116">
        <v>3885130</v>
      </c>
      <c r="M40" s="110">
        <v>41398</v>
      </c>
      <c r="N40" s="114">
        <v>21574</v>
      </c>
      <c r="O40" s="113">
        <v>62972</v>
      </c>
      <c r="P40" s="110">
        <v>0</v>
      </c>
      <c r="Q40" s="114">
        <v>301831</v>
      </c>
      <c r="R40" s="114">
        <v>157640</v>
      </c>
      <c r="S40" s="114">
        <v>146608</v>
      </c>
      <c r="T40" s="114">
        <v>341971</v>
      </c>
      <c r="U40" s="114">
        <v>171234</v>
      </c>
      <c r="V40" s="113">
        <v>1119284</v>
      </c>
      <c r="W40" s="116">
        <v>1182256</v>
      </c>
      <c r="X40" s="110">
        <v>0</v>
      </c>
      <c r="Y40" s="114">
        <v>0</v>
      </c>
      <c r="Z40" s="113">
        <v>0</v>
      </c>
      <c r="AA40" s="110">
        <v>0</v>
      </c>
      <c r="AB40" s="114">
        <v>227707</v>
      </c>
      <c r="AC40" s="114">
        <v>91791</v>
      </c>
      <c r="AD40" s="114">
        <v>96978</v>
      </c>
      <c r="AE40" s="114">
        <v>197001</v>
      </c>
      <c r="AF40" s="114">
        <v>0</v>
      </c>
      <c r="AG40" s="113">
        <v>613477</v>
      </c>
      <c r="AH40" s="116">
        <v>613477</v>
      </c>
      <c r="AI40" s="110">
        <v>0</v>
      </c>
      <c r="AJ40" s="114">
        <v>0</v>
      </c>
      <c r="AK40" s="113">
        <v>0</v>
      </c>
      <c r="AL40" s="110">
        <v>0</v>
      </c>
      <c r="AM40" s="114">
        <v>0</v>
      </c>
      <c r="AN40" s="114">
        <v>0</v>
      </c>
      <c r="AO40" s="114">
        <v>10220</v>
      </c>
      <c r="AP40" s="114">
        <v>0</v>
      </c>
      <c r="AQ40" s="114">
        <v>0</v>
      </c>
      <c r="AR40" s="113">
        <v>10220</v>
      </c>
      <c r="AS40" s="116">
        <v>10220</v>
      </c>
      <c r="AT40" s="110">
        <v>0</v>
      </c>
      <c r="AU40" s="114">
        <v>0</v>
      </c>
      <c r="AV40" s="113">
        <v>0</v>
      </c>
      <c r="AW40" s="110">
        <v>0</v>
      </c>
      <c r="AX40" s="114">
        <v>38648</v>
      </c>
      <c r="AY40" s="114">
        <v>36106</v>
      </c>
      <c r="AZ40" s="114">
        <v>24374</v>
      </c>
      <c r="BA40" s="114">
        <v>81704</v>
      </c>
      <c r="BB40" s="114">
        <v>148638</v>
      </c>
      <c r="BC40" s="113">
        <v>329470</v>
      </c>
      <c r="BD40" s="116">
        <v>329470</v>
      </c>
      <c r="BE40" s="110">
        <v>0</v>
      </c>
      <c r="BF40" s="114">
        <v>0</v>
      </c>
      <c r="BG40" s="112">
        <v>0</v>
      </c>
      <c r="BH40" s="111">
        <v>0</v>
      </c>
      <c r="BI40" s="114">
        <v>17528</v>
      </c>
      <c r="BJ40" s="114">
        <v>0</v>
      </c>
      <c r="BK40" s="114">
        <v>0</v>
      </c>
      <c r="BL40" s="114">
        <v>0</v>
      </c>
      <c r="BM40" s="114">
        <v>0</v>
      </c>
      <c r="BN40" s="113">
        <v>17528</v>
      </c>
      <c r="BO40" s="116">
        <v>17528</v>
      </c>
      <c r="BP40" s="110">
        <v>41398</v>
      </c>
      <c r="BQ40" s="114">
        <v>21574</v>
      </c>
      <c r="BR40" s="113">
        <v>62972</v>
      </c>
      <c r="BS40" s="110">
        <v>0</v>
      </c>
      <c r="BT40" s="114">
        <v>17948</v>
      </c>
      <c r="BU40" s="114">
        <v>29743</v>
      </c>
      <c r="BV40" s="114">
        <v>15036</v>
      </c>
      <c r="BW40" s="114">
        <v>63266</v>
      </c>
      <c r="BX40" s="114">
        <v>22596</v>
      </c>
      <c r="BY40" s="113">
        <v>148589</v>
      </c>
      <c r="BZ40" s="116">
        <v>211561</v>
      </c>
      <c r="CA40" s="110">
        <v>18872</v>
      </c>
      <c r="CB40" s="114">
        <v>31822</v>
      </c>
      <c r="CC40" s="113">
        <v>50694</v>
      </c>
      <c r="CD40" s="110">
        <v>0</v>
      </c>
      <c r="CE40" s="114">
        <v>106232</v>
      </c>
      <c r="CF40" s="114">
        <v>293548</v>
      </c>
      <c r="CG40" s="114">
        <v>92883</v>
      </c>
      <c r="CH40" s="114">
        <v>96844</v>
      </c>
      <c r="CI40" s="114">
        <v>0</v>
      </c>
      <c r="CJ40" s="113">
        <v>589507</v>
      </c>
      <c r="CK40" s="116">
        <v>640201</v>
      </c>
      <c r="CL40" s="110">
        <v>0</v>
      </c>
      <c r="CM40" s="114">
        <v>0</v>
      </c>
      <c r="CN40" s="113">
        <v>0</v>
      </c>
      <c r="CO40" s="111">
        <v>0</v>
      </c>
      <c r="CP40" s="114">
        <v>98560</v>
      </c>
      <c r="CQ40" s="114">
        <v>207357</v>
      </c>
      <c r="CR40" s="114">
        <v>92883</v>
      </c>
      <c r="CS40" s="114">
        <v>0</v>
      </c>
      <c r="CT40" s="114">
        <v>0</v>
      </c>
      <c r="CU40" s="113">
        <v>398800</v>
      </c>
      <c r="CV40" s="116">
        <v>398800</v>
      </c>
      <c r="CW40" s="110">
        <v>18872</v>
      </c>
      <c r="CX40" s="114">
        <v>31822</v>
      </c>
      <c r="CY40" s="113">
        <v>50694</v>
      </c>
      <c r="CZ40" s="110">
        <v>0</v>
      </c>
      <c r="DA40" s="114">
        <v>7672</v>
      </c>
      <c r="DB40" s="114">
        <v>86191</v>
      </c>
      <c r="DC40" s="114">
        <v>0</v>
      </c>
      <c r="DD40" s="114">
        <v>96844</v>
      </c>
      <c r="DE40" s="114">
        <v>0</v>
      </c>
      <c r="DF40" s="113">
        <v>190707</v>
      </c>
      <c r="DG40" s="116">
        <v>241401</v>
      </c>
      <c r="DH40" s="110">
        <v>0</v>
      </c>
      <c r="DI40" s="114">
        <v>0</v>
      </c>
      <c r="DJ40" s="112">
        <v>0</v>
      </c>
      <c r="DK40" s="111">
        <v>0</v>
      </c>
      <c r="DL40" s="114">
        <v>0</v>
      </c>
      <c r="DM40" s="114">
        <v>0</v>
      </c>
      <c r="DN40" s="114">
        <v>0</v>
      </c>
      <c r="DO40" s="114">
        <v>0</v>
      </c>
      <c r="DP40" s="114">
        <v>0</v>
      </c>
      <c r="DQ40" s="113">
        <v>0</v>
      </c>
      <c r="DR40" s="116">
        <v>0</v>
      </c>
      <c r="DS40" s="110">
        <v>0</v>
      </c>
      <c r="DT40" s="114">
        <v>0</v>
      </c>
      <c r="DU40" s="113">
        <v>0</v>
      </c>
      <c r="DV40" s="110">
        <v>0</v>
      </c>
      <c r="DW40" s="114">
        <v>0</v>
      </c>
      <c r="DX40" s="114">
        <v>0</v>
      </c>
      <c r="DY40" s="114">
        <v>0</v>
      </c>
      <c r="DZ40" s="114">
        <v>0</v>
      </c>
      <c r="EA40" s="114">
        <v>0</v>
      </c>
      <c r="EB40" s="113">
        <v>0</v>
      </c>
      <c r="EC40" s="116">
        <v>0</v>
      </c>
      <c r="ED40" s="110">
        <v>0</v>
      </c>
      <c r="EE40" s="112">
        <v>0</v>
      </c>
      <c r="EF40" s="113">
        <v>0</v>
      </c>
      <c r="EG40" s="110">
        <v>0</v>
      </c>
      <c r="EH40" s="114">
        <v>0</v>
      </c>
      <c r="EI40" s="114">
        <v>0</v>
      </c>
      <c r="EJ40" s="114">
        <v>0</v>
      </c>
      <c r="EK40" s="114">
        <v>0</v>
      </c>
      <c r="EL40" s="114">
        <v>0</v>
      </c>
      <c r="EM40" s="112">
        <v>0</v>
      </c>
      <c r="EN40" s="116">
        <v>0</v>
      </c>
      <c r="EO40" s="110">
        <v>0</v>
      </c>
      <c r="EP40" s="114">
        <v>0</v>
      </c>
      <c r="EQ40" s="112">
        <v>0</v>
      </c>
      <c r="ER40" s="111">
        <v>0</v>
      </c>
      <c r="ES40" s="114">
        <v>0</v>
      </c>
      <c r="ET40" s="114">
        <v>0</v>
      </c>
      <c r="EU40" s="114">
        <v>0</v>
      </c>
      <c r="EV40" s="114">
        <v>0</v>
      </c>
      <c r="EW40" s="114">
        <v>0</v>
      </c>
      <c r="EX40" s="113">
        <v>0</v>
      </c>
      <c r="EY40" s="116">
        <v>0</v>
      </c>
      <c r="EZ40" s="110">
        <v>0</v>
      </c>
      <c r="FA40" s="114">
        <v>0</v>
      </c>
      <c r="FB40" s="112">
        <v>0</v>
      </c>
      <c r="FC40" s="348"/>
      <c r="FD40" s="114">
        <v>0</v>
      </c>
      <c r="FE40" s="114">
        <v>0</v>
      </c>
      <c r="FF40" s="114">
        <v>0</v>
      </c>
      <c r="FG40" s="114">
        <v>0</v>
      </c>
      <c r="FH40" s="114">
        <v>0</v>
      </c>
      <c r="FI40" s="113">
        <v>0</v>
      </c>
      <c r="FJ40" s="116">
        <v>0</v>
      </c>
      <c r="FK40" s="110">
        <v>5950</v>
      </c>
      <c r="FL40" s="114">
        <v>39962</v>
      </c>
      <c r="FM40" s="113">
        <v>45912</v>
      </c>
      <c r="FN40" s="110">
        <v>0</v>
      </c>
      <c r="FO40" s="114">
        <v>33670</v>
      </c>
      <c r="FP40" s="114">
        <v>108920</v>
      </c>
      <c r="FQ40" s="114">
        <v>113995</v>
      </c>
      <c r="FR40" s="114">
        <v>47110</v>
      </c>
      <c r="FS40" s="114">
        <v>27160</v>
      </c>
      <c r="FT40" s="113">
        <v>330855</v>
      </c>
      <c r="FU40" s="116">
        <v>376767</v>
      </c>
      <c r="FV40" s="115">
        <v>5950</v>
      </c>
      <c r="FW40" s="114">
        <v>11550</v>
      </c>
      <c r="FX40" s="112">
        <v>17500</v>
      </c>
      <c r="FY40" s="111">
        <v>0</v>
      </c>
      <c r="FZ40" s="114">
        <v>33670</v>
      </c>
      <c r="GA40" s="114">
        <v>108920</v>
      </c>
      <c r="GB40" s="114">
        <v>113995</v>
      </c>
      <c r="GC40" s="114">
        <v>47110</v>
      </c>
      <c r="GD40" s="114">
        <v>27160</v>
      </c>
      <c r="GE40" s="113">
        <v>330855</v>
      </c>
      <c r="GF40" s="319">
        <v>348355</v>
      </c>
      <c r="GG40" s="115">
        <v>0</v>
      </c>
      <c r="GH40" s="114">
        <v>28412</v>
      </c>
      <c r="GI40" s="112">
        <v>28412</v>
      </c>
      <c r="GJ40" s="111">
        <v>0</v>
      </c>
      <c r="GK40" s="114">
        <v>0</v>
      </c>
      <c r="GL40" s="114">
        <v>0</v>
      </c>
      <c r="GM40" s="114">
        <v>0</v>
      </c>
      <c r="GN40" s="114">
        <v>0</v>
      </c>
      <c r="GO40" s="114">
        <v>0</v>
      </c>
      <c r="GP40" s="113">
        <v>0</v>
      </c>
      <c r="GQ40" s="116">
        <v>28412</v>
      </c>
      <c r="GR40" s="110">
        <v>0</v>
      </c>
      <c r="GS40" s="114">
        <v>0</v>
      </c>
      <c r="GT40" s="113">
        <v>0</v>
      </c>
      <c r="GU40" s="110">
        <v>0</v>
      </c>
      <c r="GV40" s="114">
        <v>0</v>
      </c>
      <c r="GW40" s="114">
        <v>0</v>
      </c>
      <c r="GX40" s="114">
        <v>0</v>
      </c>
      <c r="GY40" s="114">
        <v>0</v>
      </c>
      <c r="GZ40" s="114">
        <v>0</v>
      </c>
      <c r="HA40" s="112">
        <v>0</v>
      </c>
      <c r="HB40" s="116">
        <v>0</v>
      </c>
      <c r="HC40" s="110">
        <v>136463</v>
      </c>
      <c r="HD40" s="114">
        <v>159884</v>
      </c>
      <c r="HE40" s="112">
        <v>296347</v>
      </c>
      <c r="HF40" s="111">
        <v>0</v>
      </c>
      <c r="HG40" s="114">
        <v>263463</v>
      </c>
      <c r="HH40" s="114">
        <v>142359</v>
      </c>
      <c r="HI40" s="114">
        <v>329781</v>
      </c>
      <c r="HJ40" s="114">
        <v>653956</v>
      </c>
      <c r="HK40" s="114">
        <v>0</v>
      </c>
      <c r="HL40" s="113">
        <v>1389559</v>
      </c>
      <c r="HM40" s="109">
        <v>1685906</v>
      </c>
      <c r="HN40" s="329"/>
      <c r="HO40" s="330"/>
      <c r="HP40" s="331"/>
      <c r="HQ40" s="332"/>
      <c r="HR40" s="330"/>
      <c r="HS40" s="330"/>
      <c r="HT40" s="330"/>
      <c r="HU40" s="330"/>
      <c r="HV40" s="330"/>
      <c r="HW40" s="333"/>
      <c r="HX40" s="334"/>
      <c r="HY40" s="150">
        <v>0</v>
      </c>
      <c r="HZ40" s="135">
        <v>0</v>
      </c>
      <c r="IA40" s="150">
        <v>0</v>
      </c>
      <c r="IB40" s="146">
        <v>0</v>
      </c>
      <c r="IC40" s="132">
        <v>64988</v>
      </c>
      <c r="ID40" s="147">
        <v>64012</v>
      </c>
      <c r="IE40" s="133">
        <v>66157</v>
      </c>
      <c r="IF40" s="132">
        <v>206542</v>
      </c>
      <c r="IG40" s="133">
        <v>0</v>
      </c>
      <c r="IH40" s="148">
        <v>401699</v>
      </c>
      <c r="II40" s="150">
        <v>401699</v>
      </c>
      <c r="IJ40" s="232">
        <v>0</v>
      </c>
      <c r="IK40" s="236">
        <v>0</v>
      </c>
      <c r="IL40" s="237">
        <v>0</v>
      </c>
      <c r="IM40" s="140"/>
      <c r="IN40" s="119">
        <v>0</v>
      </c>
      <c r="IO40" s="119">
        <v>0</v>
      </c>
      <c r="IP40" s="119">
        <v>0</v>
      </c>
      <c r="IQ40" s="119">
        <v>0</v>
      </c>
      <c r="IR40" s="119">
        <v>0</v>
      </c>
      <c r="IS40" s="141">
        <v>0</v>
      </c>
      <c r="IT40" s="321">
        <v>0</v>
      </c>
      <c r="IU40" s="142">
        <v>0</v>
      </c>
      <c r="IV40" s="119">
        <v>0</v>
      </c>
      <c r="IW40" s="120">
        <v>0</v>
      </c>
      <c r="IX40" s="144"/>
      <c r="IY40" s="119">
        <v>0</v>
      </c>
      <c r="IZ40" s="119">
        <v>0</v>
      </c>
      <c r="JA40" s="119">
        <v>0</v>
      </c>
      <c r="JB40" s="119">
        <v>0</v>
      </c>
      <c r="JC40" s="119">
        <v>0</v>
      </c>
      <c r="JD40" s="120">
        <v>0</v>
      </c>
      <c r="JE40" s="121">
        <v>0</v>
      </c>
      <c r="JF40" s="142">
        <v>0</v>
      </c>
      <c r="JG40" s="119">
        <v>0</v>
      </c>
      <c r="JH40" s="141">
        <v>0</v>
      </c>
      <c r="JI40" s="118">
        <v>0</v>
      </c>
      <c r="JJ40" s="119">
        <v>47208</v>
      </c>
      <c r="JK40" s="119">
        <v>64012</v>
      </c>
      <c r="JL40" s="119">
        <v>0</v>
      </c>
      <c r="JM40" s="119">
        <v>0</v>
      </c>
      <c r="JN40" s="119">
        <v>0</v>
      </c>
      <c r="JO40" s="120">
        <v>111220</v>
      </c>
      <c r="JP40" s="321">
        <v>111220</v>
      </c>
      <c r="JQ40" s="142">
        <v>0</v>
      </c>
      <c r="JR40" s="119">
        <v>0</v>
      </c>
      <c r="JS40" s="141">
        <v>0</v>
      </c>
      <c r="JT40" s="118">
        <v>0</v>
      </c>
      <c r="JU40" s="119">
        <v>0</v>
      </c>
      <c r="JV40" s="119">
        <v>0</v>
      </c>
      <c r="JW40" s="119">
        <v>0</v>
      </c>
      <c r="JX40" s="119">
        <v>0</v>
      </c>
      <c r="JY40" s="119">
        <v>0</v>
      </c>
      <c r="JZ40" s="120">
        <v>0</v>
      </c>
      <c r="KA40" s="321">
        <v>0</v>
      </c>
      <c r="KB40" s="234">
        <v>0</v>
      </c>
      <c r="KC40" s="230">
        <v>0</v>
      </c>
      <c r="KD40" s="120">
        <v>0</v>
      </c>
      <c r="KE40" s="118">
        <v>0</v>
      </c>
      <c r="KF40" s="119">
        <v>17780</v>
      </c>
      <c r="KG40" s="119">
        <v>0</v>
      </c>
      <c r="KH40" s="119">
        <v>66157</v>
      </c>
      <c r="KI40" s="119">
        <v>0</v>
      </c>
      <c r="KJ40" s="119">
        <v>0</v>
      </c>
      <c r="KK40" s="120">
        <v>83937</v>
      </c>
      <c r="KL40" s="143">
        <v>83937</v>
      </c>
      <c r="KM40" s="232">
        <v>0</v>
      </c>
      <c r="KN40" s="236">
        <v>0</v>
      </c>
      <c r="KO40" s="237">
        <v>0</v>
      </c>
      <c r="KP40" s="140"/>
      <c r="KQ40" s="119">
        <v>0</v>
      </c>
      <c r="KR40" s="119">
        <v>0</v>
      </c>
      <c r="KS40" s="119">
        <v>0</v>
      </c>
      <c r="KT40" s="119">
        <v>206542</v>
      </c>
      <c r="KU40" s="119">
        <v>0</v>
      </c>
      <c r="KV40" s="120">
        <v>206542</v>
      </c>
      <c r="KW40" s="321">
        <v>206542</v>
      </c>
      <c r="KX40" s="142">
        <v>0</v>
      </c>
      <c r="KY40" s="119">
        <v>0</v>
      </c>
      <c r="KZ40" s="120">
        <v>0</v>
      </c>
      <c r="LA40" s="145"/>
      <c r="LB40" s="119">
        <v>0</v>
      </c>
      <c r="LC40" s="119">
        <v>0</v>
      </c>
      <c r="LD40" s="119">
        <v>0</v>
      </c>
      <c r="LE40" s="119">
        <v>0</v>
      </c>
      <c r="LF40" s="119">
        <v>0</v>
      </c>
      <c r="LG40" s="120">
        <v>0</v>
      </c>
      <c r="LH40" s="121">
        <v>0</v>
      </c>
      <c r="LI40" s="142">
        <v>0</v>
      </c>
      <c r="LJ40" s="119">
        <v>0</v>
      </c>
      <c r="LK40" s="120">
        <v>0</v>
      </c>
      <c r="LL40" s="145"/>
      <c r="LM40" s="119">
        <v>0</v>
      </c>
      <c r="LN40" s="119">
        <v>0</v>
      </c>
      <c r="LO40" s="119">
        <v>0</v>
      </c>
      <c r="LP40" s="119">
        <v>0</v>
      </c>
      <c r="LQ40" s="119">
        <v>0</v>
      </c>
      <c r="LR40" s="120">
        <v>0</v>
      </c>
      <c r="LS40" s="321">
        <v>0</v>
      </c>
      <c r="LT40" s="142">
        <v>0</v>
      </c>
      <c r="LU40" s="119">
        <v>0</v>
      </c>
      <c r="LV40" s="120">
        <v>0</v>
      </c>
      <c r="LW40" s="145"/>
      <c r="LX40" s="119">
        <v>0</v>
      </c>
      <c r="LY40" s="119">
        <v>0</v>
      </c>
      <c r="LZ40" s="119">
        <v>0</v>
      </c>
      <c r="MA40" s="119">
        <v>0</v>
      </c>
      <c r="MB40" s="119">
        <v>0</v>
      </c>
      <c r="MC40" s="120">
        <v>0</v>
      </c>
      <c r="MD40" s="121">
        <v>0</v>
      </c>
      <c r="ME40" s="142">
        <v>0</v>
      </c>
      <c r="MF40" s="119">
        <v>0</v>
      </c>
      <c r="MG40" s="120">
        <v>0</v>
      </c>
      <c r="MH40" s="145"/>
      <c r="MI40" s="119">
        <v>0</v>
      </c>
      <c r="MJ40" s="119">
        <v>0</v>
      </c>
      <c r="MK40" s="119">
        <v>426216</v>
      </c>
      <c r="ML40" s="119">
        <v>419195</v>
      </c>
      <c r="MM40" s="119">
        <v>0</v>
      </c>
      <c r="MN40" s="120">
        <v>845411</v>
      </c>
      <c r="MO40" s="143">
        <v>845411</v>
      </c>
      <c r="MP40" s="142">
        <v>0</v>
      </c>
      <c r="MQ40" s="119">
        <v>0</v>
      </c>
      <c r="MR40" s="120">
        <v>0</v>
      </c>
      <c r="MS40" s="145"/>
      <c r="MT40" s="119">
        <v>0</v>
      </c>
      <c r="MU40" s="119">
        <v>0</v>
      </c>
      <c r="MV40" s="119">
        <v>182280</v>
      </c>
      <c r="MW40" s="119">
        <v>419195</v>
      </c>
      <c r="MX40" s="119">
        <v>0</v>
      </c>
      <c r="MY40" s="120">
        <v>601475</v>
      </c>
      <c r="MZ40" s="143">
        <v>601475</v>
      </c>
      <c r="NA40" s="142">
        <v>0</v>
      </c>
      <c r="NB40" s="119">
        <v>0</v>
      </c>
      <c r="NC40" s="120">
        <v>0</v>
      </c>
      <c r="ND40" s="145">
        <v>0</v>
      </c>
      <c r="NE40" s="119">
        <v>0</v>
      </c>
      <c r="NF40" s="119">
        <v>0</v>
      </c>
      <c r="NG40" s="119">
        <v>243936</v>
      </c>
      <c r="NH40" s="119">
        <v>0</v>
      </c>
      <c r="NI40" s="119">
        <v>0</v>
      </c>
      <c r="NJ40" s="120">
        <v>243936</v>
      </c>
      <c r="NK40" s="321">
        <v>243936</v>
      </c>
      <c r="NL40" s="142">
        <v>0</v>
      </c>
      <c r="NM40" s="119">
        <v>0</v>
      </c>
      <c r="NN40" s="120">
        <v>0</v>
      </c>
      <c r="NO40" s="145"/>
      <c r="NP40" s="119">
        <v>0</v>
      </c>
      <c r="NQ40" s="119">
        <v>0</v>
      </c>
      <c r="NR40" s="119">
        <v>0</v>
      </c>
      <c r="NS40" s="119">
        <v>0</v>
      </c>
      <c r="NT40" s="119">
        <v>0</v>
      </c>
      <c r="NU40" s="120">
        <v>0</v>
      </c>
      <c r="NV40" s="121">
        <v>0</v>
      </c>
      <c r="NW40" s="142">
        <v>0</v>
      </c>
      <c r="NX40" s="119">
        <v>0</v>
      </c>
      <c r="NY40" s="120">
        <v>0</v>
      </c>
      <c r="NZ40" s="145"/>
      <c r="OA40" s="119">
        <v>0</v>
      </c>
      <c r="OB40" s="119">
        <v>0</v>
      </c>
      <c r="OC40" s="119">
        <v>0</v>
      </c>
      <c r="OD40" s="119">
        <v>0</v>
      </c>
      <c r="OE40" s="119">
        <v>0</v>
      </c>
      <c r="OF40" s="120">
        <v>0</v>
      </c>
      <c r="OG40" s="121">
        <v>0</v>
      </c>
      <c r="OH40" s="142">
        <v>202683</v>
      </c>
      <c r="OI40" s="119">
        <v>253242</v>
      </c>
      <c r="OJ40" s="141">
        <v>455925</v>
      </c>
      <c r="OK40" s="118">
        <v>0</v>
      </c>
      <c r="OL40" s="119">
        <v>770184</v>
      </c>
      <c r="OM40" s="119">
        <v>766479</v>
      </c>
      <c r="ON40" s="119">
        <v>1175640</v>
      </c>
      <c r="OO40" s="119">
        <v>1765618</v>
      </c>
      <c r="OP40" s="119">
        <v>198394</v>
      </c>
      <c r="OQ40" s="120">
        <v>4676315</v>
      </c>
      <c r="OR40" s="143">
        <v>5132240</v>
      </c>
    </row>
    <row r="41" spans="1:408" ht="20.25" customHeight="1" x14ac:dyDescent="0.2">
      <c r="A41" s="126" t="s">
        <v>36</v>
      </c>
      <c r="B41" s="110">
        <v>44342</v>
      </c>
      <c r="C41" s="114">
        <v>77906</v>
      </c>
      <c r="D41" s="113">
        <v>122248</v>
      </c>
      <c r="E41" s="109">
        <v>0</v>
      </c>
      <c r="F41" s="114">
        <v>506628</v>
      </c>
      <c r="G41" s="114">
        <v>701713</v>
      </c>
      <c r="H41" s="114">
        <v>522396</v>
      </c>
      <c r="I41" s="114">
        <v>795977</v>
      </c>
      <c r="J41" s="114">
        <v>188657</v>
      </c>
      <c r="K41" s="173">
        <v>2715371</v>
      </c>
      <c r="L41" s="116">
        <v>2837619</v>
      </c>
      <c r="M41" s="110">
        <v>44342</v>
      </c>
      <c r="N41" s="114">
        <v>31786</v>
      </c>
      <c r="O41" s="113">
        <v>76128</v>
      </c>
      <c r="P41" s="110">
        <v>0</v>
      </c>
      <c r="Q41" s="114">
        <v>332768</v>
      </c>
      <c r="R41" s="114">
        <v>99236</v>
      </c>
      <c r="S41" s="114">
        <v>52549</v>
      </c>
      <c r="T41" s="114">
        <v>245945</v>
      </c>
      <c r="U41" s="114">
        <v>114920</v>
      </c>
      <c r="V41" s="113">
        <v>845418</v>
      </c>
      <c r="W41" s="116">
        <v>921546</v>
      </c>
      <c r="X41" s="110">
        <v>0</v>
      </c>
      <c r="Y41" s="114">
        <v>0</v>
      </c>
      <c r="Z41" s="113">
        <v>0</v>
      </c>
      <c r="AA41" s="110">
        <v>0</v>
      </c>
      <c r="AB41" s="114">
        <v>182040</v>
      </c>
      <c r="AC41" s="114">
        <v>8913</v>
      </c>
      <c r="AD41" s="114">
        <v>0</v>
      </c>
      <c r="AE41" s="114">
        <v>178584</v>
      </c>
      <c r="AF41" s="114">
        <v>0</v>
      </c>
      <c r="AG41" s="113">
        <v>369537</v>
      </c>
      <c r="AH41" s="116">
        <v>369537</v>
      </c>
      <c r="AI41" s="110">
        <v>0</v>
      </c>
      <c r="AJ41" s="114">
        <v>0</v>
      </c>
      <c r="AK41" s="113">
        <v>0</v>
      </c>
      <c r="AL41" s="110">
        <v>0</v>
      </c>
      <c r="AM41" s="114">
        <v>0</v>
      </c>
      <c r="AN41" s="114">
        <v>0</v>
      </c>
      <c r="AO41" s="114">
        <v>0</v>
      </c>
      <c r="AP41" s="114">
        <v>0</v>
      </c>
      <c r="AQ41" s="114">
        <v>11722</v>
      </c>
      <c r="AR41" s="113">
        <v>11722</v>
      </c>
      <c r="AS41" s="116">
        <v>11722</v>
      </c>
      <c r="AT41" s="110">
        <v>44342</v>
      </c>
      <c r="AU41" s="114">
        <v>31786</v>
      </c>
      <c r="AV41" s="113">
        <v>76128</v>
      </c>
      <c r="AW41" s="110">
        <v>0</v>
      </c>
      <c r="AX41" s="114">
        <v>93780</v>
      </c>
      <c r="AY41" s="114">
        <v>62204</v>
      </c>
      <c r="AZ41" s="114">
        <v>0</v>
      </c>
      <c r="BA41" s="114">
        <v>0</v>
      </c>
      <c r="BB41" s="114">
        <v>48077</v>
      </c>
      <c r="BC41" s="113">
        <v>204061</v>
      </c>
      <c r="BD41" s="116">
        <v>280189</v>
      </c>
      <c r="BE41" s="110">
        <v>0</v>
      </c>
      <c r="BF41" s="114">
        <v>0</v>
      </c>
      <c r="BG41" s="112">
        <v>0</v>
      </c>
      <c r="BH41" s="111">
        <v>0</v>
      </c>
      <c r="BI41" s="114">
        <v>54561</v>
      </c>
      <c r="BJ41" s="114">
        <v>0</v>
      </c>
      <c r="BK41" s="114">
        <v>0</v>
      </c>
      <c r="BL41" s="114">
        <v>0</v>
      </c>
      <c r="BM41" s="114">
        <v>55121</v>
      </c>
      <c r="BN41" s="113">
        <v>109682</v>
      </c>
      <c r="BO41" s="116">
        <v>109682</v>
      </c>
      <c r="BP41" s="110">
        <v>0</v>
      </c>
      <c r="BQ41" s="114">
        <v>0</v>
      </c>
      <c r="BR41" s="113">
        <v>0</v>
      </c>
      <c r="BS41" s="110">
        <v>0</v>
      </c>
      <c r="BT41" s="114">
        <v>2387</v>
      </c>
      <c r="BU41" s="114">
        <v>28119</v>
      </c>
      <c r="BV41" s="114">
        <v>52549</v>
      </c>
      <c r="BW41" s="114">
        <v>67361</v>
      </c>
      <c r="BX41" s="114">
        <v>0</v>
      </c>
      <c r="BY41" s="113">
        <v>150416</v>
      </c>
      <c r="BZ41" s="116">
        <v>150416</v>
      </c>
      <c r="CA41" s="110">
        <v>0</v>
      </c>
      <c r="CB41" s="114">
        <v>32330</v>
      </c>
      <c r="CC41" s="113">
        <v>32330</v>
      </c>
      <c r="CD41" s="110">
        <v>0</v>
      </c>
      <c r="CE41" s="114">
        <v>151810</v>
      </c>
      <c r="CF41" s="114">
        <v>178511</v>
      </c>
      <c r="CG41" s="114">
        <v>125713</v>
      </c>
      <c r="CH41" s="114">
        <v>0</v>
      </c>
      <c r="CI41" s="114">
        <v>28923</v>
      </c>
      <c r="CJ41" s="113">
        <v>484957</v>
      </c>
      <c r="CK41" s="116">
        <v>517287</v>
      </c>
      <c r="CL41" s="110">
        <v>0</v>
      </c>
      <c r="CM41" s="114">
        <v>0</v>
      </c>
      <c r="CN41" s="113">
        <v>0</v>
      </c>
      <c r="CO41" s="111">
        <v>0</v>
      </c>
      <c r="CP41" s="114">
        <v>139707</v>
      </c>
      <c r="CQ41" s="114">
        <v>178511</v>
      </c>
      <c r="CR41" s="114">
        <v>125713</v>
      </c>
      <c r="CS41" s="114">
        <v>0</v>
      </c>
      <c r="CT41" s="114">
        <v>28923</v>
      </c>
      <c r="CU41" s="113">
        <v>472854</v>
      </c>
      <c r="CV41" s="116">
        <v>472854</v>
      </c>
      <c r="CW41" s="110">
        <v>0</v>
      </c>
      <c r="CX41" s="114">
        <v>32330</v>
      </c>
      <c r="CY41" s="113">
        <v>32330</v>
      </c>
      <c r="CZ41" s="110">
        <v>0</v>
      </c>
      <c r="DA41" s="114">
        <v>12103</v>
      </c>
      <c r="DB41" s="114">
        <v>0</v>
      </c>
      <c r="DC41" s="114">
        <v>0</v>
      </c>
      <c r="DD41" s="114">
        <v>0</v>
      </c>
      <c r="DE41" s="114">
        <v>0</v>
      </c>
      <c r="DF41" s="113">
        <v>12103</v>
      </c>
      <c r="DG41" s="116">
        <v>44433</v>
      </c>
      <c r="DH41" s="110">
        <v>0</v>
      </c>
      <c r="DI41" s="114">
        <v>0</v>
      </c>
      <c r="DJ41" s="112">
        <v>0</v>
      </c>
      <c r="DK41" s="111">
        <v>0</v>
      </c>
      <c r="DL41" s="114">
        <v>0</v>
      </c>
      <c r="DM41" s="114">
        <v>103877</v>
      </c>
      <c r="DN41" s="114">
        <v>77934</v>
      </c>
      <c r="DO41" s="114">
        <v>0</v>
      </c>
      <c r="DP41" s="114">
        <v>0</v>
      </c>
      <c r="DQ41" s="113">
        <v>181811</v>
      </c>
      <c r="DR41" s="116">
        <v>181811</v>
      </c>
      <c r="DS41" s="110">
        <v>0</v>
      </c>
      <c r="DT41" s="114">
        <v>0</v>
      </c>
      <c r="DU41" s="113">
        <v>0</v>
      </c>
      <c r="DV41" s="110">
        <v>0</v>
      </c>
      <c r="DW41" s="114">
        <v>0</v>
      </c>
      <c r="DX41" s="114">
        <v>103877</v>
      </c>
      <c r="DY41" s="114">
        <v>77934</v>
      </c>
      <c r="DZ41" s="114">
        <v>0</v>
      </c>
      <c r="EA41" s="114">
        <v>0</v>
      </c>
      <c r="EB41" s="113">
        <v>181811</v>
      </c>
      <c r="EC41" s="116">
        <v>181811</v>
      </c>
      <c r="ED41" s="110">
        <v>0</v>
      </c>
      <c r="EE41" s="112">
        <v>0</v>
      </c>
      <c r="EF41" s="113">
        <v>0</v>
      </c>
      <c r="EG41" s="110">
        <v>0</v>
      </c>
      <c r="EH41" s="114">
        <v>0</v>
      </c>
      <c r="EI41" s="114">
        <v>0</v>
      </c>
      <c r="EJ41" s="114">
        <v>0</v>
      </c>
      <c r="EK41" s="114">
        <v>0</v>
      </c>
      <c r="EL41" s="114">
        <v>0</v>
      </c>
      <c r="EM41" s="112">
        <v>0</v>
      </c>
      <c r="EN41" s="116">
        <v>0</v>
      </c>
      <c r="EO41" s="110">
        <v>0</v>
      </c>
      <c r="EP41" s="114">
        <v>0</v>
      </c>
      <c r="EQ41" s="112">
        <v>0</v>
      </c>
      <c r="ER41" s="111">
        <v>0</v>
      </c>
      <c r="ES41" s="114">
        <v>0</v>
      </c>
      <c r="ET41" s="114">
        <v>0</v>
      </c>
      <c r="EU41" s="114">
        <v>0</v>
      </c>
      <c r="EV41" s="114">
        <v>0</v>
      </c>
      <c r="EW41" s="114">
        <v>0</v>
      </c>
      <c r="EX41" s="113">
        <v>0</v>
      </c>
      <c r="EY41" s="116">
        <v>0</v>
      </c>
      <c r="EZ41" s="110">
        <v>0</v>
      </c>
      <c r="FA41" s="114">
        <v>0</v>
      </c>
      <c r="FB41" s="112">
        <v>0</v>
      </c>
      <c r="FC41" s="348"/>
      <c r="FD41" s="114">
        <v>0</v>
      </c>
      <c r="FE41" s="114">
        <v>0</v>
      </c>
      <c r="FF41" s="114">
        <v>0</v>
      </c>
      <c r="FG41" s="114">
        <v>0</v>
      </c>
      <c r="FH41" s="114">
        <v>0</v>
      </c>
      <c r="FI41" s="113">
        <v>0</v>
      </c>
      <c r="FJ41" s="116">
        <v>0</v>
      </c>
      <c r="FK41" s="110">
        <v>0</v>
      </c>
      <c r="FL41" s="114">
        <v>13790</v>
      </c>
      <c r="FM41" s="113">
        <v>13790</v>
      </c>
      <c r="FN41" s="110">
        <v>0</v>
      </c>
      <c r="FO41" s="114">
        <v>22050</v>
      </c>
      <c r="FP41" s="114">
        <v>27685</v>
      </c>
      <c r="FQ41" s="114">
        <v>32480</v>
      </c>
      <c r="FR41" s="114">
        <v>8750</v>
      </c>
      <c r="FS41" s="114">
        <v>44814</v>
      </c>
      <c r="FT41" s="113">
        <v>135779</v>
      </c>
      <c r="FU41" s="116">
        <v>149569</v>
      </c>
      <c r="FV41" s="115">
        <v>0</v>
      </c>
      <c r="FW41" s="114">
        <v>13790</v>
      </c>
      <c r="FX41" s="112">
        <v>13790</v>
      </c>
      <c r="FY41" s="111">
        <v>0</v>
      </c>
      <c r="FZ41" s="114">
        <v>22050</v>
      </c>
      <c r="GA41" s="114">
        <v>27685</v>
      </c>
      <c r="GB41" s="114">
        <v>32480</v>
      </c>
      <c r="GC41" s="114">
        <v>8750</v>
      </c>
      <c r="GD41" s="114">
        <v>44814</v>
      </c>
      <c r="GE41" s="113">
        <v>135779</v>
      </c>
      <c r="GF41" s="319">
        <v>149569</v>
      </c>
      <c r="GG41" s="115">
        <v>0</v>
      </c>
      <c r="GH41" s="114">
        <v>0</v>
      </c>
      <c r="GI41" s="112">
        <v>0</v>
      </c>
      <c r="GJ41" s="111">
        <v>0</v>
      </c>
      <c r="GK41" s="114">
        <v>0</v>
      </c>
      <c r="GL41" s="114">
        <v>0</v>
      </c>
      <c r="GM41" s="114">
        <v>0</v>
      </c>
      <c r="GN41" s="114">
        <v>0</v>
      </c>
      <c r="GO41" s="114">
        <v>0</v>
      </c>
      <c r="GP41" s="113">
        <v>0</v>
      </c>
      <c r="GQ41" s="116">
        <v>0</v>
      </c>
      <c r="GR41" s="110">
        <v>0</v>
      </c>
      <c r="GS41" s="114">
        <v>0</v>
      </c>
      <c r="GT41" s="113">
        <v>0</v>
      </c>
      <c r="GU41" s="110">
        <v>0</v>
      </c>
      <c r="GV41" s="114">
        <v>0</v>
      </c>
      <c r="GW41" s="114">
        <v>0</v>
      </c>
      <c r="GX41" s="114">
        <v>0</v>
      </c>
      <c r="GY41" s="114">
        <v>0</v>
      </c>
      <c r="GZ41" s="114">
        <v>0</v>
      </c>
      <c r="HA41" s="112">
        <v>0</v>
      </c>
      <c r="HB41" s="116">
        <v>0</v>
      </c>
      <c r="HC41" s="110">
        <v>0</v>
      </c>
      <c r="HD41" s="114">
        <v>0</v>
      </c>
      <c r="HE41" s="112">
        <v>0</v>
      </c>
      <c r="HF41" s="111">
        <v>0</v>
      </c>
      <c r="HG41" s="114">
        <v>0</v>
      </c>
      <c r="HH41" s="114">
        <v>292404</v>
      </c>
      <c r="HI41" s="114">
        <v>233720</v>
      </c>
      <c r="HJ41" s="114">
        <v>541282</v>
      </c>
      <c r="HK41" s="114">
        <v>0</v>
      </c>
      <c r="HL41" s="113">
        <v>1067406</v>
      </c>
      <c r="HM41" s="109">
        <v>1067406</v>
      </c>
      <c r="HN41" s="329"/>
      <c r="HO41" s="330"/>
      <c r="HP41" s="331"/>
      <c r="HQ41" s="332"/>
      <c r="HR41" s="330"/>
      <c r="HS41" s="330"/>
      <c r="HT41" s="330"/>
      <c r="HU41" s="330"/>
      <c r="HV41" s="330"/>
      <c r="HW41" s="333"/>
      <c r="HX41" s="334"/>
      <c r="HY41" s="131">
        <v>0</v>
      </c>
      <c r="HZ41" s="132">
        <v>0</v>
      </c>
      <c r="IA41" s="133">
        <v>0</v>
      </c>
      <c r="IB41" s="146">
        <v>0</v>
      </c>
      <c r="IC41" s="132">
        <v>85820</v>
      </c>
      <c r="ID41" s="147">
        <v>145414</v>
      </c>
      <c r="IE41" s="133">
        <v>211535</v>
      </c>
      <c r="IF41" s="132">
        <v>437317</v>
      </c>
      <c r="IG41" s="133">
        <v>89389</v>
      </c>
      <c r="IH41" s="148">
        <v>969475</v>
      </c>
      <c r="II41" s="139">
        <v>969475</v>
      </c>
      <c r="IJ41" s="232">
        <v>0</v>
      </c>
      <c r="IK41" s="236">
        <v>0</v>
      </c>
      <c r="IL41" s="237">
        <v>0</v>
      </c>
      <c r="IM41" s="140"/>
      <c r="IN41" s="119">
        <v>0</v>
      </c>
      <c r="IO41" s="119">
        <v>0</v>
      </c>
      <c r="IP41" s="119">
        <v>0</v>
      </c>
      <c r="IQ41" s="119">
        <v>0</v>
      </c>
      <c r="IR41" s="119">
        <v>0</v>
      </c>
      <c r="IS41" s="141">
        <v>0</v>
      </c>
      <c r="IT41" s="321">
        <v>0</v>
      </c>
      <c r="IU41" s="142">
        <v>0</v>
      </c>
      <c r="IV41" s="119">
        <v>0</v>
      </c>
      <c r="IW41" s="120">
        <v>0</v>
      </c>
      <c r="IX41" s="144"/>
      <c r="IY41" s="119">
        <v>0</v>
      </c>
      <c r="IZ41" s="119">
        <v>0</v>
      </c>
      <c r="JA41" s="119">
        <v>0</v>
      </c>
      <c r="JB41" s="119">
        <v>0</v>
      </c>
      <c r="JC41" s="119">
        <v>0</v>
      </c>
      <c r="JD41" s="120">
        <v>0</v>
      </c>
      <c r="JE41" s="121">
        <v>0</v>
      </c>
      <c r="JF41" s="142">
        <v>0</v>
      </c>
      <c r="JG41" s="119">
        <v>0</v>
      </c>
      <c r="JH41" s="141">
        <v>0</v>
      </c>
      <c r="JI41" s="118">
        <v>0</v>
      </c>
      <c r="JJ41" s="119">
        <v>0</v>
      </c>
      <c r="JK41" s="119">
        <v>145414</v>
      </c>
      <c r="JL41" s="119">
        <v>0</v>
      </c>
      <c r="JM41" s="119">
        <v>221804</v>
      </c>
      <c r="JN41" s="119">
        <v>89389</v>
      </c>
      <c r="JO41" s="120">
        <v>456607</v>
      </c>
      <c r="JP41" s="321">
        <v>456607</v>
      </c>
      <c r="JQ41" s="142">
        <v>0</v>
      </c>
      <c r="JR41" s="119">
        <v>0</v>
      </c>
      <c r="JS41" s="141">
        <v>0</v>
      </c>
      <c r="JT41" s="118">
        <v>0</v>
      </c>
      <c r="JU41" s="119">
        <v>0</v>
      </c>
      <c r="JV41" s="119">
        <v>0</v>
      </c>
      <c r="JW41" s="119">
        <v>0</v>
      </c>
      <c r="JX41" s="119">
        <v>0</v>
      </c>
      <c r="JY41" s="119">
        <v>0</v>
      </c>
      <c r="JZ41" s="120">
        <v>0</v>
      </c>
      <c r="KA41" s="321">
        <v>0</v>
      </c>
      <c r="KB41" s="234">
        <v>0</v>
      </c>
      <c r="KC41" s="230">
        <v>0</v>
      </c>
      <c r="KD41" s="120">
        <v>0</v>
      </c>
      <c r="KE41" s="118">
        <v>0</v>
      </c>
      <c r="KF41" s="119">
        <v>85820</v>
      </c>
      <c r="KG41" s="119">
        <v>0</v>
      </c>
      <c r="KH41" s="119">
        <v>0</v>
      </c>
      <c r="KI41" s="119">
        <v>0</v>
      </c>
      <c r="KJ41" s="119">
        <v>0</v>
      </c>
      <c r="KK41" s="120">
        <v>85820</v>
      </c>
      <c r="KL41" s="143">
        <v>85820</v>
      </c>
      <c r="KM41" s="232">
        <v>0</v>
      </c>
      <c r="KN41" s="236">
        <v>0</v>
      </c>
      <c r="KO41" s="237">
        <v>0</v>
      </c>
      <c r="KP41" s="140"/>
      <c r="KQ41" s="119">
        <v>0</v>
      </c>
      <c r="KR41" s="119">
        <v>0</v>
      </c>
      <c r="KS41" s="119">
        <v>211535</v>
      </c>
      <c r="KT41" s="119">
        <v>215513</v>
      </c>
      <c r="KU41" s="119">
        <v>0</v>
      </c>
      <c r="KV41" s="120">
        <v>427048</v>
      </c>
      <c r="KW41" s="321">
        <v>427048</v>
      </c>
      <c r="KX41" s="142">
        <v>0</v>
      </c>
      <c r="KY41" s="119">
        <v>0</v>
      </c>
      <c r="KZ41" s="120">
        <v>0</v>
      </c>
      <c r="LA41" s="145"/>
      <c r="LB41" s="119">
        <v>0</v>
      </c>
      <c r="LC41" s="119">
        <v>0</v>
      </c>
      <c r="LD41" s="119">
        <v>0</v>
      </c>
      <c r="LE41" s="119">
        <v>0</v>
      </c>
      <c r="LF41" s="119">
        <v>0</v>
      </c>
      <c r="LG41" s="120">
        <v>0</v>
      </c>
      <c r="LH41" s="121">
        <v>0</v>
      </c>
      <c r="LI41" s="142">
        <v>0</v>
      </c>
      <c r="LJ41" s="119">
        <v>0</v>
      </c>
      <c r="LK41" s="120">
        <v>0</v>
      </c>
      <c r="LL41" s="145"/>
      <c r="LM41" s="119">
        <v>0</v>
      </c>
      <c r="LN41" s="119">
        <v>0</v>
      </c>
      <c r="LO41" s="119">
        <v>0</v>
      </c>
      <c r="LP41" s="119">
        <v>0</v>
      </c>
      <c r="LQ41" s="119">
        <v>0</v>
      </c>
      <c r="LR41" s="120">
        <v>0</v>
      </c>
      <c r="LS41" s="321">
        <v>0</v>
      </c>
      <c r="LT41" s="142">
        <v>0</v>
      </c>
      <c r="LU41" s="119">
        <v>0</v>
      </c>
      <c r="LV41" s="120">
        <v>0</v>
      </c>
      <c r="LW41" s="145"/>
      <c r="LX41" s="119">
        <v>0</v>
      </c>
      <c r="LY41" s="119">
        <v>0</v>
      </c>
      <c r="LZ41" s="119">
        <v>0</v>
      </c>
      <c r="MA41" s="119">
        <v>0</v>
      </c>
      <c r="MB41" s="119">
        <v>0</v>
      </c>
      <c r="MC41" s="120">
        <v>0</v>
      </c>
      <c r="MD41" s="121">
        <v>0</v>
      </c>
      <c r="ME41" s="142">
        <v>0</v>
      </c>
      <c r="MF41" s="119">
        <v>0</v>
      </c>
      <c r="MG41" s="120">
        <v>0</v>
      </c>
      <c r="MH41" s="145"/>
      <c r="MI41" s="119">
        <v>220512</v>
      </c>
      <c r="MJ41" s="119">
        <v>0</v>
      </c>
      <c r="MK41" s="119">
        <v>230281</v>
      </c>
      <c r="ML41" s="119">
        <v>647668</v>
      </c>
      <c r="MM41" s="119">
        <v>306664</v>
      </c>
      <c r="MN41" s="120">
        <v>1405125</v>
      </c>
      <c r="MO41" s="143">
        <v>1405125</v>
      </c>
      <c r="MP41" s="142">
        <v>0</v>
      </c>
      <c r="MQ41" s="119">
        <v>0</v>
      </c>
      <c r="MR41" s="120">
        <v>0</v>
      </c>
      <c r="MS41" s="145"/>
      <c r="MT41" s="119">
        <v>0</v>
      </c>
      <c r="MU41" s="119">
        <v>0</v>
      </c>
      <c r="MV41" s="119">
        <v>0</v>
      </c>
      <c r="MW41" s="119">
        <v>412235</v>
      </c>
      <c r="MX41" s="119">
        <v>306664</v>
      </c>
      <c r="MY41" s="120">
        <v>718899</v>
      </c>
      <c r="MZ41" s="143">
        <v>718899</v>
      </c>
      <c r="NA41" s="142">
        <v>0</v>
      </c>
      <c r="NB41" s="119">
        <v>0</v>
      </c>
      <c r="NC41" s="120">
        <v>0</v>
      </c>
      <c r="ND41" s="145">
        <v>0</v>
      </c>
      <c r="NE41" s="119">
        <v>220512</v>
      </c>
      <c r="NF41" s="119">
        <v>0</v>
      </c>
      <c r="NG41" s="119">
        <v>230281</v>
      </c>
      <c r="NH41" s="119">
        <v>235433</v>
      </c>
      <c r="NI41" s="119">
        <v>0</v>
      </c>
      <c r="NJ41" s="120">
        <v>686226</v>
      </c>
      <c r="NK41" s="321">
        <v>686226</v>
      </c>
      <c r="NL41" s="142">
        <v>0</v>
      </c>
      <c r="NM41" s="119">
        <v>0</v>
      </c>
      <c r="NN41" s="120">
        <v>0</v>
      </c>
      <c r="NO41" s="145"/>
      <c r="NP41" s="119">
        <v>0</v>
      </c>
      <c r="NQ41" s="119">
        <v>0</v>
      </c>
      <c r="NR41" s="119">
        <v>0</v>
      </c>
      <c r="NS41" s="119">
        <v>0</v>
      </c>
      <c r="NT41" s="119">
        <v>0</v>
      </c>
      <c r="NU41" s="120">
        <v>0</v>
      </c>
      <c r="NV41" s="121">
        <v>0</v>
      </c>
      <c r="NW41" s="142">
        <v>0</v>
      </c>
      <c r="NX41" s="119">
        <v>0</v>
      </c>
      <c r="NY41" s="120">
        <v>0</v>
      </c>
      <c r="NZ41" s="145"/>
      <c r="OA41" s="119">
        <v>0</v>
      </c>
      <c r="OB41" s="119">
        <v>0</v>
      </c>
      <c r="OC41" s="119">
        <v>0</v>
      </c>
      <c r="OD41" s="119">
        <v>0</v>
      </c>
      <c r="OE41" s="119">
        <v>0</v>
      </c>
      <c r="OF41" s="120">
        <v>0</v>
      </c>
      <c r="OG41" s="121">
        <v>0</v>
      </c>
      <c r="OH41" s="142">
        <v>44342</v>
      </c>
      <c r="OI41" s="119">
        <v>77906</v>
      </c>
      <c r="OJ41" s="141">
        <v>122248</v>
      </c>
      <c r="OK41" s="118">
        <v>0</v>
      </c>
      <c r="OL41" s="119">
        <v>812960</v>
      </c>
      <c r="OM41" s="119">
        <v>847127</v>
      </c>
      <c r="ON41" s="119">
        <v>964212</v>
      </c>
      <c r="OO41" s="119">
        <v>1880962</v>
      </c>
      <c r="OP41" s="119">
        <v>584710</v>
      </c>
      <c r="OQ41" s="120">
        <v>5089971</v>
      </c>
      <c r="OR41" s="143">
        <v>5212219</v>
      </c>
    </row>
    <row r="42" spans="1:408" ht="20.25" customHeight="1" thickBot="1" x14ac:dyDescent="0.25">
      <c r="A42" s="127" t="s">
        <v>37</v>
      </c>
      <c r="B42" s="117">
        <v>0</v>
      </c>
      <c r="C42" s="178">
        <v>0</v>
      </c>
      <c r="D42" s="179">
        <v>0</v>
      </c>
      <c r="E42" s="180">
        <v>0</v>
      </c>
      <c r="F42" s="178">
        <v>0</v>
      </c>
      <c r="G42" s="178">
        <v>0</v>
      </c>
      <c r="H42" s="178">
        <v>0</v>
      </c>
      <c r="I42" s="178">
        <v>258489</v>
      </c>
      <c r="J42" s="178">
        <v>211772</v>
      </c>
      <c r="K42" s="180">
        <v>470261</v>
      </c>
      <c r="L42" s="181">
        <v>470261</v>
      </c>
      <c r="M42" s="117">
        <v>0</v>
      </c>
      <c r="N42" s="178">
        <v>0</v>
      </c>
      <c r="O42" s="179">
        <v>0</v>
      </c>
      <c r="P42" s="117">
        <v>0</v>
      </c>
      <c r="Q42" s="178">
        <v>0</v>
      </c>
      <c r="R42" s="178">
        <v>0</v>
      </c>
      <c r="S42" s="178">
        <v>0</v>
      </c>
      <c r="T42" s="178">
        <v>38546</v>
      </c>
      <c r="U42" s="178">
        <v>155831</v>
      </c>
      <c r="V42" s="179">
        <v>194377</v>
      </c>
      <c r="W42" s="181">
        <v>194377</v>
      </c>
      <c r="X42" s="117">
        <v>0</v>
      </c>
      <c r="Y42" s="178">
        <v>0</v>
      </c>
      <c r="Z42" s="179">
        <v>0</v>
      </c>
      <c r="AA42" s="117">
        <v>0</v>
      </c>
      <c r="AB42" s="178">
        <v>0</v>
      </c>
      <c r="AC42" s="178">
        <v>0</v>
      </c>
      <c r="AD42" s="178">
        <v>0</v>
      </c>
      <c r="AE42" s="178">
        <v>0</v>
      </c>
      <c r="AF42" s="178">
        <v>96458</v>
      </c>
      <c r="AG42" s="179">
        <v>96458</v>
      </c>
      <c r="AH42" s="181">
        <v>96458</v>
      </c>
      <c r="AI42" s="117">
        <v>0</v>
      </c>
      <c r="AJ42" s="178">
        <v>0</v>
      </c>
      <c r="AK42" s="179">
        <v>0</v>
      </c>
      <c r="AL42" s="117">
        <v>0</v>
      </c>
      <c r="AM42" s="178">
        <v>0</v>
      </c>
      <c r="AN42" s="178">
        <v>0</v>
      </c>
      <c r="AO42" s="178">
        <v>0</v>
      </c>
      <c r="AP42" s="178">
        <v>0</v>
      </c>
      <c r="AQ42" s="178">
        <v>0</v>
      </c>
      <c r="AR42" s="179">
        <v>0</v>
      </c>
      <c r="AS42" s="181">
        <v>0</v>
      </c>
      <c r="AT42" s="117">
        <v>0</v>
      </c>
      <c r="AU42" s="178">
        <v>0</v>
      </c>
      <c r="AV42" s="179">
        <v>0</v>
      </c>
      <c r="AW42" s="117">
        <v>0</v>
      </c>
      <c r="AX42" s="178">
        <v>0</v>
      </c>
      <c r="AY42" s="178">
        <v>0</v>
      </c>
      <c r="AZ42" s="178">
        <v>0</v>
      </c>
      <c r="BA42" s="178">
        <v>30146</v>
      </c>
      <c r="BB42" s="178">
        <v>47963</v>
      </c>
      <c r="BC42" s="179">
        <v>78109</v>
      </c>
      <c r="BD42" s="181">
        <v>78109</v>
      </c>
      <c r="BE42" s="117">
        <v>0</v>
      </c>
      <c r="BF42" s="178">
        <v>0</v>
      </c>
      <c r="BG42" s="183">
        <v>0</v>
      </c>
      <c r="BH42" s="182">
        <v>0</v>
      </c>
      <c r="BI42" s="178">
        <v>0</v>
      </c>
      <c r="BJ42" s="178">
        <v>0</v>
      </c>
      <c r="BK42" s="178">
        <v>0</v>
      </c>
      <c r="BL42" s="178">
        <v>0</v>
      </c>
      <c r="BM42" s="178">
        <v>0</v>
      </c>
      <c r="BN42" s="179">
        <v>0</v>
      </c>
      <c r="BO42" s="181">
        <v>0</v>
      </c>
      <c r="BP42" s="117">
        <v>0</v>
      </c>
      <c r="BQ42" s="178">
        <v>0</v>
      </c>
      <c r="BR42" s="179">
        <v>0</v>
      </c>
      <c r="BS42" s="117">
        <v>0</v>
      </c>
      <c r="BT42" s="178">
        <v>0</v>
      </c>
      <c r="BU42" s="178">
        <v>0</v>
      </c>
      <c r="BV42" s="178">
        <v>0</v>
      </c>
      <c r="BW42" s="178">
        <v>8400</v>
      </c>
      <c r="BX42" s="178">
        <v>11410</v>
      </c>
      <c r="BY42" s="179">
        <v>19810</v>
      </c>
      <c r="BZ42" s="181">
        <v>19810</v>
      </c>
      <c r="CA42" s="117">
        <v>0</v>
      </c>
      <c r="CB42" s="178">
        <v>0</v>
      </c>
      <c r="CC42" s="179">
        <v>0</v>
      </c>
      <c r="CD42" s="117">
        <v>0</v>
      </c>
      <c r="CE42" s="178">
        <v>0</v>
      </c>
      <c r="CF42" s="178">
        <v>0</v>
      </c>
      <c r="CG42" s="178">
        <v>0</v>
      </c>
      <c r="CH42" s="178">
        <v>0</v>
      </c>
      <c r="CI42" s="178">
        <v>0</v>
      </c>
      <c r="CJ42" s="179">
        <v>0</v>
      </c>
      <c r="CK42" s="181">
        <v>0</v>
      </c>
      <c r="CL42" s="117">
        <v>0</v>
      </c>
      <c r="CM42" s="178">
        <v>0</v>
      </c>
      <c r="CN42" s="179">
        <v>0</v>
      </c>
      <c r="CO42" s="182">
        <v>0</v>
      </c>
      <c r="CP42" s="178">
        <v>0</v>
      </c>
      <c r="CQ42" s="178">
        <v>0</v>
      </c>
      <c r="CR42" s="178">
        <v>0</v>
      </c>
      <c r="CS42" s="178">
        <v>0</v>
      </c>
      <c r="CT42" s="178">
        <v>0</v>
      </c>
      <c r="CU42" s="179">
        <v>0</v>
      </c>
      <c r="CV42" s="181">
        <v>0</v>
      </c>
      <c r="CW42" s="117">
        <v>0</v>
      </c>
      <c r="CX42" s="178">
        <v>0</v>
      </c>
      <c r="CY42" s="179">
        <v>0</v>
      </c>
      <c r="CZ42" s="117">
        <v>0</v>
      </c>
      <c r="DA42" s="178">
        <v>0</v>
      </c>
      <c r="DB42" s="178">
        <v>0</v>
      </c>
      <c r="DC42" s="178">
        <v>0</v>
      </c>
      <c r="DD42" s="178">
        <v>0</v>
      </c>
      <c r="DE42" s="178">
        <v>0</v>
      </c>
      <c r="DF42" s="179">
        <v>0</v>
      </c>
      <c r="DG42" s="181">
        <v>0</v>
      </c>
      <c r="DH42" s="117">
        <v>0</v>
      </c>
      <c r="DI42" s="178">
        <v>0</v>
      </c>
      <c r="DJ42" s="183">
        <v>0</v>
      </c>
      <c r="DK42" s="182">
        <v>0</v>
      </c>
      <c r="DL42" s="178">
        <v>0</v>
      </c>
      <c r="DM42" s="178">
        <v>0</v>
      </c>
      <c r="DN42" s="178">
        <v>0</v>
      </c>
      <c r="DO42" s="178">
        <v>36682</v>
      </c>
      <c r="DP42" s="178">
        <v>25281</v>
      </c>
      <c r="DQ42" s="179">
        <v>61963</v>
      </c>
      <c r="DR42" s="181">
        <v>61963</v>
      </c>
      <c r="DS42" s="117">
        <v>0</v>
      </c>
      <c r="DT42" s="178">
        <v>0</v>
      </c>
      <c r="DU42" s="179">
        <v>0</v>
      </c>
      <c r="DV42" s="117">
        <v>0</v>
      </c>
      <c r="DW42" s="178">
        <v>0</v>
      </c>
      <c r="DX42" s="178">
        <v>0</v>
      </c>
      <c r="DY42" s="178">
        <v>0</v>
      </c>
      <c r="DZ42" s="178">
        <v>0</v>
      </c>
      <c r="EA42" s="178">
        <v>25281</v>
      </c>
      <c r="EB42" s="179">
        <v>25281</v>
      </c>
      <c r="EC42" s="181">
        <v>25281</v>
      </c>
      <c r="ED42" s="117">
        <v>0</v>
      </c>
      <c r="EE42" s="183">
        <v>0</v>
      </c>
      <c r="EF42" s="179">
        <v>0</v>
      </c>
      <c r="EG42" s="117">
        <v>0</v>
      </c>
      <c r="EH42" s="178">
        <v>0</v>
      </c>
      <c r="EI42" s="178">
        <v>0</v>
      </c>
      <c r="EJ42" s="178">
        <v>0</v>
      </c>
      <c r="EK42" s="178">
        <v>36682</v>
      </c>
      <c r="EL42" s="178">
        <v>0</v>
      </c>
      <c r="EM42" s="183">
        <v>36682</v>
      </c>
      <c r="EN42" s="181">
        <v>36682</v>
      </c>
      <c r="EO42" s="117">
        <v>0</v>
      </c>
      <c r="EP42" s="178">
        <v>0</v>
      </c>
      <c r="EQ42" s="183">
        <v>0</v>
      </c>
      <c r="ER42" s="182">
        <v>0</v>
      </c>
      <c r="ES42" s="178">
        <v>0</v>
      </c>
      <c r="ET42" s="178">
        <v>0</v>
      </c>
      <c r="EU42" s="178">
        <v>0</v>
      </c>
      <c r="EV42" s="178">
        <v>0</v>
      </c>
      <c r="EW42" s="178">
        <v>0</v>
      </c>
      <c r="EX42" s="179">
        <v>0</v>
      </c>
      <c r="EY42" s="181">
        <v>0</v>
      </c>
      <c r="EZ42" s="117">
        <v>0</v>
      </c>
      <c r="FA42" s="178">
        <v>0</v>
      </c>
      <c r="FB42" s="183">
        <v>0</v>
      </c>
      <c r="FC42" s="349"/>
      <c r="FD42" s="178">
        <v>0</v>
      </c>
      <c r="FE42" s="178">
        <v>0</v>
      </c>
      <c r="FF42" s="178">
        <v>0</v>
      </c>
      <c r="FG42" s="178">
        <v>0</v>
      </c>
      <c r="FH42" s="178">
        <v>0</v>
      </c>
      <c r="FI42" s="179">
        <v>0</v>
      </c>
      <c r="FJ42" s="181">
        <v>0</v>
      </c>
      <c r="FK42" s="117">
        <v>0</v>
      </c>
      <c r="FL42" s="178">
        <v>0</v>
      </c>
      <c r="FM42" s="179">
        <v>0</v>
      </c>
      <c r="FN42" s="117">
        <v>0</v>
      </c>
      <c r="FO42" s="178">
        <v>0</v>
      </c>
      <c r="FP42" s="178">
        <v>0</v>
      </c>
      <c r="FQ42" s="178">
        <v>0</v>
      </c>
      <c r="FR42" s="178">
        <v>5600</v>
      </c>
      <c r="FS42" s="178">
        <v>30660</v>
      </c>
      <c r="FT42" s="179">
        <v>36260</v>
      </c>
      <c r="FU42" s="181">
        <v>36260</v>
      </c>
      <c r="FV42" s="184">
        <v>0</v>
      </c>
      <c r="FW42" s="178">
        <v>0</v>
      </c>
      <c r="FX42" s="183">
        <v>0</v>
      </c>
      <c r="FY42" s="182">
        <v>0</v>
      </c>
      <c r="FZ42" s="178">
        <v>0</v>
      </c>
      <c r="GA42" s="178">
        <v>0</v>
      </c>
      <c r="GB42" s="178">
        <v>0</v>
      </c>
      <c r="GC42" s="178">
        <v>5600</v>
      </c>
      <c r="GD42" s="178">
        <v>30660</v>
      </c>
      <c r="GE42" s="179">
        <v>36260</v>
      </c>
      <c r="GF42" s="320">
        <v>36260</v>
      </c>
      <c r="GG42" s="184">
        <v>0</v>
      </c>
      <c r="GH42" s="178">
        <v>0</v>
      </c>
      <c r="GI42" s="183">
        <v>0</v>
      </c>
      <c r="GJ42" s="182">
        <v>0</v>
      </c>
      <c r="GK42" s="178">
        <v>0</v>
      </c>
      <c r="GL42" s="178">
        <v>0</v>
      </c>
      <c r="GM42" s="178">
        <v>0</v>
      </c>
      <c r="GN42" s="178">
        <v>0</v>
      </c>
      <c r="GO42" s="178">
        <v>0</v>
      </c>
      <c r="GP42" s="179">
        <v>0</v>
      </c>
      <c r="GQ42" s="181">
        <v>0</v>
      </c>
      <c r="GR42" s="117">
        <v>0</v>
      </c>
      <c r="GS42" s="178">
        <v>0</v>
      </c>
      <c r="GT42" s="179">
        <v>0</v>
      </c>
      <c r="GU42" s="117">
        <v>0</v>
      </c>
      <c r="GV42" s="178">
        <v>0</v>
      </c>
      <c r="GW42" s="178">
        <v>0</v>
      </c>
      <c r="GX42" s="178">
        <v>0</v>
      </c>
      <c r="GY42" s="178">
        <v>0</v>
      </c>
      <c r="GZ42" s="178">
        <v>0</v>
      </c>
      <c r="HA42" s="183">
        <v>0</v>
      </c>
      <c r="HB42" s="181">
        <v>0</v>
      </c>
      <c r="HC42" s="117">
        <v>0</v>
      </c>
      <c r="HD42" s="178">
        <v>0</v>
      </c>
      <c r="HE42" s="183">
        <v>0</v>
      </c>
      <c r="HF42" s="182">
        <v>0</v>
      </c>
      <c r="HG42" s="178">
        <v>0</v>
      </c>
      <c r="HH42" s="178">
        <v>0</v>
      </c>
      <c r="HI42" s="178">
        <v>0</v>
      </c>
      <c r="HJ42" s="178">
        <v>177661</v>
      </c>
      <c r="HK42" s="178">
        <v>0</v>
      </c>
      <c r="HL42" s="179">
        <v>177661</v>
      </c>
      <c r="HM42" s="180">
        <v>177661</v>
      </c>
      <c r="HN42" s="335"/>
      <c r="HO42" s="336"/>
      <c r="HP42" s="337"/>
      <c r="HQ42" s="338"/>
      <c r="HR42" s="336"/>
      <c r="HS42" s="336"/>
      <c r="HT42" s="336"/>
      <c r="HU42" s="336"/>
      <c r="HV42" s="336"/>
      <c r="HW42" s="339"/>
      <c r="HX42" s="340"/>
      <c r="HY42" s="151">
        <v>0</v>
      </c>
      <c r="HZ42" s="152">
        <v>0</v>
      </c>
      <c r="IA42" s="153">
        <v>0</v>
      </c>
      <c r="IB42" s="154">
        <v>0</v>
      </c>
      <c r="IC42" s="155">
        <v>0</v>
      </c>
      <c r="ID42" s="156">
        <v>0</v>
      </c>
      <c r="IE42" s="157">
        <v>34470</v>
      </c>
      <c r="IF42" s="155">
        <v>0</v>
      </c>
      <c r="IG42" s="157">
        <v>78424</v>
      </c>
      <c r="IH42" s="158">
        <v>112894</v>
      </c>
      <c r="II42" s="159">
        <v>112894</v>
      </c>
      <c r="IJ42" s="233">
        <v>0</v>
      </c>
      <c r="IK42" s="238">
        <v>0</v>
      </c>
      <c r="IL42" s="239">
        <v>0</v>
      </c>
      <c r="IM42" s="160"/>
      <c r="IN42" s="161">
        <v>0</v>
      </c>
      <c r="IO42" s="161">
        <v>0</v>
      </c>
      <c r="IP42" s="161">
        <v>0</v>
      </c>
      <c r="IQ42" s="161">
        <v>0</v>
      </c>
      <c r="IR42" s="161">
        <v>0</v>
      </c>
      <c r="IS42" s="162">
        <v>0</v>
      </c>
      <c r="IT42" s="322">
        <v>0</v>
      </c>
      <c r="IU42" s="163">
        <v>0</v>
      </c>
      <c r="IV42" s="161">
        <v>0</v>
      </c>
      <c r="IW42" s="165">
        <v>0</v>
      </c>
      <c r="IX42" s="168"/>
      <c r="IY42" s="161">
        <v>0</v>
      </c>
      <c r="IZ42" s="161">
        <v>0</v>
      </c>
      <c r="JA42" s="161">
        <v>0</v>
      </c>
      <c r="JB42" s="161">
        <v>0</v>
      </c>
      <c r="JC42" s="161">
        <v>0</v>
      </c>
      <c r="JD42" s="165">
        <v>0</v>
      </c>
      <c r="JE42" s="166">
        <v>0</v>
      </c>
      <c r="JF42" s="163">
        <v>0</v>
      </c>
      <c r="JG42" s="161">
        <v>0</v>
      </c>
      <c r="JH42" s="162">
        <v>0</v>
      </c>
      <c r="JI42" s="164">
        <v>0</v>
      </c>
      <c r="JJ42" s="161">
        <v>0</v>
      </c>
      <c r="JK42" s="161">
        <v>0</v>
      </c>
      <c r="JL42" s="161">
        <v>34470</v>
      </c>
      <c r="JM42" s="161">
        <v>0</v>
      </c>
      <c r="JN42" s="161">
        <v>78424</v>
      </c>
      <c r="JO42" s="165">
        <v>112894</v>
      </c>
      <c r="JP42" s="322">
        <v>112894</v>
      </c>
      <c r="JQ42" s="163">
        <v>0</v>
      </c>
      <c r="JR42" s="161">
        <v>0</v>
      </c>
      <c r="JS42" s="162">
        <v>0</v>
      </c>
      <c r="JT42" s="164">
        <v>0</v>
      </c>
      <c r="JU42" s="161">
        <v>0</v>
      </c>
      <c r="JV42" s="161">
        <v>0</v>
      </c>
      <c r="JW42" s="161">
        <v>0</v>
      </c>
      <c r="JX42" s="161">
        <v>0</v>
      </c>
      <c r="JY42" s="161">
        <v>0</v>
      </c>
      <c r="JZ42" s="165">
        <v>0</v>
      </c>
      <c r="KA42" s="322">
        <v>0</v>
      </c>
      <c r="KB42" s="235">
        <v>0</v>
      </c>
      <c r="KC42" s="231">
        <v>0</v>
      </c>
      <c r="KD42" s="165">
        <v>0</v>
      </c>
      <c r="KE42" s="164">
        <v>0</v>
      </c>
      <c r="KF42" s="161">
        <v>0</v>
      </c>
      <c r="KG42" s="161">
        <v>0</v>
      </c>
      <c r="KH42" s="161">
        <v>0</v>
      </c>
      <c r="KI42" s="161">
        <v>0</v>
      </c>
      <c r="KJ42" s="161">
        <v>0</v>
      </c>
      <c r="KK42" s="165">
        <v>0</v>
      </c>
      <c r="KL42" s="167">
        <v>0</v>
      </c>
      <c r="KM42" s="233">
        <v>0</v>
      </c>
      <c r="KN42" s="238">
        <v>0</v>
      </c>
      <c r="KO42" s="239">
        <v>0</v>
      </c>
      <c r="KP42" s="160"/>
      <c r="KQ42" s="161">
        <v>0</v>
      </c>
      <c r="KR42" s="161">
        <v>0</v>
      </c>
      <c r="KS42" s="161">
        <v>0</v>
      </c>
      <c r="KT42" s="161">
        <v>0</v>
      </c>
      <c r="KU42" s="161">
        <v>0</v>
      </c>
      <c r="KV42" s="165">
        <v>0</v>
      </c>
      <c r="KW42" s="322">
        <v>0</v>
      </c>
      <c r="KX42" s="163">
        <v>0</v>
      </c>
      <c r="KY42" s="161">
        <v>0</v>
      </c>
      <c r="KZ42" s="165">
        <v>0</v>
      </c>
      <c r="LA42" s="169"/>
      <c r="LB42" s="161">
        <v>0</v>
      </c>
      <c r="LC42" s="161">
        <v>0</v>
      </c>
      <c r="LD42" s="161">
        <v>0</v>
      </c>
      <c r="LE42" s="161">
        <v>0</v>
      </c>
      <c r="LF42" s="161">
        <v>0</v>
      </c>
      <c r="LG42" s="165">
        <v>0</v>
      </c>
      <c r="LH42" s="166">
        <v>0</v>
      </c>
      <c r="LI42" s="163">
        <v>0</v>
      </c>
      <c r="LJ42" s="161">
        <v>0</v>
      </c>
      <c r="LK42" s="165">
        <v>0</v>
      </c>
      <c r="LL42" s="169"/>
      <c r="LM42" s="161">
        <v>0</v>
      </c>
      <c r="LN42" s="161">
        <v>0</v>
      </c>
      <c r="LO42" s="161">
        <v>0</v>
      </c>
      <c r="LP42" s="161">
        <v>0</v>
      </c>
      <c r="LQ42" s="161">
        <v>0</v>
      </c>
      <c r="LR42" s="165">
        <v>0</v>
      </c>
      <c r="LS42" s="322">
        <v>0</v>
      </c>
      <c r="LT42" s="163">
        <v>0</v>
      </c>
      <c r="LU42" s="161">
        <v>0</v>
      </c>
      <c r="LV42" s="165">
        <v>0</v>
      </c>
      <c r="LW42" s="169"/>
      <c r="LX42" s="161">
        <v>0</v>
      </c>
      <c r="LY42" s="161">
        <v>0</v>
      </c>
      <c r="LZ42" s="161">
        <v>0</v>
      </c>
      <c r="MA42" s="161">
        <v>0</v>
      </c>
      <c r="MB42" s="161">
        <v>0</v>
      </c>
      <c r="MC42" s="165">
        <v>0</v>
      </c>
      <c r="MD42" s="166">
        <v>0</v>
      </c>
      <c r="ME42" s="163">
        <v>0</v>
      </c>
      <c r="MF42" s="161">
        <v>0</v>
      </c>
      <c r="MG42" s="165">
        <v>0</v>
      </c>
      <c r="MH42" s="169"/>
      <c r="MI42" s="161">
        <v>0</v>
      </c>
      <c r="MJ42" s="161">
        <v>0</v>
      </c>
      <c r="MK42" s="161">
        <v>0</v>
      </c>
      <c r="ML42" s="161">
        <v>0</v>
      </c>
      <c r="MM42" s="161">
        <v>331051</v>
      </c>
      <c r="MN42" s="165">
        <v>331051</v>
      </c>
      <c r="MO42" s="167">
        <v>331051</v>
      </c>
      <c r="MP42" s="163">
        <v>0</v>
      </c>
      <c r="MQ42" s="161">
        <v>0</v>
      </c>
      <c r="MR42" s="165">
        <v>0</v>
      </c>
      <c r="MS42" s="169"/>
      <c r="MT42" s="161">
        <v>0</v>
      </c>
      <c r="MU42" s="161">
        <v>0</v>
      </c>
      <c r="MV42" s="161">
        <v>0</v>
      </c>
      <c r="MW42" s="161">
        <v>0</v>
      </c>
      <c r="MX42" s="161">
        <v>0</v>
      </c>
      <c r="MY42" s="165">
        <v>0</v>
      </c>
      <c r="MZ42" s="167">
        <v>0</v>
      </c>
      <c r="NA42" s="163">
        <v>0</v>
      </c>
      <c r="NB42" s="161">
        <v>0</v>
      </c>
      <c r="NC42" s="165">
        <v>0</v>
      </c>
      <c r="ND42" s="169">
        <v>0</v>
      </c>
      <c r="NE42" s="161">
        <v>0</v>
      </c>
      <c r="NF42" s="161">
        <v>0</v>
      </c>
      <c r="NG42" s="161">
        <v>0</v>
      </c>
      <c r="NH42" s="161">
        <v>0</v>
      </c>
      <c r="NI42" s="161">
        <v>0</v>
      </c>
      <c r="NJ42" s="165">
        <v>0</v>
      </c>
      <c r="NK42" s="322">
        <v>0</v>
      </c>
      <c r="NL42" s="163">
        <v>0</v>
      </c>
      <c r="NM42" s="161">
        <v>0</v>
      </c>
      <c r="NN42" s="165">
        <v>0</v>
      </c>
      <c r="NO42" s="169"/>
      <c r="NP42" s="161">
        <v>0</v>
      </c>
      <c r="NQ42" s="161">
        <v>0</v>
      </c>
      <c r="NR42" s="161">
        <v>0</v>
      </c>
      <c r="NS42" s="161">
        <v>0</v>
      </c>
      <c r="NT42" s="161">
        <v>0</v>
      </c>
      <c r="NU42" s="165">
        <v>0</v>
      </c>
      <c r="NV42" s="166">
        <v>0</v>
      </c>
      <c r="NW42" s="163">
        <v>0</v>
      </c>
      <c r="NX42" s="161">
        <v>0</v>
      </c>
      <c r="NY42" s="165">
        <v>0</v>
      </c>
      <c r="NZ42" s="169"/>
      <c r="OA42" s="161">
        <v>0</v>
      </c>
      <c r="OB42" s="161">
        <v>0</v>
      </c>
      <c r="OC42" s="161">
        <v>0</v>
      </c>
      <c r="OD42" s="161">
        <v>0</v>
      </c>
      <c r="OE42" s="161">
        <v>331051</v>
      </c>
      <c r="OF42" s="165">
        <v>331051</v>
      </c>
      <c r="OG42" s="166">
        <v>331051</v>
      </c>
      <c r="OH42" s="163">
        <v>0</v>
      </c>
      <c r="OI42" s="161">
        <v>0</v>
      </c>
      <c r="OJ42" s="162">
        <v>0</v>
      </c>
      <c r="OK42" s="164">
        <v>0</v>
      </c>
      <c r="OL42" s="161">
        <v>0</v>
      </c>
      <c r="OM42" s="161">
        <v>0</v>
      </c>
      <c r="ON42" s="161">
        <v>34470</v>
      </c>
      <c r="OO42" s="161">
        <v>258489</v>
      </c>
      <c r="OP42" s="161">
        <v>621247</v>
      </c>
      <c r="OQ42" s="165">
        <v>914206</v>
      </c>
      <c r="OR42" s="167">
        <v>914206</v>
      </c>
    </row>
    <row r="43" spans="1:408" x14ac:dyDescent="0.2">
      <c r="A43" s="44" t="s">
        <v>84</v>
      </c>
    </row>
  </sheetData>
  <mergeCells count="158">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S7:LS8"/>
    <mergeCell ref="LT7:LV7"/>
    <mergeCell ref="KM7:KO7"/>
    <mergeCell ref="KP7:KV7"/>
    <mergeCell ref="KW7:KW8"/>
    <mergeCell ref="KX7:KZ7"/>
    <mergeCell ref="LA7:LG7"/>
    <mergeCell ref="MP7:MR7"/>
    <mergeCell ref="MS7:MY7"/>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HN7:HP7"/>
    <mergeCell ref="HQ7:HW7"/>
    <mergeCell ref="HX7:HX8"/>
    <mergeCell ref="GR7:GT7"/>
    <mergeCell ref="GU7:HA7"/>
    <mergeCell ref="HB7:HB8"/>
    <mergeCell ref="HC7:HE7"/>
    <mergeCell ref="HF7:HL7"/>
    <mergeCell ref="HM7:HM8"/>
    <mergeCell ref="GQ7:GQ8"/>
    <mergeCell ref="EZ7:FB7"/>
    <mergeCell ref="FC7:FI7"/>
    <mergeCell ref="FJ7:FJ8"/>
    <mergeCell ref="FK7:FM7"/>
    <mergeCell ref="FN7:FT7"/>
    <mergeCell ref="FU7:FU8"/>
    <mergeCell ref="FV7:FX7"/>
    <mergeCell ref="FY7:GE7"/>
    <mergeCell ref="GF7:GF8"/>
    <mergeCell ref="GG7:GI7"/>
    <mergeCell ref="GJ7:GP7"/>
    <mergeCell ref="CZ7:DF7"/>
    <mergeCell ref="EY7:EY8"/>
    <mergeCell ref="DH7:DJ7"/>
    <mergeCell ref="DK7:DQ7"/>
    <mergeCell ref="DR7:DR8"/>
    <mergeCell ref="DS7:DU7"/>
    <mergeCell ref="DV7:EB7"/>
    <mergeCell ref="EC7:EC8"/>
    <mergeCell ref="ED7:EF7"/>
    <mergeCell ref="EG7:EM7"/>
    <mergeCell ref="EN7:EN8"/>
    <mergeCell ref="EO7:EQ7"/>
    <mergeCell ref="ER7:EX7"/>
    <mergeCell ref="CL7:CN7"/>
    <mergeCell ref="CO7:CU7"/>
    <mergeCell ref="CV7:CV8"/>
    <mergeCell ref="CW7:CY7"/>
    <mergeCell ref="BP7:BR7"/>
    <mergeCell ref="BS7:BY7"/>
    <mergeCell ref="BZ7:BZ8"/>
    <mergeCell ref="CA7:CC7"/>
    <mergeCell ref="CD7:CJ7"/>
    <mergeCell ref="E7:K7"/>
    <mergeCell ref="L7:L8"/>
    <mergeCell ref="M7:O7"/>
    <mergeCell ref="P7:V7"/>
    <mergeCell ref="FK6:FU6"/>
    <mergeCell ref="FV6:GF6"/>
    <mergeCell ref="M6:W6"/>
    <mergeCell ref="X6:AH6"/>
    <mergeCell ref="AI6:AS6"/>
    <mergeCell ref="AT6:BD6"/>
    <mergeCell ref="BE6:BO6"/>
    <mergeCell ref="BP6:BZ6"/>
    <mergeCell ref="DS6:EC6"/>
    <mergeCell ref="ED6:EN6"/>
    <mergeCell ref="W7:W8"/>
    <mergeCell ref="EO6:EY6"/>
    <mergeCell ref="EZ6:FJ6"/>
    <mergeCell ref="BO7:BO8"/>
    <mergeCell ref="X7:Z7"/>
    <mergeCell ref="AA7:AG7"/>
    <mergeCell ref="AH7:AH8"/>
    <mergeCell ref="AI7:AK7"/>
    <mergeCell ref="AL7:AR7"/>
    <mergeCell ref="CK7:CK8"/>
    <mergeCell ref="AS7:AS8"/>
    <mergeCell ref="AT7:AV7"/>
    <mergeCell ref="AW7:BC7"/>
    <mergeCell ref="BD7:BD8"/>
    <mergeCell ref="BE7:BG7"/>
    <mergeCell ref="BH7:BN7"/>
    <mergeCell ref="DG7:DG8"/>
    <mergeCell ref="F1:G1"/>
    <mergeCell ref="A4:A8"/>
    <mergeCell ref="B4:L6"/>
    <mergeCell ref="M4:HX4"/>
    <mergeCell ref="M5:BZ5"/>
    <mergeCell ref="CA5:DG5"/>
    <mergeCell ref="DH5:FJ5"/>
    <mergeCell ref="FK5:HB5"/>
    <mergeCell ref="HC5:HM6"/>
    <mergeCell ref="HN5:HX6"/>
    <mergeCell ref="GG6:GQ6"/>
    <mergeCell ref="GR6:HB6"/>
    <mergeCell ref="CA6:CK6"/>
    <mergeCell ref="CL6:CV6"/>
    <mergeCell ref="CW6:DG6"/>
    <mergeCell ref="DH6:DR6"/>
    <mergeCell ref="B7:D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HX41"/>
  <sheetViews>
    <sheetView zoomScaleNormal="100" workbookViewId="0">
      <pane xSplit="1" ySplit="7" topLeftCell="B8" activePane="bottomRight" state="frozen"/>
      <selection pane="topRight" activeCell="B1" sqref="B1"/>
      <selection pane="bottomLeft" activeCell="A8" sqref="A8"/>
      <selection pane="bottomRight"/>
    </sheetView>
  </sheetViews>
  <sheetFormatPr defaultColWidth="9" defaultRowHeight="13.2" x14ac:dyDescent="0.2"/>
  <cols>
    <col min="1" max="1" width="9.88671875" style="292" customWidth="1"/>
    <col min="2" max="3" width="9.21875" style="292" bestFit="1" customWidth="1"/>
    <col min="4" max="4" width="10.77734375" style="292" bestFit="1" customWidth="1"/>
    <col min="5" max="5" width="7.109375" style="292" customWidth="1"/>
    <col min="6" max="10" width="10.44140625" style="292" bestFit="1" customWidth="1"/>
    <col min="11" max="12" width="11.6640625" style="292" bestFit="1" customWidth="1"/>
    <col min="13" max="15" width="9.21875" style="292" bestFit="1" customWidth="1"/>
    <col min="16" max="16" width="7.44140625" style="292" customWidth="1"/>
    <col min="17" max="17" width="9.21875" style="292" bestFit="1" customWidth="1"/>
    <col min="18" max="21" width="10.44140625" style="292" bestFit="1" customWidth="1"/>
    <col min="22" max="23" width="11.6640625" style="292" bestFit="1" customWidth="1"/>
    <col min="24" max="26" width="9.109375" style="292" bestFit="1" customWidth="1"/>
    <col min="27" max="27" width="7" style="292" customWidth="1"/>
    <col min="28" max="29" width="9.109375" style="292" bestFit="1" customWidth="1"/>
    <col min="30" max="31" width="9.6640625" style="292" bestFit="1" customWidth="1"/>
    <col min="32" max="32" width="9.109375" style="292" bestFit="1" customWidth="1"/>
    <col min="33" max="34" width="9.6640625" style="292" bestFit="1" customWidth="1"/>
    <col min="35" max="37" width="9.109375" style="292" bestFit="1" customWidth="1"/>
    <col min="38" max="38" width="7.33203125" style="292" customWidth="1"/>
    <col min="39" max="48" width="9.109375" style="292" bestFit="1" customWidth="1"/>
    <col min="49" max="49" width="7.33203125" style="292" customWidth="1"/>
    <col min="50" max="59" width="9.109375" style="292" bestFit="1" customWidth="1"/>
    <col min="60" max="60" width="7.77734375" style="292" customWidth="1"/>
    <col min="61" max="70" width="9.109375" style="292" bestFit="1" customWidth="1"/>
    <col min="71" max="71" width="7.77734375" style="292" customWidth="1"/>
    <col min="72" max="76" width="9.109375" style="292" bestFit="1" customWidth="1"/>
    <col min="77" max="78" width="9.6640625" style="292" bestFit="1" customWidth="1"/>
    <col min="79" max="81" width="9.109375" style="292" bestFit="1" customWidth="1"/>
    <col min="82" max="82" width="7.88671875" style="292" customWidth="1"/>
    <col min="83" max="92" width="9.109375" style="292" bestFit="1" customWidth="1"/>
    <col min="93" max="93" width="8" style="292" customWidth="1"/>
    <col min="94" max="103" width="9.109375" style="292" bestFit="1" customWidth="1"/>
    <col min="104" max="104" width="8" style="292" customWidth="1"/>
    <col min="105" max="114" width="9.109375" style="292" bestFit="1" customWidth="1"/>
    <col min="115" max="115" width="7.6640625" style="292" customWidth="1"/>
    <col min="116" max="116" width="9.109375" style="292" bestFit="1" customWidth="1"/>
    <col min="117" max="120" width="9.6640625" style="292" bestFit="1" customWidth="1"/>
    <col min="121" max="122" width="10.6640625" style="292" bestFit="1" customWidth="1"/>
    <col min="123" max="125" width="9.109375" style="292" bestFit="1" customWidth="1"/>
    <col min="126" max="126" width="7.44140625" style="292" customWidth="1"/>
    <col min="127" max="128" width="9.109375" style="292" bestFit="1" customWidth="1"/>
    <col min="129" max="133" width="9.6640625" style="292" bestFit="1" customWidth="1"/>
    <col min="134" max="136" width="9.109375" style="292" bestFit="1" customWidth="1"/>
    <col min="137" max="137" width="7.6640625" style="292" customWidth="1"/>
    <col min="138" max="147" width="9.109375" style="292" bestFit="1" customWidth="1"/>
    <col min="148" max="148" width="7.77734375" style="292" customWidth="1"/>
    <col min="149" max="158" width="9.109375" style="292" bestFit="1" customWidth="1"/>
    <col min="159" max="159" width="7.77734375" style="292" customWidth="1"/>
    <col min="160" max="169" width="9.109375" style="292" bestFit="1" customWidth="1"/>
    <col min="170" max="170" width="7.33203125" style="292" customWidth="1"/>
    <col min="171" max="180" width="9.109375" style="292" bestFit="1" customWidth="1"/>
    <col min="181" max="181" width="8" style="292" customWidth="1"/>
    <col min="182" max="187" width="9.109375" style="292" bestFit="1" customWidth="1"/>
    <col min="188" max="188" width="9.6640625" style="292" bestFit="1" customWidth="1"/>
    <col min="189" max="191" width="9.109375" style="292" bestFit="1" customWidth="1"/>
    <col min="192" max="192" width="7.44140625" style="292" customWidth="1"/>
    <col min="193" max="202" width="9.109375" style="292" bestFit="1" customWidth="1"/>
    <col min="203" max="203" width="7.88671875" style="292" customWidth="1"/>
    <col min="204" max="213" width="9.109375" style="292" bestFit="1" customWidth="1"/>
    <col min="214" max="214" width="7.88671875" style="292" customWidth="1"/>
    <col min="215" max="224" width="9.109375" style="292" bestFit="1" customWidth="1"/>
    <col min="225" max="225" width="7.6640625" style="292" customWidth="1"/>
    <col min="226" max="228" width="9.6640625" style="292" bestFit="1" customWidth="1"/>
    <col min="229" max="229" width="10.6640625" style="292" bestFit="1" customWidth="1"/>
    <col min="230" max="230" width="9.6640625" style="292" bestFit="1" customWidth="1"/>
    <col min="231" max="232" width="10.6640625" style="292" bestFit="1" customWidth="1"/>
    <col min="233" max="16384" width="9" style="292"/>
  </cols>
  <sheetData>
    <row r="1" spans="1:232" s="1" customFormat="1" ht="25.5" customHeight="1" x14ac:dyDescent="0.2">
      <c r="A1" s="20" t="s">
        <v>0</v>
      </c>
      <c r="B1" s="39"/>
      <c r="C1" s="39"/>
      <c r="D1" s="368">
        <v>4</v>
      </c>
      <c r="E1" s="253">
        <v>6</v>
      </c>
      <c r="F1" s="750">
        <f>IF(E1&lt;3,E1-2+12,E1-2)</f>
        <v>4</v>
      </c>
      <c r="G1" s="750"/>
      <c r="I1" s="39"/>
      <c r="J1" s="39"/>
      <c r="K1" s="39"/>
      <c r="CK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row>
    <row r="2" spans="1:232" ht="25.5" customHeight="1" thickBot="1" x14ac:dyDescent="0.25">
      <c r="A2" s="20" t="s">
        <v>120</v>
      </c>
    </row>
    <row r="3" spans="1:232" ht="19.5" customHeight="1" thickBot="1" x14ac:dyDescent="0.25">
      <c r="A3" s="751"/>
      <c r="B3" s="728" t="s">
        <v>116</v>
      </c>
      <c r="C3" s="729"/>
      <c r="D3" s="729"/>
      <c r="E3" s="729"/>
      <c r="F3" s="729"/>
      <c r="G3" s="729"/>
      <c r="H3" s="729"/>
      <c r="I3" s="729"/>
      <c r="J3" s="729"/>
      <c r="K3" s="729"/>
      <c r="L3" s="729"/>
      <c r="M3" s="518"/>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8"/>
      <c r="CW3" s="518"/>
      <c r="CX3" s="518"/>
      <c r="CY3" s="518"/>
      <c r="CZ3" s="518"/>
      <c r="DA3" s="518"/>
      <c r="DB3" s="518"/>
      <c r="DC3" s="518"/>
      <c r="DD3" s="518"/>
      <c r="DE3" s="518"/>
      <c r="DF3" s="518"/>
      <c r="DG3" s="519"/>
      <c r="DH3" s="728" t="s">
        <v>118</v>
      </c>
      <c r="DI3" s="729"/>
      <c r="DJ3" s="729"/>
      <c r="DK3" s="729"/>
      <c r="DL3" s="729"/>
      <c r="DM3" s="729"/>
      <c r="DN3" s="729"/>
      <c r="DO3" s="729"/>
      <c r="DP3" s="729"/>
      <c r="DQ3" s="729"/>
      <c r="DR3" s="729"/>
      <c r="DS3" s="729"/>
      <c r="DT3" s="729"/>
      <c r="DU3" s="729"/>
      <c r="DV3" s="729"/>
      <c r="DW3" s="729"/>
      <c r="DX3" s="729"/>
      <c r="DY3" s="729"/>
      <c r="DZ3" s="729"/>
      <c r="EA3" s="729"/>
      <c r="EB3" s="729"/>
      <c r="EC3" s="729"/>
      <c r="ED3" s="729"/>
      <c r="EE3" s="729"/>
      <c r="EF3" s="729"/>
      <c r="EG3" s="729"/>
      <c r="EH3" s="729"/>
      <c r="EI3" s="729"/>
      <c r="EJ3" s="729"/>
      <c r="EK3" s="729"/>
      <c r="EL3" s="729"/>
      <c r="EM3" s="729"/>
      <c r="EN3" s="729"/>
      <c r="EO3" s="729"/>
      <c r="EP3" s="729"/>
      <c r="EQ3" s="729"/>
      <c r="ER3" s="729"/>
      <c r="ES3" s="729"/>
      <c r="ET3" s="729"/>
      <c r="EU3" s="729"/>
      <c r="EV3" s="729"/>
      <c r="EW3" s="729"/>
      <c r="EX3" s="729"/>
      <c r="EY3" s="729"/>
      <c r="EZ3" s="729"/>
      <c r="FA3" s="729"/>
      <c r="FB3" s="729"/>
      <c r="FC3" s="729"/>
      <c r="FD3" s="729"/>
      <c r="FE3" s="729"/>
      <c r="FF3" s="729"/>
      <c r="FG3" s="729"/>
      <c r="FH3" s="729"/>
      <c r="FI3" s="729"/>
      <c r="FJ3" s="729"/>
      <c r="FK3" s="729"/>
      <c r="FL3" s="729"/>
      <c r="FM3" s="729"/>
      <c r="FN3" s="729"/>
      <c r="FO3" s="729"/>
      <c r="FP3" s="729"/>
      <c r="FQ3" s="729"/>
      <c r="FR3" s="729"/>
      <c r="FS3" s="729"/>
      <c r="FT3" s="729"/>
      <c r="FU3" s="729"/>
      <c r="FV3" s="729"/>
      <c r="FW3" s="729"/>
      <c r="FX3" s="729"/>
      <c r="FY3" s="729"/>
      <c r="FZ3" s="729"/>
      <c r="GA3" s="729"/>
      <c r="GB3" s="729"/>
      <c r="GC3" s="729"/>
      <c r="GD3" s="729"/>
      <c r="GE3" s="729"/>
      <c r="GF3" s="729"/>
      <c r="GG3" s="729"/>
      <c r="GH3" s="729"/>
      <c r="GI3" s="729"/>
      <c r="GJ3" s="729"/>
      <c r="GK3" s="729"/>
      <c r="GL3" s="729"/>
      <c r="GM3" s="729"/>
      <c r="GN3" s="729"/>
      <c r="GO3" s="729"/>
      <c r="GP3" s="729"/>
      <c r="GQ3" s="729"/>
      <c r="GR3" s="729"/>
      <c r="GS3" s="729"/>
      <c r="GT3" s="729"/>
      <c r="GU3" s="729"/>
      <c r="GV3" s="729"/>
      <c r="GW3" s="729"/>
      <c r="GX3" s="729"/>
      <c r="GY3" s="729"/>
      <c r="GZ3" s="729"/>
      <c r="HA3" s="729"/>
      <c r="HB3" s="729"/>
      <c r="HC3" s="729"/>
      <c r="HD3" s="729"/>
      <c r="HE3" s="729"/>
      <c r="HF3" s="729"/>
      <c r="HG3" s="729"/>
      <c r="HH3" s="729"/>
      <c r="HI3" s="729"/>
      <c r="HJ3" s="729"/>
      <c r="HK3" s="729"/>
      <c r="HL3" s="729"/>
      <c r="HM3" s="730"/>
      <c r="HN3" s="731" t="s">
        <v>60</v>
      </c>
      <c r="HO3" s="732"/>
      <c r="HP3" s="732"/>
      <c r="HQ3" s="732"/>
      <c r="HR3" s="732"/>
      <c r="HS3" s="732"/>
      <c r="HT3" s="732"/>
      <c r="HU3" s="732"/>
      <c r="HV3" s="732"/>
      <c r="HW3" s="732"/>
      <c r="HX3" s="733"/>
    </row>
    <row r="4" spans="1:232" ht="19.5" customHeight="1" thickBot="1" x14ac:dyDescent="0.25">
      <c r="A4" s="752"/>
      <c r="B4" s="737"/>
      <c r="C4" s="738"/>
      <c r="D4" s="738"/>
      <c r="E4" s="738"/>
      <c r="F4" s="738"/>
      <c r="G4" s="738"/>
      <c r="H4" s="738"/>
      <c r="I4" s="738"/>
      <c r="J4" s="738"/>
      <c r="K4" s="738"/>
      <c r="L4" s="740"/>
      <c r="M4" s="725" t="s">
        <v>57</v>
      </c>
      <c r="N4" s="726"/>
      <c r="O4" s="726"/>
      <c r="P4" s="726"/>
      <c r="Q4" s="726"/>
      <c r="R4" s="726"/>
      <c r="S4" s="726"/>
      <c r="T4" s="726"/>
      <c r="U4" s="726"/>
      <c r="V4" s="726"/>
      <c r="W4" s="727"/>
      <c r="X4" s="725" t="s">
        <v>58</v>
      </c>
      <c r="Y4" s="726"/>
      <c r="Z4" s="726"/>
      <c r="AA4" s="726"/>
      <c r="AB4" s="726"/>
      <c r="AC4" s="726"/>
      <c r="AD4" s="726"/>
      <c r="AE4" s="726"/>
      <c r="AF4" s="726"/>
      <c r="AG4" s="726"/>
      <c r="AH4" s="727"/>
      <c r="AI4" s="725" t="s">
        <v>59</v>
      </c>
      <c r="AJ4" s="726"/>
      <c r="AK4" s="726"/>
      <c r="AL4" s="726"/>
      <c r="AM4" s="726"/>
      <c r="AN4" s="726"/>
      <c r="AO4" s="726"/>
      <c r="AP4" s="726"/>
      <c r="AQ4" s="726"/>
      <c r="AR4" s="726"/>
      <c r="AS4" s="727"/>
      <c r="AT4" s="725" t="s">
        <v>151</v>
      </c>
      <c r="AU4" s="726"/>
      <c r="AV4" s="726"/>
      <c r="AW4" s="726"/>
      <c r="AX4" s="726"/>
      <c r="AY4" s="726"/>
      <c r="AZ4" s="726"/>
      <c r="BA4" s="726"/>
      <c r="BB4" s="726"/>
      <c r="BC4" s="726"/>
      <c r="BD4" s="727"/>
      <c r="BE4" s="725" t="s">
        <v>117</v>
      </c>
      <c r="BF4" s="726"/>
      <c r="BG4" s="726"/>
      <c r="BH4" s="726"/>
      <c r="BI4" s="726"/>
      <c r="BJ4" s="726"/>
      <c r="BK4" s="726"/>
      <c r="BL4" s="726"/>
      <c r="BM4" s="726"/>
      <c r="BN4" s="726"/>
      <c r="BO4" s="727"/>
      <c r="BP4" s="725" t="s">
        <v>77</v>
      </c>
      <c r="BQ4" s="726"/>
      <c r="BR4" s="726"/>
      <c r="BS4" s="726"/>
      <c r="BT4" s="726"/>
      <c r="BU4" s="726"/>
      <c r="BV4" s="726"/>
      <c r="BW4" s="726"/>
      <c r="BX4" s="726"/>
      <c r="BY4" s="726"/>
      <c r="BZ4" s="727"/>
      <c r="CA4" s="725" t="s">
        <v>78</v>
      </c>
      <c r="CB4" s="726"/>
      <c r="CC4" s="726"/>
      <c r="CD4" s="726"/>
      <c r="CE4" s="726"/>
      <c r="CF4" s="726"/>
      <c r="CG4" s="726"/>
      <c r="CH4" s="726"/>
      <c r="CI4" s="726"/>
      <c r="CJ4" s="726"/>
      <c r="CK4" s="727"/>
      <c r="CL4" s="725" t="s">
        <v>79</v>
      </c>
      <c r="CM4" s="726"/>
      <c r="CN4" s="726"/>
      <c r="CO4" s="726"/>
      <c r="CP4" s="726"/>
      <c r="CQ4" s="726"/>
      <c r="CR4" s="726"/>
      <c r="CS4" s="726"/>
      <c r="CT4" s="726"/>
      <c r="CU4" s="726"/>
      <c r="CV4" s="727"/>
      <c r="CW4" s="725" t="s">
        <v>152</v>
      </c>
      <c r="CX4" s="726"/>
      <c r="CY4" s="726"/>
      <c r="CZ4" s="726"/>
      <c r="DA4" s="726"/>
      <c r="DB4" s="726"/>
      <c r="DC4" s="726"/>
      <c r="DD4" s="726"/>
      <c r="DE4" s="726"/>
      <c r="DF4" s="726"/>
      <c r="DG4" s="727"/>
      <c r="DH4" s="737"/>
      <c r="DI4" s="738"/>
      <c r="DJ4" s="738"/>
      <c r="DK4" s="738"/>
      <c r="DL4" s="738"/>
      <c r="DM4" s="738"/>
      <c r="DN4" s="738"/>
      <c r="DO4" s="738"/>
      <c r="DP4" s="738"/>
      <c r="DQ4" s="738"/>
      <c r="DR4" s="739"/>
      <c r="DS4" s="725" t="s">
        <v>57</v>
      </c>
      <c r="DT4" s="726"/>
      <c r="DU4" s="726"/>
      <c r="DV4" s="726"/>
      <c r="DW4" s="726"/>
      <c r="DX4" s="726"/>
      <c r="DY4" s="726"/>
      <c r="DZ4" s="726"/>
      <c r="EA4" s="726"/>
      <c r="EB4" s="726"/>
      <c r="EC4" s="727"/>
      <c r="ED4" s="725" t="s">
        <v>58</v>
      </c>
      <c r="EE4" s="726"/>
      <c r="EF4" s="726"/>
      <c r="EG4" s="726"/>
      <c r="EH4" s="726"/>
      <c r="EI4" s="726"/>
      <c r="EJ4" s="726"/>
      <c r="EK4" s="726"/>
      <c r="EL4" s="726"/>
      <c r="EM4" s="726"/>
      <c r="EN4" s="727"/>
      <c r="EO4" s="725" t="s">
        <v>59</v>
      </c>
      <c r="EP4" s="726"/>
      <c r="EQ4" s="726"/>
      <c r="ER4" s="726"/>
      <c r="ES4" s="726"/>
      <c r="ET4" s="726"/>
      <c r="EU4" s="726"/>
      <c r="EV4" s="726"/>
      <c r="EW4" s="726"/>
      <c r="EX4" s="726"/>
      <c r="EY4" s="727"/>
      <c r="EZ4" s="725" t="s">
        <v>151</v>
      </c>
      <c r="FA4" s="726"/>
      <c r="FB4" s="726"/>
      <c r="FC4" s="726"/>
      <c r="FD4" s="726"/>
      <c r="FE4" s="726"/>
      <c r="FF4" s="726"/>
      <c r="FG4" s="726"/>
      <c r="FH4" s="726"/>
      <c r="FI4" s="726"/>
      <c r="FJ4" s="727"/>
      <c r="FK4" s="725" t="s">
        <v>117</v>
      </c>
      <c r="FL4" s="726"/>
      <c r="FM4" s="726"/>
      <c r="FN4" s="726"/>
      <c r="FO4" s="726"/>
      <c r="FP4" s="726"/>
      <c r="FQ4" s="726"/>
      <c r="FR4" s="726"/>
      <c r="FS4" s="726"/>
      <c r="FT4" s="726"/>
      <c r="FU4" s="727"/>
      <c r="FV4" s="725" t="s">
        <v>77</v>
      </c>
      <c r="FW4" s="726"/>
      <c r="FX4" s="726"/>
      <c r="FY4" s="726"/>
      <c r="FZ4" s="726"/>
      <c r="GA4" s="726"/>
      <c r="GB4" s="726"/>
      <c r="GC4" s="726"/>
      <c r="GD4" s="726"/>
      <c r="GE4" s="726"/>
      <c r="GF4" s="727"/>
      <c r="GG4" s="725" t="s">
        <v>78</v>
      </c>
      <c r="GH4" s="726"/>
      <c r="GI4" s="726"/>
      <c r="GJ4" s="726"/>
      <c r="GK4" s="726"/>
      <c r="GL4" s="726"/>
      <c r="GM4" s="726"/>
      <c r="GN4" s="726"/>
      <c r="GO4" s="726"/>
      <c r="GP4" s="726"/>
      <c r="GQ4" s="727"/>
      <c r="GR4" s="725" t="s">
        <v>79</v>
      </c>
      <c r="GS4" s="726"/>
      <c r="GT4" s="726"/>
      <c r="GU4" s="726"/>
      <c r="GV4" s="726"/>
      <c r="GW4" s="726"/>
      <c r="GX4" s="726"/>
      <c r="GY4" s="726"/>
      <c r="GZ4" s="726"/>
      <c r="HA4" s="726"/>
      <c r="HB4" s="727"/>
      <c r="HC4" s="725" t="s">
        <v>152</v>
      </c>
      <c r="HD4" s="726"/>
      <c r="HE4" s="726"/>
      <c r="HF4" s="726"/>
      <c r="HG4" s="726"/>
      <c r="HH4" s="726"/>
      <c r="HI4" s="726"/>
      <c r="HJ4" s="726"/>
      <c r="HK4" s="726"/>
      <c r="HL4" s="726"/>
      <c r="HM4" s="727"/>
      <c r="HN4" s="734"/>
      <c r="HO4" s="735"/>
      <c r="HP4" s="735"/>
      <c r="HQ4" s="735"/>
      <c r="HR4" s="735"/>
      <c r="HS4" s="735"/>
      <c r="HT4" s="735"/>
      <c r="HU4" s="735"/>
      <c r="HV4" s="735"/>
      <c r="HW4" s="735"/>
      <c r="HX4" s="736"/>
    </row>
    <row r="5" spans="1:232" ht="19.5" customHeight="1" x14ac:dyDescent="0.2">
      <c r="A5" s="752"/>
      <c r="B5" s="741" t="s">
        <v>61</v>
      </c>
      <c r="C5" s="742"/>
      <c r="D5" s="743"/>
      <c r="E5" s="744" t="s">
        <v>62</v>
      </c>
      <c r="F5" s="742"/>
      <c r="G5" s="742"/>
      <c r="H5" s="742"/>
      <c r="I5" s="742"/>
      <c r="J5" s="742"/>
      <c r="K5" s="745"/>
      <c r="L5" s="746" t="s">
        <v>52</v>
      </c>
      <c r="M5" s="737" t="s">
        <v>61</v>
      </c>
      <c r="N5" s="738"/>
      <c r="O5" s="739"/>
      <c r="P5" s="748" t="s">
        <v>62</v>
      </c>
      <c r="Q5" s="738"/>
      <c r="R5" s="738"/>
      <c r="S5" s="738"/>
      <c r="T5" s="738"/>
      <c r="U5" s="738"/>
      <c r="V5" s="749"/>
      <c r="W5" s="667" t="s">
        <v>52</v>
      </c>
      <c r="X5" s="737" t="s">
        <v>61</v>
      </c>
      <c r="Y5" s="738"/>
      <c r="Z5" s="739"/>
      <c r="AA5" s="748" t="s">
        <v>62</v>
      </c>
      <c r="AB5" s="738"/>
      <c r="AC5" s="738"/>
      <c r="AD5" s="738"/>
      <c r="AE5" s="738"/>
      <c r="AF5" s="738"/>
      <c r="AG5" s="749"/>
      <c r="AH5" s="667" t="s">
        <v>52</v>
      </c>
      <c r="AI5" s="737" t="s">
        <v>61</v>
      </c>
      <c r="AJ5" s="738"/>
      <c r="AK5" s="739"/>
      <c r="AL5" s="748" t="s">
        <v>62</v>
      </c>
      <c r="AM5" s="738"/>
      <c r="AN5" s="738"/>
      <c r="AO5" s="738"/>
      <c r="AP5" s="738"/>
      <c r="AQ5" s="738"/>
      <c r="AR5" s="749"/>
      <c r="AS5" s="667" t="s">
        <v>52</v>
      </c>
      <c r="AT5" s="737" t="s">
        <v>61</v>
      </c>
      <c r="AU5" s="738"/>
      <c r="AV5" s="739"/>
      <c r="AW5" s="748" t="s">
        <v>62</v>
      </c>
      <c r="AX5" s="738"/>
      <c r="AY5" s="738"/>
      <c r="AZ5" s="738"/>
      <c r="BA5" s="738"/>
      <c r="BB5" s="738"/>
      <c r="BC5" s="749"/>
      <c r="BD5" s="667" t="s">
        <v>52</v>
      </c>
      <c r="BE5" s="737" t="s">
        <v>61</v>
      </c>
      <c r="BF5" s="738"/>
      <c r="BG5" s="739"/>
      <c r="BH5" s="748" t="s">
        <v>62</v>
      </c>
      <c r="BI5" s="738"/>
      <c r="BJ5" s="738"/>
      <c r="BK5" s="738"/>
      <c r="BL5" s="738"/>
      <c r="BM5" s="738"/>
      <c r="BN5" s="749"/>
      <c r="BO5" s="667" t="s">
        <v>52</v>
      </c>
      <c r="BP5" s="737" t="s">
        <v>61</v>
      </c>
      <c r="BQ5" s="738"/>
      <c r="BR5" s="739"/>
      <c r="BS5" s="748" t="s">
        <v>62</v>
      </c>
      <c r="BT5" s="738"/>
      <c r="BU5" s="738"/>
      <c r="BV5" s="738"/>
      <c r="BW5" s="738"/>
      <c r="BX5" s="738"/>
      <c r="BY5" s="749"/>
      <c r="BZ5" s="667" t="s">
        <v>52</v>
      </c>
      <c r="CA5" s="737" t="s">
        <v>61</v>
      </c>
      <c r="CB5" s="738"/>
      <c r="CC5" s="739"/>
      <c r="CD5" s="748" t="s">
        <v>62</v>
      </c>
      <c r="CE5" s="738"/>
      <c r="CF5" s="738"/>
      <c r="CG5" s="738"/>
      <c r="CH5" s="738"/>
      <c r="CI5" s="738"/>
      <c r="CJ5" s="749"/>
      <c r="CK5" s="667" t="s">
        <v>52</v>
      </c>
      <c r="CL5" s="737" t="s">
        <v>61</v>
      </c>
      <c r="CM5" s="738"/>
      <c r="CN5" s="739"/>
      <c r="CO5" s="748" t="s">
        <v>62</v>
      </c>
      <c r="CP5" s="738"/>
      <c r="CQ5" s="738"/>
      <c r="CR5" s="738"/>
      <c r="CS5" s="738"/>
      <c r="CT5" s="738"/>
      <c r="CU5" s="749"/>
      <c r="CV5" s="667" t="s">
        <v>52</v>
      </c>
      <c r="CW5" s="737" t="s">
        <v>61</v>
      </c>
      <c r="CX5" s="738"/>
      <c r="CY5" s="739"/>
      <c r="CZ5" s="748" t="s">
        <v>62</v>
      </c>
      <c r="DA5" s="738"/>
      <c r="DB5" s="738"/>
      <c r="DC5" s="738"/>
      <c r="DD5" s="738"/>
      <c r="DE5" s="738"/>
      <c r="DF5" s="749"/>
      <c r="DG5" s="667" t="s">
        <v>52</v>
      </c>
      <c r="DH5" s="741" t="s">
        <v>61</v>
      </c>
      <c r="DI5" s="742"/>
      <c r="DJ5" s="743"/>
      <c r="DK5" s="744" t="s">
        <v>62</v>
      </c>
      <c r="DL5" s="742"/>
      <c r="DM5" s="742"/>
      <c r="DN5" s="742"/>
      <c r="DO5" s="742"/>
      <c r="DP5" s="742"/>
      <c r="DQ5" s="745"/>
      <c r="DR5" s="754" t="s">
        <v>52</v>
      </c>
      <c r="DS5" s="737" t="s">
        <v>61</v>
      </c>
      <c r="DT5" s="738"/>
      <c r="DU5" s="739"/>
      <c r="DV5" s="748" t="s">
        <v>62</v>
      </c>
      <c r="DW5" s="738"/>
      <c r="DX5" s="738"/>
      <c r="DY5" s="738"/>
      <c r="DZ5" s="738"/>
      <c r="EA5" s="738"/>
      <c r="EB5" s="749"/>
      <c r="EC5" s="667" t="s">
        <v>52</v>
      </c>
      <c r="ED5" s="737" t="s">
        <v>61</v>
      </c>
      <c r="EE5" s="738"/>
      <c r="EF5" s="739"/>
      <c r="EG5" s="748" t="s">
        <v>62</v>
      </c>
      <c r="EH5" s="738"/>
      <c r="EI5" s="738"/>
      <c r="EJ5" s="738"/>
      <c r="EK5" s="738"/>
      <c r="EL5" s="738"/>
      <c r="EM5" s="749"/>
      <c r="EN5" s="667" t="s">
        <v>52</v>
      </c>
      <c r="EO5" s="737" t="s">
        <v>61</v>
      </c>
      <c r="EP5" s="738"/>
      <c r="EQ5" s="739"/>
      <c r="ER5" s="748" t="s">
        <v>62</v>
      </c>
      <c r="ES5" s="738"/>
      <c r="ET5" s="738"/>
      <c r="EU5" s="738"/>
      <c r="EV5" s="738"/>
      <c r="EW5" s="738"/>
      <c r="EX5" s="749"/>
      <c r="EY5" s="667" t="s">
        <v>52</v>
      </c>
      <c r="EZ5" s="737" t="s">
        <v>61</v>
      </c>
      <c r="FA5" s="738"/>
      <c r="FB5" s="739"/>
      <c r="FC5" s="748" t="s">
        <v>62</v>
      </c>
      <c r="FD5" s="738"/>
      <c r="FE5" s="738"/>
      <c r="FF5" s="738"/>
      <c r="FG5" s="738"/>
      <c r="FH5" s="738"/>
      <c r="FI5" s="749"/>
      <c r="FJ5" s="667" t="s">
        <v>52</v>
      </c>
      <c r="FK5" s="737" t="s">
        <v>61</v>
      </c>
      <c r="FL5" s="738"/>
      <c r="FM5" s="739"/>
      <c r="FN5" s="748" t="s">
        <v>62</v>
      </c>
      <c r="FO5" s="738"/>
      <c r="FP5" s="738"/>
      <c r="FQ5" s="738"/>
      <c r="FR5" s="738"/>
      <c r="FS5" s="738"/>
      <c r="FT5" s="749"/>
      <c r="FU5" s="667" t="s">
        <v>52</v>
      </c>
      <c r="FV5" s="737" t="s">
        <v>61</v>
      </c>
      <c r="FW5" s="738"/>
      <c r="FX5" s="739"/>
      <c r="FY5" s="748" t="s">
        <v>62</v>
      </c>
      <c r="FZ5" s="738"/>
      <c r="GA5" s="738"/>
      <c r="GB5" s="738"/>
      <c r="GC5" s="738"/>
      <c r="GD5" s="738"/>
      <c r="GE5" s="749"/>
      <c r="GF5" s="667" t="s">
        <v>52</v>
      </c>
      <c r="GG5" s="737" t="s">
        <v>61</v>
      </c>
      <c r="GH5" s="738"/>
      <c r="GI5" s="739"/>
      <c r="GJ5" s="748" t="s">
        <v>62</v>
      </c>
      <c r="GK5" s="738"/>
      <c r="GL5" s="738"/>
      <c r="GM5" s="738"/>
      <c r="GN5" s="738"/>
      <c r="GO5" s="738"/>
      <c r="GP5" s="749"/>
      <c r="GQ5" s="667" t="s">
        <v>52</v>
      </c>
      <c r="GR5" s="737" t="s">
        <v>61</v>
      </c>
      <c r="GS5" s="738"/>
      <c r="GT5" s="739"/>
      <c r="GU5" s="748" t="s">
        <v>62</v>
      </c>
      <c r="GV5" s="738"/>
      <c r="GW5" s="738"/>
      <c r="GX5" s="738"/>
      <c r="GY5" s="738"/>
      <c r="GZ5" s="738"/>
      <c r="HA5" s="749"/>
      <c r="HB5" s="667" t="s">
        <v>52</v>
      </c>
      <c r="HC5" s="737" t="s">
        <v>61</v>
      </c>
      <c r="HD5" s="738"/>
      <c r="HE5" s="739"/>
      <c r="HF5" s="748" t="s">
        <v>62</v>
      </c>
      <c r="HG5" s="738"/>
      <c r="HH5" s="738"/>
      <c r="HI5" s="738"/>
      <c r="HJ5" s="738"/>
      <c r="HK5" s="738"/>
      <c r="HL5" s="749"/>
      <c r="HM5" s="667" t="s">
        <v>52</v>
      </c>
      <c r="HN5" s="737" t="s">
        <v>61</v>
      </c>
      <c r="HO5" s="738"/>
      <c r="HP5" s="739"/>
      <c r="HQ5" s="748" t="s">
        <v>62</v>
      </c>
      <c r="HR5" s="738"/>
      <c r="HS5" s="738"/>
      <c r="HT5" s="738"/>
      <c r="HU5" s="738"/>
      <c r="HV5" s="738"/>
      <c r="HW5" s="749"/>
      <c r="HX5" s="667" t="s">
        <v>52</v>
      </c>
    </row>
    <row r="6" spans="1:232" ht="34.5" customHeight="1" thickBot="1" x14ac:dyDescent="0.25">
      <c r="A6" s="753"/>
      <c r="B6" s="372" t="s">
        <v>119</v>
      </c>
      <c r="C6" s="373" t="s">
        <v>44</v>
      </c>
      <c r="D6" s="380" t="s">
        <v>45</v>
      </c>
      <c r="E6" s="381" t="s">
        <v>83</v>
      </c>
      <c r="F6" s="373" t="s">
        <v>47</v>
      </c>
      <c r="G6" s="373" t="s">
        <v>48</v>
      </c>
      <c r="H6" s="373" t="s">
        <v>49</v>
      </c>
      <c r="I6" s="373" t="s">
        <v>50</v>
      </c>
      <c r="J6" s="373" t="s">
        <v>51</v>
      </c>
      <c r="K6" s="382" t="s">
        <v>45</v>
      </c>
      <c r="L6" s="747"/>
      <c r="M6" s="372" t="s">
        <v>119</v>
      </c>
      <c r="N6" s="373" t="s">
        <v>44</v>
      </c>
      <c r="O6" s="380" t="s">
        <v>45</v>
      </c>
      <c r="P6" s="381" t="s">
        <v>83</v>
      </c>
      <c r="Q6" s="373" t="s">
        <v>47</v>
      </c>
      <c r="R6" s="373" t="s">
        <v>48</v>
      </c>
      <c r="S6" s="373" t="s">
        <v>49</v>
      </c>
      <c r="T6" s="373" t="s">
        <v>50</v>
      </c>
      <c r="U6" s="373" t="s">
        <v>51</v>
      </c>
      <c r="V6" s="382" t="s">
        <v>45</v>
      </c>
      <c r="W6" s="747"/>
      <c r="X6" s="372" t="s">
        <v>119</v>
      </c>
      <c r="Y6" s="373" t="s">
        <v>44</v>
      </c>
      <c r="Z6" s="380" t="s">
        <v>45</v>
      </c>
      <c r="AA6" s="381" t="s">
        <v>83</v>
      </c>
      <c r="AB6" s="373" t="s">
        <v>47</v>
      </c>
      <c r="AC6" s="373" t="s">
        <v>48</v>
      </c>
      <c r="AD6" s="373" t="s">
        <v>49</v>
      </c>
      <c r="AE6" s="373" t="s">
        <v>50</v>
      </c>
      <c r="AF6" s="373" t="s">
        <v>51</v>
      </c>
      <c r="AG6" s="382" t="s">
        <v>45</v>
      </c>
      <c r="AH6" s="747"/>
      <c r="AI6" s="372" t="s">
        <v>119</v>
      </c>
      <c r="AJ6" s="373" t="s">
        <v>44</v>
      </c>
      <c r="AK6" s="380" t="s">
        <v>45</v>
      </c>
      <c r="AL6" s="381" t="s">
        <v>83</v>
      </c>
      <c r="AM6" s="373" t="s">
        <v>47</v>
      </c>
      <c r="AN6" s="373" t="s">
        <v>48</v>
      </c>
      <c r="AO6" s="373" t="s">
        <v>49</v>
      </c>
      <c r="AP6" s="373" t="s">
        <v>50</v>
      </c>
      <c r="AQ6" s="373" t="s">
        <v>51</v>
      </c>
      <c r="AR6" s="382" t="s">
        <v>45</v>
      </c>
      <c r="AS6" s="747"/>
      <c r="AT6" s="372" t="s">
        <v>119</v>
      </c>
      <c r="AU6" s="373" t="s">
        <v>44</v>
      </c>
      <c r="AV6" s="380" t="s">
        <v>45</v>
      </c>
      <c r="AW6" s="381" t="s">
        <v>83</v>
      </c>
      <c r="AX6" s="373" t="s">
        <v>47</v>
      </c>
      <c r="AY6" s="373" t="s">
        <v>48</v>
      </c>
      <c r="AZ6" s="373" t="s">
        <v>49</v>
      </c>
      <c r="BA6" s="373" t="s">
        <v>50</v>
      </c>
      <c r="BB6" s="373" t="s">
        <v>51</v>
      </c>
      <c r="BC6" s="382" t="s">
        <v>45</v>
      </c>
      <c r="BD6" s="747"/>
      <c r="BE6" s="372" t="s">
        <v>119</v>
      </c>
      <c r="BF6" s="373" t="s">
        <v>44</v>
      </c>
      <c r="BG6" s="380" t="s">
        <v>45</v>
      </c>
      <c r="BH6" s="381" t="s">
        <v>83</v>
      </c>
      <c r="BI6" s="373" t="s">
        <v>47</v>
      </c>
      <c r="BJ6" s="373" t="s">
        <v>48</v>
      </c>
      <c r="BK6" s="373" t="s">
        <v>49</v>
      </c>
      <c r="BL6" s="373" t="s">
        <v>50</v>
      </c>
      <c r="BM6" s="373" t="s">
        <v>51</v>
      </c>
      <c r="BN6" s="382" t="s">
        <v>45</v>
      </c>
      <c r="BO6" s="747"/>
      <c r="BP6" s="372" t="s">
        <v>119</v>
      </c>
      <c r="BQ6" s="373" t="s">
        <v>44</v>
      </c>
      <c r="BR6" s="380" t="s">
        <v>45</v>
      </c>
      <c r="BS6" s="381" t="s">
        <v>83</v>
      </c>
      <c r="BT6" s="373" t="s">
        <v>47</v>
      </c>
      <c r="BU6" s="373" t="s">
        <v>48</v>
      </c>
      <c r="BV6" s="373" t="s">
        <v>49</v>
      </c>
      <c r="BW6" s="373" t="s">
        <v>50</v>
      </c>
      <c r="BX6" s="373" t="s">
        <v>51</v>
      </c>
      <c r="BY6" s="382" t="s">
        <v>45</v>
      </c>
      <c r="BZ6" s="747"/>
      <c r="CA6" s="372" t="s">
        <v>119</v>
      </c>
      <c r="CB6" s="373" t="s">
        <v>44</v>
      </c>
      <c r="CC6" s="380" t="s">
        <v>45</v>
      </c>
      <c r="CD6" s="381" t="s">
        <v>83</v>
      </c>
      <c r="CE6" s="373" t="s">
        <v>47</v>
      </c>
      <c r="CF6" s="373" t="s">
        <v>48</v>
      </c>
      <c r="CG6" s="373" t="s">
        <v>49</v>
      </c>
      <c r="CH6" s="373" t="s">
        <v>50</v>
      </c>
      <c r="CI6" s="373" t="s">
        <v>51</v>
      </c>
      <c r="CJ6" s="382" t="s">
        <v>45</v>
      </c>
      <c r="CK6" s="747"/>
      <c r="CL6" s="372" t="s">
        <v>119</v>
      </c>
      <c r="CM6" s="373" t="s">
        <v>44</v>
      </c>
      <c r="CN6" s="380" t="s">
        <v>45</v>
      </c>
      <c r="CO6" s="381" t="s">
        <v>83</v>
      </c>
      <c r="CP6" s="373" t="s">
        <v>47</v>
      </c>
      <c r="CQ6" s="373" t="s">
        <v>48</v>
      </c>
      <c r="CR6" s="373" t="s">
        <v>49</v>
      </c>
      <c r="CS6" s="373" t="s">
        <v>50</v>
      </c>
      <c r="CT6" s="373" t="s">
        <v>51</v>
      </c>
      <c r="CU6" s="382" t="s">
        <v>45</v>
      </c>
      <c r="CV6" s="747"/>
      <c r="CW6" s="372" t="s">
        <v>119</v>
      </c>
      <c r="CX6" s="373" t="s">
        <v>44</v>
      </c>
      <c r="CY6" s="380" t="s">
        <v>45</v>
      </c>
      <c r="CZ6" s="381" t="s">
        <v>83</v>
      </c>
      <c r="DA6" s="373" t="s">
        <v>47</v>
      </c>
      <c r="DB6" s="373" t="s">
        <v>48</v>
      </c>
      <c r="DC6" s="373" t="s">
        <v>49</v>
      </c>
      <c r="DD6" s="373" t="s">
        <v>50</v>
      </c>
      <c r="DE6" s="373" t="s">
        <v>51</v>
      </c>
      <c r="DF6" s="382" t="s">
        <v>45</v>
      </c>
      <c r="DG6" s="747"/>
      <c r="DH6" s="372" t="s">
        <v>119</v>
      </c>
      <c r="DI6" s="373" t="s">
        <v>44</v>
      </c>
      <c r="DJ6" s="380" t="s">
        <v>45</v>
      </c>
      <c r="DK6" s="381" t="s">
        <v>83</v>
      </c>
      <c r="DL6" s="373" t="s">
        <v>47</v>
      </c>
      <c r="DM6" s="373" t="s">
        <v>48</v>
      </c>
      <c r="DN6" s="373" t="s">
        <v>49</v>
      </c>
      <c r="DO6" s="373" t="s">
        <v>50</v>
      </c>
      <c r="DP6" s="373" t="s">
        <v>51</v>
      </c>
      <c r="DQ6" s="382" t="s">
        <v>45</v>
      </c>
      <c r="DR6" s="755"/>
      <c r="DS6" s="372" t="s">
        <v>119</v>
      </c>
      <c r="DT6" s="373" t="s">
        <v>44</v>
      </c>
      <c r="DU6" s="380" t="s">
        <v>45</v>
      </c>
      <c r="DV6" s="381" t="s">
        <v>83</v>
      </c>
      <c r="DW6" s="373" t="s">
        <v>47</v>
      </c>
      <c r="DX6" s="373" t="s">
        <v>48</v>
      </c>
      <c r="DY6" s="373" t="s">
        <v>49</v>
      </c>
      <c r="DZ6" s="373" t="s">
        <v>50</v>
      </c>
      <c r="EA6" s="373" t="s">
        <v>51</v>
      </c>
      <c r="EB6" s="382" t="s">
        <v>45</v>
      </c>
      <c r="EC6" s="747"/>
      <c r="ED6" s="372" t="s">
        <v>119</v>
      </c>
      <c r="EE6" s="373" t="s">
        <v>44</v>
      </c>
      <c r="EF6" s="380" t="s">
        <v>45</v>
      </c>
      <c r="EG6" s="381" t="s">
        <v>83</v>
      </c>
      <c r="EH6" s="373" t="s">
        <v>47</v>
      </c>
      <c r="EI6" s="373" t="s">
        <v>48</v>
      </c>
      <c r="EJ6" s="373" t="s">
        <v>49</v>
      </c>
      <c r="EK6" s="373" t="s">
        <v>50</v>
      </c>
      <c r="EL6" s="373" t="s">
        <v>51</v>
      </c>
      <c r="EM6" s="382" t="s">
        <v>45</v>
      </c>
      <c r="EN6" s="747"/>
      <c r="EO6" s="372" t="s">
        <v>119</v>
      </c>
      <c r="EP6" s="373" t="s">
        <v>44</v>
      </c>
      <c r="EQ6" s="380" t="s">
        <v>45</v>
      </c>
      <c r="ER6" s="381" t="s">
        <v>83</v>
      </c>
      <c r="ES6" s="373" t="s">
        <v>47</v>
      </c>
      <c r="ET6" s="373" t="s">
        <v>48</v>
      </c>
      <c r="EU6" s="373" t="s">
        <v>49</v>
      </c>
      <c r="EV6" s="373" t="s">
        <v>50</v>
      </c>
      <c r="EW6" s="373" t="s">
        <v>51</v>
      </c>
      <c r="EX6" s="382" t="s">
        <v>45</v>
      </c>
      <c r="EY6" s="747"/>
      <c r="EZ6" s="372" t="s">
        <v>119</v>
      </c>
      <c r="FA6" s="373" t="s">
        <v>44</v>
      </c>
      <c r="FB6" s="380" t="s">
        <v>45</v>
      </c>
      <c r="FC6" s="381" t="s">
        <v>83</v>
      </c>
      <c r="FD6" s="373" t="s">
        <v>47</v>
      </c>
      <c r="FE6" s="373" t="s">
        <v>48</v>
      </c>
      <c r="FF6" s="373" t="s">
        <v>49</v>
      </c>
      <c r="FG6" s="373" t="s">
        <v>50</v>
      </c>
      <c r="FH6" s="373" t="s">
        <v>51</v>
      </c>
      <c r="FI6" s="382" t="s">
        <v>45</v>
      </c>
      <c r="FJ6" s="747"/>
      <c r="FK6" s="372" t="s">
        <v>119</v>
      </c>
      <c r="FL6" s="373" t="s">
        <v>44</v>
      </c>
      <c r="FM6" s="380" t="s">
        <v>45</v>
      </c>
      <c r="FN6" s="381" t="s">
        <v>83</v>
      </c>
      <c r="FO6" s="373" t="s">
        <v>47</v>
      </c>
      <c r="FP6" s="373" t="s">
        <v>48</v>
      </c>
      <c r="FQ6" s="373" t="s">
        <v>49</v>
      </c>
      <c r="FR6" s="373" t="s">
        <v>50</v>
      </c>
      <c r="FS6" s="373" t="s">
        <v>51</v>
      </c>
      <c r="FT6" s="382" t="s">
        <v>45</v>
      </c>
      <c r="FU6" s="747"/>
      <c r="FV6" s="372" t="s">
        <v>119</v>
      </c>
      <c r="FW6" s="373" t="s">
        <v>44</v>
      </c>
      <c r="FX6" s="380" t="s">
        <v>45</v>
      </c>
      <c r="FY6" s="381" t="s">
        <v>83</v>
      </c>
      <c r="FZ6" s="373" t="s">
        <v>47</v>
      </c>
      <c r="GA6" s="373" t="s">
        <v>48</v>
      </c>
      <c r="GB6" s="373" t="s">
        <v>49</v>
      </c>
      <c r="GC6" s="373" t="s">
        <v>50</v>
      </c>
      <c r="GD6" s="373" t="s">
        <v>51</v>
      </c>
      <c r="GE6" s="382" t="s">
        <v>45</v>
      </c>
      <c r="GF6" s="747"/>
      <c r="GG6" s="372" t="s">
        <v>119</v>
      </c>
      <c r="GH6" s="373" t="s">
        <v>44</v>
      </c>
      <c r="GI6" s="380" t="s">
        <v>45</v>
      </c>
      <c r="GJ6" s="381" t="s">
        <v>83</v>
      </c>
      <c r="GK6" s="373" t="s">
        <v>47</v>
      </c>
      <c r="GL6" s="373" t="s">
        <v>48</v>
      </c>
      <c r="GM6" s="373" t="s">
        <v>49</v>
      </c>
      <c r="GN6" s="373" t="s">
        <v>50</v>
      </c>
      <c r="GO6" s="373" t="s">
        <v>51</v>
      </c>
      <c r="GP6" s="382" t="s">
        <v>45</v>
      </c>
      <c r="GQ6" s="747"/>
      <c r="GR6" s="372" t="s">
        <v>119</v>
      </c>
      <c r="GS6" s="373" t="s">
        <v>44</v>
      </c>
      <c r="GT6" s="380" t="s">
        <v>45</v>
      </c>
      <c r="GU6" s="381" t="s">
        <v>83</v>
      </c>
      <c r="GV6" s="373" t="s">
        <v>47</v>
      </c>
      <c r="GW6" s="373" t="s">
        <v>48</v>
      </c>
      <c r="GX6" s="373" t="s">
        <v>49</v>
      </c>
      <c r="GY6" s="373" t="s">
        <v>50</v>
      </c>
      <c r="GZ6" s="373" t="s">
        <v>51</v>
      </c>
      <c r="HA6" s="382" t="s">
        <v>45</v>
      </c>
      <c r="HB6" s="747"/>
      <c r="HC6" s="372" t="s">
        <v>119</v>
      </c>
      <c r="HD6" s="373" t="s">
        <v>44</v>
      </c>
      <c r="HE6" s="380" t="s">
        <v>45</v>
      </c>
      <c r="HF6" s="381" t="s">
        <v>83</v>
      </c>
      <c r="HG6" s="373" t="s">
        <v>47</v>
      </c>
      <c r="HH6" s="373" t="s">
        <v>48</v>
      </c>
      <c r="HI6" s="373" t="s">
        <v>49</v>
      </c>
      <c r="HJ6" s="373" t="s">
        <v>50</v>
      </c>
      <c r="HK6" s="373" t="s">
        <v>51</v>
      </c>
      <c r="HL6" s="382" t="s">
        <v>45</v>
      </c>
      <c r="HM6" s="747"/>
      <c r="HN6" s="372" t="s">
        <v>119</v>
      </c>
      <c r="HO6" s="373" t="s">
        <v>44</v>
      </c>
      <c r="HP6" s="380" t="s">
        <v>45</v>
      </c>
      <c r="HQ6" s="381" t="s">
        <v>83</v>
      </c>
      <c r="HR6" s="373" t="s">
        <v>47</v>
      </c>
      <c r="HS6" s="373" t="s">
        <v>48</v>
      </c>
      <c r="HT6" s="373" t="s">
        <v>49</v>
      </c>
      <c r="HU6" s="373" t="s">
        <v>50</v>
      </c>
      <c r="HV6" s="373" t="s">
        <v>51</v>
      </c>
      <c r="HW6" s="382" t="s">
        <v>45</v>
      </c>
      <c r="HX6" s="747"/>
    </row>
    <row r="7" spans="1:232" s="491" customFormat="1" ht="16.5" customHeight="1" x14ac:dyDescent="0.2">
      <c r="A7" s="482" t="s">
        <v>4</v>
      </c>
      <c r="B7" s="483">
        <v>21100</v>
      </c>
      <c r="C7" s="484">
        <v>81914</v>
      </c>
      <c r="D7" s="485">
        <v>103014</v>
      </c>
      <c r="E7" s="486">
        <v>0</v>
      </c>
      <c r="F7" s="484">
        <v>19497770</v>
      </c>
      <c r="G7" s="484">
        <v>41252288</v>
      </c>
      <c r="H7" s="484">
        <v>119752891</v>
      </c>
      <c r="I7" s="484">
        <v>152824497</v>
      </c>
      <c r="J7" s="484">
        <v>99419073</v>
      </c>
      <c r="K7" s="487">
        <v>432746519</v>
      </c>
      <c r="L7" s="488">
        <v>432849533</v>
      </c>
      <c r="M7" s="483">
        <v>0</v>
      </c>
      <c r="N7" s="484">
        <v>0</v>
      </c>
      <c r="O7" s="485">
        <v>0</v>
      </c>
      <c r="P7" s="489"/>
      <c r="Q7" s="484">
        <v>4869803</v>
      </c>
      <c r="R7" s="484">
        <v>13738882</v>
      </c>
      <c r="S7" s="484">
        <v>81255136</v>
      </c>
      <c r="T7" s="484">
        <v>111612426</v>
      </c>
      <c r="U7" s="484">
        <v>76297700</v>
      </c>
      <c r="V7" s="487">
        <v>287773947</v>
      </c>
      <c r="W7" s="488">
        <v>287773947</v>
      </c>
      <c r="X7" s="483">
        <v>0</v>
      </c>
      <c r="Y7" s="484">
        <v>0</v>
      </c>
      <c r="Z7" s="485">
        <v>0</v>
      </c>
      <c r="AA7" s="489"/>
      <c r="AB7" s="484">
        <v>12523676</v>
      </c>
      <c r="AC7" s="484">
        <v>22972397</v>
      </c>
      <c r="AD7" s="484">
        <v>28085985</v>
      </c>
      <c r="AE7" s="484">
        <v>29717784</v>
      </c>
      <c r="AF7" s="484">
        <v>14928389</v>
      </c>
      <c r="AG7" s="487">
        <v>108228231</v>
      </c>
      <c r="AH7" s="488">
        <v>108228231</v>
      </c>
      <c r="AI7" s="483">
        <v>0</v>
      </c>
      <c r="AJ7" s="484">
        <v>0</v>
      </c>
      <c r="AK7" s="485">
        <v>0</v>
      </c>
      <c r="AL7" s="489"/>
      <c r="AM7" s="484">
        <v>0</v>
      </c>
      <c r="AN7" s="484">
        <v>3180</v>
      </c>
      <c r="AO7" s="484">
        <v>70690</v>
      </c>
      <c r="AP7" s="484">
        <v>862580</v>
      </c>
      <c r="AQ7" s="484">
        <v>1203485</v>
      </c>
      <c r="AR7" s="487">
        <v>2139935</v>
      </c>
      <c r="AS7" s="488">
        <v>2139935</v>
      </c>
      <c r="AT7" s="483">
        <v>0</v>
      </c>
      <c r="AU7" s="484">
        <v>0</v>
      </c>
      <c r="AV7" s="485">
        <v>0</v>
      </c>
      <c r="AW7" s="489"/>
      <c r="AX7" s="484">
        <v>256200</v>
      </c>
      <c r="AY7" s="484">
        <v>108150</v>
      </c>
      <c r="AZ7" s="484">
        <v>467745</v>
      </c>
      <c r="BA7" s="484">
        <v>1664785</v>
      </c>
      <c r="BB7" s="484">
        <v>2233522</v>
      </c>
      <c r="BC7" s="487">
        <v>4730402</v>
      </c>
      <c r="BD7" s="488">
        <v>4730402</v>
      </c>
      <c r="BE7" s="483">
        <v>0</v>
      </c>
      <c r="BF7" s="484">
        <v>0</v>
      </c>
      <c r="BG7" s="485">
        <v>0</v>
      </c>
      <c r="BH7" s="489"/>
      <c r="BI7" s="484">
        <v>68845</v>
      </c>
      <c r="BJ7" s="484">
        <v>278900</v>
      </c>
      <c r="BK7" s="484">
        <v>1563665</v>
      </c>
      <c r="BL7" s="484">
        <v>1835750</v>
      </c>
      <c r="BM7" s="484">
        <v>1098960</v>
      </c>
      <c r="BN7" s="487">
        <v>4846120</v>
      </c>
      <c r="BO7" s="488">
        <v>4846120</v>
      </c>
      <c r="BP7" s="483">
        <v>13085</v>
      </c>
      <c r="BQ7" s="484">
        <v>71089</v>
      </c>
      <c r="BR7" s="485">
        <v>84174</v>
      </c>
      <c r="BS7" s="486">
        <v>0</v>
      </c>
      <c r="BT7" s="484">
        <v>1703315</v>
      </c>
      <c r="BU7" s="484">
        <v>3908242</v>
      </c>
      <c r="BV7" s="484">
        <v>8011175</v>
      </c>
      <c r="BW7" s="484">
        <v>6840113</v>
      </c>
      <c r="BX7" s="484">
        <v>3430099</v>
      </c>
      <c r="BY7" s="487">
        <v>23892944</v>
      </c>
      <c r="BZ7" s="488">
        <v>23977118</v>
      </c>
      <c r="CA7" s="483">
        <v>8015</v>
      </c>
      <c r="CB7" s="484">
        <v>10825</v>
      </c>
      <c r="CC7" s="485">
        <v>18840</v>
      </c>
      <c r="CD7" s="486">
        <v>0</v>
      </c>
      <c r="CE7" s="484">
        <v>75931</v>
      </c>
      <c r="CF7" s="484">
        <v>242537</v>
      </c>
      <c r="CG7" s="484">
        <v>298085</v>
      </c>
      <c r="CH7" s="484">
        <v>291059</v>
      </c>
      <c r="CI7" s="484">
        <v>226918</v>
      </c>
      <c r="CJ7" s="487">
        <v>1134530</v>
      </c>
      <c r="CK7" s="488">
        <v>1153370</v>
      </c>
      <c r="CL7" s="483">
        <v>0</v>
      </c>
      <c r="CM7" s="484">
        <v>0</v>
      </c>
      <c r="CN7" s="485">
        <v>0</v>
      </c>
      <c r="CO7" s="486">
        <v>0</v>
      </c>
      <c r="CP7" s="484">
        <v>0</v>
      </c>
      <c r="CQ7" s="484">
        <v>0</v>
      </c>
      <c r="CR7" s="484">
        <v>0</v>
      </c>
      <c r="CS7" s="484">
        <v>0</v>
      </c>
      <c r="CT7" s="484">
        <v>0</v>
      </c>
      <c r="CU7" s="487">
        <v>0</v>
      </c>
      <c r="CV7" s="488">
        <v>0</v>
      </c>
      <c r="CW7" s="483">
        <v>0</v>
      </c>
      <c r="CX7" s="484">
        <v>0</v>
      </c>
      <c r="CY7" s="485">
        <v>0</v>
      </c>
      <c r="CZ7" s="489"/>
      <c r="DA7" s="484">
        <v>0</v>
      </c>
      <c r="DB7" s="484">
        <v>0</v>
      </c>
      <c r="DC7" s="484">
        <v>410</v>
      </c>
      <c r="DD7" s="484">
        <v>0</v>
      </c>
      <c r="DE7" s="484">
        <v>0</v>
      </c>
      <c r="DF7" s="487">
        <v>410</v>
      </c>
      <c r="DG7" s="488">
        <v>410</v>
      </c>
      <c r="DH7" s="483">
        <v>26672</v>
      </c>
      <c r="DI7" s="484">
        <v>147220</v>
      </c>
      <c r="DJ7" s="485">
        <v>173892</v>
      </c>
      <c r="DK7" s="486">
        <v>0</v>
      </c>
      <c r="DL7" s="484">
        <v>11870404</v>
      </c>
      <c r="DM7" s="484">
        <v>32280688</v>
      </c>
      <c r="DN7" s="484">
        <v>126648948</v>
      </c>
      <c r="DO7" s="484">
        <v>161029302</v>
      </c>
      <c r="DP7" s="484">
        <v>102263692</v>
      </c>
      <c r="DQ7" s="487">
        <v>434093034</v>
      </c>
      <c r="DR7" s="490">
        <v>434266926</v>
      </c>
      <c r="DS7" s="483">
        <v>0</v>
      </c>
      <c r="DT7" s="484">
        <v>0</v>
      </c>
      <c r="DU7" s="485">
        <v>0</v>
      </c>
      <c r="DV7" s="489"/>
      <c r="DW7" s="484">
        <v>6000232</v>
      </c>
      <c r="DX7" s="484">
        <v>19441309</v>
      </c>
      <c r="DY7" s="484">
        <v>104988464</v>
      </c>
      <c r="DZ7" s="484">
        <v>140135846</v>
      </c>
      <c r="EA7" s="484">
        <v>90413262</v>
      </c>
      <c r="EB7" s="487">
        <v>360979113</v>
      </c>
      <c r="EC7" s="488">
        <v>360979113</v>
      </c>
      <c r="ED7" s="483">
        <v>0</v>
      </c>
      <c r="EE7" s="484">
        <v>0</v>
      </c>
      <c r="EF7" s="485">
        <v>0</v>
      </c>
      <c r="EG7" s="489"/>
      <c r="EH7" s="484">
        <v>3006476</v>
      </c>
      <c r="EI7" s="484">
        <v>6044950</v>
      </c>
      <c r="EJ7" s="484">
        <v>6281256</v>
      </c>
      <c r="EK7" s="484">
        <v>6804377</v>
      </c>
      <c r="EL7" s="484">
        <v>4010925</v>
      </c>
      <c r="EM7" s="487">
        <v>26147984</v>
      </c>
      <c r="EN7" s="488">
        <v>26147984</v>
      </c>
      <c r="EO7" s="483">
        <v>0</v>
      </c>
      <c r="EP7" s="484">
        <v>0</v>
      </c>
      <c r="EQ7" s="485">
        <v>0</v>
      </c>
      <c r="ER7" s="489"/>
      <c r="ES7" s="484">
        <v>0</v>
      </c>
      <c r="ET7" s="484">
        <v>0</v>
      </c>
      <c r="EU7" s="484">
        <v>21093</v>
      </c>
      <c r="EV7" s="484">
        <v>86317</v>
      </c>
      <c r="EW7" s="484">
        <v>190392</v>
      </c>
      <c r="EX7" s="487">
        <v>297802</v>
      </c>
      <c r="EY7" s="488">
        <v>297802</v>
      </c>
      <c r="EZ7" s="483">
        <v>0</v>
      </c>
      <c r="FA7" s="484">
        <v>0</v>
      </c>
      <c r="FB7" s="485">
        <v>0</v>
      </c>
      <c r="FC7" s="489"/>
      <c r="FD7" s="484">
        <v>57600</v>
      </c>
      <c r="FE7" s="484">
        <v>34350</v>
      </c>
      <c r="FF7" s="484">
        <v>114916</v>
      </c>
      <c r="FG7" s="484">
        <v>301983</v>
      </c>
      <c r="FH7" s="484">
        <v>351564</v>
      </c>
      <c r="FI7" s="487">
        <v>860413</v>
      </c>
      <c r="FJ7" s="488">
        <v>860413</v>
      </c>
      <c r="FK7" s="483">
        <v>0</v>
      </c>
      <c r="FL7" s="484">
        <v>0</v>
      </c>
      <c r="FM7" s="485">
        <v>0</v>
      </c>
      <c r="FN7" s="489"/>
      <c r="FO7" s="484">
        <v>170604</v>
      </c>
      <c r="FP7" s="484">
        <v>377238</v>
      </c>
      <c r="FQ7" s="484">
        <v>2544899</v>
      </c>
      <c r="FR7" s="484">
        <v>3412690</v>
      </c>
      <c r="FS7" s="484">
        <v>1982486</v>
      </c>
      <c r="FT7" s="487">
        <v>8487917</v>
      </c>
      <c r="FU7" s="488">
        <v>8487917</v>
      </c>
      <c r="FV7" s="483">
        <v>24082</v>
      </c>
      <c r="FW7" s="484">
        <v>136604</v>
      </c>
      <c r="FX7" s="485">
        <v>160686</v>
      </c>
      <c r="FY7" s="486">
        <v>0</v>
      </c>
      <c r="FZ7" s="484">
        <v>2578780</v>
      </c>
      <c r="GA7" s="484">
        <v>6268058</v>
      </c>
      <c r="GB7" s="484">
        <v>12510531</v>
      </c>
      <c r="GC7" s="484">
        <v>10100956</v>
      </c>
      <c r="GD7" s="484">
        <v>5198115</v>
      </c>
      <c r="GE7" s="487">
        <v>36656440</v>
      </c>
      <c r="GF7" s="488">
        <v>36817126</v>
      </c>
      <c r="GG7" s="483">
        <v>2590</v>
      </c>
      <c r="GH7" s="484">
        <v>10616</v>
      </c>
      <c r="GI7" s="485">
        <v>13206</v>
      </c>
      <c r="GJ7" s="486">
        <v>0</v>
      </c>
      <c r="GK7" s="484">
        <v>56712</v>
      </c>
      <c r="GL7" s="484">
        <v>114783</v>
      </c>
      <c r="GM7" s="484">
        <v>187768</v>
      </c>
      <c r="GN7" s="484">
        <v>187133</v>
      </c>
      <c r="GO7" s="484">
        <v>116948</v>
      </c>
      <c r="GP7" s="487">
        <v>663344</v>
      </c>
      <c r="GQ7" s="488">
        <v>676550</v>
      </c>
      <c r="GR7" s="483">
        <v>0</v>
      </c>
      <c r="GS7" s="484">
        <v>0</v>
      </c>
      <c r="GT7" s="485">
        <v>0</v>
      </c>
      <c r="GU7" s="486">
        <v>0</v>
      </c>
      <c r="GV7" s="484">
        <v>0</v>
      </c>
      <c r="GW7" s="484">
        <v>0</v>
      </c>
      <c r="GX7" s="484">
        <v>0</v>
      </c>
      <c r="GY7" s="484">
        <v>0</v>
      </c>
      <c r="GZ7" s="484">
        <v>0</v>
      </c>
      <c r="HA7" s="487">
        <v>0</v>
      </c>
      <c r="HB7" s="488">
        <v>0</v>
      </c>
      <c r="HC7" s="483">
        <v>0</v>
      </c>
      <c r="HD7" s="484">
        <v>0</v>
      </c>
      <c r="HE7" s="485">
        <v>0</v>
      </c>
      <c r="HF7" s="489"/>
      <c r="HG7" s="484">
        <v>0</v>
      </c>
      <c r="HH7" s="484">
        <v>0</v>
      </c>
      <c r="HI7" s="484">
        <v>21</v>
      </c>
      <c r="HJ7" s="484">
        <v>0</v>
      </c>
      <c r="HK7" s="484">
        <v>0</v>
      </c>
      <c r="HL7" s="487">
        <v>21</v>
      </c>
      <c r="HM7" s="488">
        <v>21</v>
      </c>
      <c r="HN7" s="483">
        <v>47772</v>
      </c>
      <c r="HO7" s="484">
        <v>229134</v>
      </c>
      <c r="HP7" s="485">
        <v>276906</v>
      </c>
      <c r="HQ7" s="486">
        <v>0</v>
      </c>
      <c r="HR7" s="484">
        <v>31368174</v>
      </c>
      <c r="HS7" s="484">
        <v>73532976</v>
      </c>
      <c r="HT7" s="484">
        <v>246401839</v>
      </c>
      <c r="HU7" s="484">
        <v>313853799</v>
      </c>
      <c r="HV7" s="484">
        <v>201682765</v>
      </c>
      <c r="HW7" s="487">
        <v>866839553</v>
      </c>
      <c r="HX7" s="488">
        <v>867116459</v>
      </c>
    </row>
    <row r="8" spans="1:232" s="491" customFormat="1" ht="16.5" customHeight="1" x14ac:dyDescent="0.2">
      <c r="A8" s="492" t="s">
        <v>5</v>
      </c>
      <c r="B8" s="493">
        <v>565</v>
      </c>
      <c r="C8" s="494">
        <v>28847</v>
      </c>
      <c r="D8" s="495">
        <v>29412</v>
      </c>
      <c r="E8" s="496">
        <v>0</v>
      </c>
      <c r="F8" s="494">
        <v>7905416</v>
      </c>
      <c r="G8" s="494">
        <v>20612971</v>
      </c>
      <c r="H8" s="494">
        <v>50518972</v>
      </c>
      <c r="I8" s="494">
        <v>63834066</v>
      </c>
      <c r="J8" s="494">
        <v>42714429</v>
      </c>
      <c r="K8" s="497">
        <v>185585854</v>
      </c>
      <c r="L8" s="498">
        <v>185615266</v>
      </c>
      <c r="M8" s="493">
        <v>0</v>
      </c>
      <c r="N8" s="494">
        <v>0</v>
      </c>
      <c r="O8" s="495">
        <v>0</v>
      </c>
      <c r="P8" s="499"/>
      <c r="Q8" s="494">
        <v>2592500</v>
      </c>
      <c r="R8" s="494">
        <v>8679103</v>
      </c>
      <c r="S8" s="494">
        <v>34852063</v>
      </c>
      <c r="T8" s="494">
        <v>48186968</v>
      </c>
      <c r="U8" s="494">
        <v>32930787</v>
      </c>
      <c r="V8" s="497">
        <v>127241421</v>
      </c>
      <c r="W8" s="498">
        <v>127241421</v>
      </c>
      <c r="X8" s="493">
        <v>0</v>
      </c>
      <c r="Y8" s="494">
        <v>0</v>
      </c>
      <c r="Z8" s="495">
        <v>0</v>
      </c>
      <c r="AA8" s="499"/>
      <c r="AB8" s="494">
        <v>4691359</v>
      </c>
      <c r="AC8" s="494">
        <v>10165446</v>
      </c>
      <c r="AD8" s="494">
        <v>11848345</v>
      </c>
      <c r="AE8" s="494">
        <v>12102367</v>
      </c>
      <c r="AF8" s="494">
        <v>7313464</v>
      </c>
      <c r="AG8" s="497">
        <v>46120981</v>
      </c>
      <c r="AH8" s="498">
        <v>46120981</v>
      </c>
      <c r="AI8" s="493">
        <v>0</v>
      </c>
      <c r="AJ8" s="494">
        <v>0</v>
      </c>
      <c r="AK8" s="495">
        <v>0</v>
      </c>
      <c r="AL8" s="499"/>
      <c r="AM8" s="494">
        <v>0</v>
      </c>
      <c r="AN8" s="494">
        <v>0</v>
      </c>
      <c r="AO8" s="494">
        <v>0</v>
      </c>
      <c r="AP8" s="494">
        <v>140035</v>
      </c>
      <c r="AQ8" s="494">
        <v>268710</v>
      </c>
      <c r="AR8" s="497">
        <v>408745</v>
      </c>
      <c r="AS8" s="498">
        <v>408745</v>
      </c>
      <c r="AT8" s="493">
        <v>0</v>
      </c>
      <c r="AU8" s="494">
        <v>0</v>
      </c>
      <c r="AV8" s="495">
        <v>0</v>
      </c>
      <c r="AW8" s="499"/>
      <c r="AX8" s="494">
        <v>34350</v>
      </c>
      <c r="AY8" s="494">
        <v>34350</v>
      </c>
      <c r="AZ8" s="494">
        <v>8660</v>
      </c>
      <c r="BA8" s="494">
        <v>409540</v>
      </c>
      <c r="BB8" s="494">
        <v>429425</v>
      </c>
      <c r="BC8" s="497">
        <v>916325</v>
      </c>
      <c r="BD8" s="498">
        <v>916325</v>
      </c>
      <c r="BE8" s="493">
        <v>0</v>
      </c>
      <c r="BF8" s="494">
        <v>0</v>
      </c>
      <c r="BG8" s="495">
        <v>0</v>
      </c>
      <c r="BH8" s="499"/>
      <c r="BI8" s="494">
        <v>35475</v>
      </c>
      <c r="BJ8" s="494">
        <v>49140</v>
      </c>
      <c r="BK8" s="494">
        <v>187050</v>
      </c>
      <c r="BL8" s="494">
        <v>228355</v>
      </c>
      <c r="BM8" s="494">
        <v>159595</v>
      </c>
      <c r="BN8" s="497">
        <v>659615</v>
      </c>
      <c r="BO8" s="498">
        <v>659615</v>
      </c>
      <c r="BP8" s="493">
        <v>565</v>
      </c>
      <c r="BQ8" s="494">
        <v>28797</v>
      </c>
      <c r="BR8" s="495">
        <v>29362</v>
      </c>
      <c r="BS8" s="496">
        <v>0</v>
      </c>
      <c r="BT8" s="494">
        <v>511738</v>
      </c>
      <c r="BU8" s="494">
        <v>1563857</v>
      </c>
      <c r="BV8" s="494">
        <v>3417343</v>
      </c>
      <c r="BW8" s="494">
        <v>2640123</v>
      </c>
      <c r="BX8" s="494">
        <v>1517741</v>
      </c>
      <c r="BY8" s="497">
        <v>9650802</v>
      </c>
      <c r="BZ8" s="498">
        <v>9680164</v>
      </c>
      <c r="CA8" s="493">
        <v>0</v>
      </c>
      <c r="CB8" s="494">
        <v>50</v>
      </c>
      <c r="CC8" s="495">
        <v>50</v>
      </c>
      <c r="CD8" s="496">
        <v>0</v>
      </c>
      <c r="CE8" s="494">
        <v>39994</v>
      </c>
      <c r="CF8" s="494">
        <v>121075</v>
      </c>
      <c r="CG8" s="494">
        <v>205511</v>
      </c>
      <c r="CH8" s="494">
        <v>126678</v>
      </c>
      <c r="CI8" s="494">
        <v>94707</v>
      </c>
      <c r="CJ8" s="497">
        <v>587965</v>
      </c>
      <c r="CK8" s="498">
        <v>588015</v>
      </c>
      <c r="CL8" s="493">
        <v>0</v>
      </c>
      <c r="CM8" s="494">
        <v>0</v>
      </c>
      <c r="CN8" s="495">
        <v>0</v>
      </c>
      <c r="CO8" s="496">
        <v>0</v>
      </c>
      <c r="CP8" s="494">
        <v>0</v>
      </c>
      <c r="CQ8" s="494">
        <v>0</v>
      </c>
      <c r="CR8" s="494">
        <v>0</v>
      </c>
      <c r="CS8" s="494">
        <v>0</v>
      </c>
      <c r="CT8" s="494">
        <v>0</v>
      </c>
      <c r="CU8" s="497">
        <v>0</v>
      </c>
      <c r="CV8" s="498">
        <v>0</v>
      </c>
      <c r="CW8" s="493">
        <v>0</v>
      </c>
      <c r="CX8" s="494">
        <v>0</v>
      </c>
      <c r="CY8" s="495">
        <v>0</v>
      </c>
      <c r="CZ8" s="499"/>
      <c r="DA8" s="494">
        <v>0</v>
      </c>
      <c r="DB8" s="494">
        <v>0</v>
      </c>
      <c r="DC8" s="494">
        <v>0</v>
      </c>
      <c r="DD8" s="494">
        <v>0</v>
      </c>
      <c r="DE8" s="494">
        <v>0</v>
      </c>
      <c r="DF8" s="497">
        <v>0</v>
      </c>
      <c r="DG8" s="498">
        <v>0</v>
      </c>
      <c r="DH8" s="493">
        <v>3274</v>
      </c>
      <c r="DI8" s="494">
        <v>68680</v>
      </c>
      <c r="DJ8" s="495">
        <v>71954</v>
      </c>
      <c r="DK8" s="496">
        <v>0</v>
      </c>
      <c r="DL8" s="494">
        <v>5836633</v>
      </c>
      <c r="DM8" s="494">
        <v>19106144</v>
      </c>
      <c r="DN8" s="494">
        <v>55248820</v>
      </c>
      <c r="DO8" s="494">
        <v>70429512</v>
      </c>
      <c r="DP8" s="494">
        <v>45887500</v>
      </c>
      <c r="DQ8" s="497">
        <v>196508609</v>
      </c>
      <c r="DR8" s="500">
        <v>196580563</v>
      </c>
      <c r="DS8" s="493">
        <v>0</v>
      </c>
      <c r="DT8" s="494">
        <v>0</v>
      </c>
      <c r="DU8" s="495">
        <v>0</v>
      </c>
      <c r="DV8" s="499"/>
      <c r="DW8" s="494">
        <v>3386178</v>
      </c>
      <c r="DX8" s="494">
        <v>12554391</v>
      </c>
      <c r="DY8" s="494">
        <v>45815097</v>
      </c>
      <c r="DZ8" s="494">
        <v>61836582</v>
      </c>
      <c r="EA8" s="494">
        <v>40484220</v>
      </c>
      <c r="EB8" s="497">
        <v>164076468</v>
      </c>
      <c r="EC8" s="498">
        <v>164076468</v>
      </c>
      <c r="ED8" s="493">
        <v>0</v>
      </c>
      <c r="EE8" s="494">
        <v>0</v>
      </c>
      <c r="EF8" s="495">
        <v>0</v>
      </c>
      <c r="EG8" s="499"/>
      <c r="EH8" s="494">
        <v>1476320</v>
      </c>
      <c r="EI8" s="494">
        <v>3625088</v>
      </c>
      <c r="EJ8" s="494">
        <v>3688082</v>
      </c>
      <c r="EK8" s="494">
        <v>3688303</v>
      </c>
      <c r="EL8" s="494">
        <v>2557183</v>
      </c>
      <c r="EM8" s="497">
        <v>15034976</v>
      </c>
      <c r="EN8" s="498">
        <v>15034976</v>
      </c>
      <c r="EO8" s="493">
        <v>0</v>
      </c>
      <c r="EP8" s="494">
        <v>0</v>
      </c>
      <c r="EQ8" s="495">
        <v>0</v>
      </c>
      <c r="ER8" s="499"/>
      <c r="ES8" s="494">
        <v>0</v>
      </c>
      <c r="ET8" s="494">
        <v>0</v>
      </c>
      <c r="EU8" s="494">
        <v>11261</v>
      </c>
      <c r="EV8" s="494">
        <v>14572</v>
      </c>
      <c r="EW8" s="494">
        <v>16140</v>
      </c>
      <c r="EX8" s="497">
        <v>41973</v>
      </c>
      <c r="EY8" s="498">
        <v>41973</v>
      </c>
      <c r="EZ8" s="493">
        <v>0</v>
      </c>
      <c r="FA8" s="494">
        <v>0</v>
      </c>
      <c r="FB8" s="495">
        <v>0</v>
      </c>
      <c r="FC8" s="499"/>
      <c r="FD8" s="494">
        <v>11310</v>
      </c>
      <c r="FE8" s="494">
        <v>11310</v>
      </c>
      <c r="FF8" s="494">
        <v>1998</v>
      </c>
      <c r="FG8" s="494">
        <v>66298</v>
      </c>
      <c r="FH8" s="494">
        <v>71294</v>
      </c>
      <c r="FI8" s="497">
        <v>162210</v>
      </c>
      <c r="FJ8" s="498">
        <v>162210</v>
      </c>
      <c r="FK8" s="493">
        <v>0</v>
      </c>
      <c r="FL8" s="494">
        <v>0</v>
      </c>
      <c r="FM8" s="495">
        <v>0</v>
      </c>
      <c r="FN8" s="499"/>
      <c r="FO8" s="494">
        <v>71076</v>
      </c>
      <c r="FP8" s="494">
        <v>55068</v>
      </c>
      <c r="FQ8" s="494">
        <v>288480</v>
      </c>
      <c r="FR8" s="494">
        <v>429156</v>
      </c>
      <c r="FS8" s="494">
        <v>305128</v>
      </c>
      <c r="FT8" s="497">
        <v>1148908</v>
      </c>
      <c r="FU8" s="498">
        <v>1148908</v>
      </c>
      <c r="FV8" s="493">
        <v>3274</v>
      </c>
      <c r="FW8" s="494">
        <v>68666</v>
      </c>
      <c r="FX8" s="495">
        <v>71940</v>
      </c>
      <c r="FY8" s="496">
        <v>0</v>
      </c>
      <c r="FZ8" s="494">
        <v>868646</v>
      </c>
      <c r="GA8" s="494">
        <v>2793899</v>
      </c>
      <c r="GB8" s="494">
        <v>5344357</v>
      </c>
      <c r="GC8" s="494">
        <v>4291176</v>
      </c>
      <c r="GD8" s="494">
        <v>2391679</v>
      </c>
      <c r="GE8" s="497">
        <v>15689757</v>
      </c>
      <c r="GF8" s="498">
        <v>15761697</v>
      </c>
      <c r="GG8" s="493">
        <v>0</v>
      </c>
      <c r="GH8" s="494">
        <v>14</v>
      </c>
      <c r="GI8" s="495">
        <v>14</v>
      </c>
      <c r="GJ8" s="496">
        <v>0</v>
      </c>
      <c r="GK8" s="494">
        <v>23103</v>
      </c>
      <c r="GL8" s="494">
        <v>66388</v>
      </c>
      <c r="GM8" s="494">
        <v>99545</v>
      </c>
      <c r="GN8" s="494">
        <v>103425</v>
      </c>
      <c r="GO8" s="494">
        <v>61856</v>
      </c>
      <c r="GP8" s="497">
        <v>354317</v>
      </c>
      <c r="GQ8" s="498">
        <v>354331</v>
      </c>
      <c r="GR8" s="493">
        <v>0</v>
      </c>
      <c r="GS8" s="494">
        <v>0</v>
      </c>
      <c r="GT8" s="495">
        <v>0</v>
      </c>
      <c r="GU8" s="496">
        <v>0</v>
      </c>
      <c r="GV8" s="494">
        <v>0</v>
      </c>
      <c r="GW8" s="494">
        <v>0</v>
      </c>
      <c r="GX8" s="494">
        <v>0</v>
      </c>
      <c r="GY8" s="494">
        <v>0</v>
      </c>
      <c r="GZ8" s="494">
        <v>0</v>
      </c>
      <c r="HA8" s="497">
        <v>0</v>
      </c>
      <c r="HB8" s="498">
        <v>0</v>
      </c>
      <c r="HC8" s="493">
        <v>0</v>
      </c>
      <c r="HD8" s="494">
        <v>0</v>
      </c>
      <c r="HE8" s="495">
        <v>0</v>
      </c>
      <c r="HF8" s="499"/>
      <c r="HG8" s="494">
        <v>0</v>
      </c>
      <c r="HH8" s="494">
        <v>0</v>
      </c>
      <c r="HI8" s="494">
        <v>0</v>
      </c>
      <c r="HJ8" s="494">
        <v>0</v>
      </c>
      <c r="HK8" s="494">
        <v>0</v>
      </c>
      <c r="HL8" s="497">
        <v>0</v>
      </c>
      <c r="HM8" s="498">
        <v>0</v>
      </c>
      <c r="HN8" s="493">
        <v>3839</v>
      </c>
      <c r="HO8" s="494">
        <v>97527</v>
      </c>
      <c r="HP8" s="495">
        <v>101366</v>
      </c>
      <c r="HQ8" s="496">
        <v>0</v>
      </c>
      <c r="HR8" s="494">
        <v>13742049</v>
      </c>
      <c r="HS8" s="494">
        <v>39719115</v>
      </c>
      <c r="HT8" s="494">
        <v>105767792</v>
      </c>
      <c r="HU8" s="494">
        <v>134263578</v>
      </c>
      <c r="HV8" s="494">
        <v>88601929</v>
      </c>
      <c r="HW8" s="497">
        <v>382094463</v>
      </c>
      <c r="HX8" s="498">
        <v>382195829</v>
      </c>
    </row>
    <row r="9" spans="1:232" ht="16.5" customHeight="1" x14ac:dyDescent="0.2">
      <c r="A9" s="293" t="s">
        <v>6</v>
      </c>
      <c r="B9" s="295">
        <v>8355</v>
      </c>
      <c r="C9" s="296">
        <v>17510</v>
      </c>
      <c r="D9" s="297">
        <v>25865</v>
      </c>
      <c r="E9" s="298">
        <v>0</v>
      </c>
      <c r="F9" s="296">
        <v>2715554</v>
      </c>
      <c r="G9" s="296">
        <v>4746053</v>
      </c>
      <c r="H9" s="296">
        <v>15406929</v>
      </c>
      <c r="I9" s="296">
        <v>20477106</v>
      </c>
      <c r="J9" s="296">
        <v>13807783</v>
      </c>
      <c r="K9" s="299">
        <v>57153425</v>
      </c>
      <c r="L9" s="300">
        <v>57179290</v>
      </c>
      <c r="M9" s="295">
        <v>0</v>
      </c>
      <c r="N9" s="296">
        <v>0</v>
      </c>
      <c r="O9" s="297">
        <v>0</v>
      </c>
      <c r="P9" s="301"/>
      <c r="Q9" s="296">
        <v>1033175</v>
      </c>
      <c r="R9" s="296">
        <v>1726475</v>
      </c>
      <c r="S9" s="296">
        <v>10959600</v>
      </c>
      <c r="T9" s="296">
        <v>13956435</v>
      </c>
      <c r="U9" s="296">
        <v>10182765</v>
      </c>
      <c r="V9" s="299">
        <v>37858450</v>
      </c>
      <c r="W9" s="300">
        <v>37858450</v>
      </c>
      <c r="X9" s="295">
        <v>0</v>
      </c>
      <c r="Y9" s="296">
        <v>0</v>
      </c>
      <c r="Z9" s="297">
        <v>0</v>
      </c>
      <c r="AA9" s="301"/>
      <c r="AB9" s="296">
        <v>1426945</v>
      </c>
      <c r="AC9" s="296">
        <v>2463236</v>
      </c>
      <c r="AD9" s="296">
        <v>3342412</v>
      </c>
      <c r="AE9" s="296">
        <v>4458502</v>
      </c>
      <c r="AF9" s="296">
        <v>2158212</v>
      </c>
      <c r="AG9" s="299">
        <v>13849307</v>
      </c>
      <c r="AH9" s="300">
        <v>13849307</v>
      </c>
      <c r="AI9" s="295">
        <v>0</v>
      </c>
      <c r="AJ9" s="296">
        <v>0</v>
      </c>
      <c r="AK9" s="297">
        <v>0</v>
      </c>
      <c r="AL9" s="301"/>
      <c r="AM9" s="296">
        <v>0</v>
      </c>
      <c r="AN9" s="296">
        <v>0</v>
      </c>
      <c r="AO9" s="296">
        <v>6460</v>
      </c>
      <c r="AP9" s="296">
        <v>368105</v>
      </c>
      <c r="AQ9" s="296">
        <v>430650</v>
      </c>
      <c r="AR9" s="299">
        <v>805215</v>
      </c>
      <c r="AS9" s="300">
        <v>805215</v>
      </c>
      <c r="AT9" s="295">
        <v>0</v>
      </c>
      <c r="AU9" s="296">
        <v>0</v>
      </c>
      <c r="AV9" s="297">
        <v>0</v>
      </c>
      <c r="AW9" s="301"/>
      <c r="AX9" s="296">
        <v>0</v>
      </c>
      <c r="AY9" s="296">
        <v>0</v>
      </c>
      <c r="AZ9" s="296">
        <v>31500</v>
      </c>
      <c r="BA9" s="296">
        <v>303600</v>
      </c>
      <c r="BB9" s="296">
        <v>312785</v>
      </c>
      <c r="BC9" s="299">
        <v>647885</v>
      </c>
      <c r="BD9" s="300">
        <v>647885</v>
      </c>
      <c r="BE9" s="295">
        <v>0</v>
      </c>
      <c r="BF9" s="296">
        <v>0</v>
      </c>
      <c r="BG9" s="297">
        <v>0</v>
      </c>
      <c r="BH9" s="301"/>
      <c r="BI9" s="296">
        <v>28270</v>
      </c>
      <c r="BJ9" s="296">
        <v>95360</v>
      </c>
      <c r="BK9" s="296">
        <v>193070</v>
      </c>
      <c r="BL9" s="296">
        <v>459790</v>
      </c>
      <c r="BM9" s="296">
        <v>288460</v>
      </c>
      <c r="BN9" s="299">
        <v>1064950</v>
      </c>
      <c r="BO9" s="300">
        <v>1064950</v>
      </c>
      <c r="BP9" s="295">
        <v>340</v>
      </c>
      <c r="BQ9" s="296">
        <v>17510</v>
      </c>
      <c r="BR9" s="297">
        <v>17850</v>
      </c>
      <c r="BS9" s="298">
        <v>0</v>
      </c>
      <c r="BT9" s="296">
        <v>202539</v>
      </c>
      <c r="BU9" s="296">
        <v>417202</v>
      </c>
      <c r="BV9" s="296">
        <v>841082</v>
      </c>
      <c r="BW9" s="296">
        <v>887609</v>
      </c>
      <c r="BX9" s="296">
        <v>383811</v>
      </c>
      <c r="BY9" s="299">
        <v>2732243</v>
      </c>
      <c r="BZ9" s="300">
        <v>2750093</v>
      </c>
      <c r="CA9" s="295">
        <v>8015</v>
      </c>
      <c r="CB9" s="296">
        <v>0</v>
      </c>
      <c r="CC9" s="297">
        <v>8015</v>
      </c>
      <c r="CD9" s="298">
        <v>0</v>
      </c>
      <c r="CE9" s="296">
        <v>24625</v>
      </c>
      <c r="CF9" s="296">
        <v>43780</v>
      </c>
      <c r="CG9" s="296">
        <v>32805</v>
      </c>
      <c r="CH9" s="296">
        <v>43065</v>
      </c>
      <c r="CI9" s="296">
        <v>51100</v>
      </c>
      <c r="CJ9" s="299">
        <v>195375</v>
      </c>
      <c r="CK9" s="300">
        <v>203390</v>
      </c>
      <c r="CL9" s="295">
        <v>0</v>
      </c>
      <c r="CM9" s="296">
        <v>0</v>
      </c>
      <c r="CN9" s="297">
        <v>0</v>
      </c>
      <c r="CO9" s="298">
        <v>0</v>
      </c>
      <c r="CP9" s="296">
        <v>0</v>
      </c>
      <c r="CQ9" s="296">
        <v>0</v>
      </c>
      <c r="CR9" s="296">
        <v>0</v>
      </c>
      <c r="CS9" s="296">
        <v>0</v>
      </c>
      <c r="CT9" s="296">
        <v>0</v>
      </c>
      <c r="CU9" s="299">
        <v>0</v>
      </c>
      <c r="CV9" s="300">
        <v>0</v>
      </c>
      <c r="CW9" s="295">
        <v>0</v>
      </c>
      <c r="CX9" s="296">
        <v>0</v>
      </c>
      <c r="CY9" s="297">
        <v>0</v>
      </c>
      <c r="CZ9" s="301"/>
      <c r="DA9" s="296">
        <v>0</v>
      </c>
      <c r="DB9" s="296">
        <v>0</v>
      </c>
      <c r="DC9" s="296">
        <v>0</v>
      </c>
      <c r="DD9" s="296">
        <v>0</v>
      </c>
      <c r="DE9" s="296">
        <v>0</v>
      </c>
      <c r="DF9" s="299">
        <v>0</v>
      </c>
      <c r="DG9" s="300">
        <v>0</v>
      </c>
      <c r="DH9" s="295">
        <v>3643</v>
      </c>
      <c r="DI9" s="296">
        <v>16842</v>
      </c>
      <c r="DJ9" s="297">
        <v>20485</v>
      </c>
      <c r="DK9" s="298">
        <v>0</v>
      </c>
      <c r="DL9" s="296">
        <v>1661430</v>
      </c>
      <c r="DM9" s="296">
        <v>3363455</v>
      </c>
      <c r="DN9" s="296">
        <v>14072049</v>
      </c>
      <c r="DO9" s="296">
        <v>18356103</v>
      </c>
      <c r="DP9" s="296">
        <v>12062132</v>
      </c>
      <c r="DQ9" s="299">
        <v>49515169</v>
      </c>
      <c r="DR9" s="302">
        <v>49535654</v>
      </c>
      <c r="DS9" s="295">
        <v>0</v>
      </c>
      <c r="DT9" s="296">
        <v>0</v>
      </c>
      <c r="DU9" s="297">
        <v>0</v>
      </c>
      <c r="DV9" s="301"/>
      <c r="DW9" s="296">
        <v>912776</v>
      </c>
      <c r="DX9" s="296">
        <v>1976975</v>
      </c>
      <c r="DY9" s="296">
        <v>11797555</v>
      </c>
      <c r="DZ9" s="296">
        <v>15012707</v>
      </c>
      <c r="EA9" s="296">
        <v>10372879</v>
      </c>
      <c r="EB9" s="299">
        <v>40072892</v>
      </c>
      <c r="EC9" s="300">
        <v>40072892</v>
      </c>
      <c r="ED9" s="295">
        <v>0</v>
      </c>
      <c r="EE9" s="296">
        <v>0</v>
      </c>
      <c r="EF9" s="297">
        <v>0</v>
      </c>
      <c r="EG9" s="301"/>
      <c r="EH9" s="296">
        <v>345112</v>
      </c>
      <c r="EI9" s="296">
        <v>657477</v>
      </c>
      <c r="EJ9" s="296">
        <v>679559</v>
      </c>
      <c r="EK9" s="296">
        <v>1144313</v>
      </c>
      <c r="EL9" s="296">
        <v>574510</v>
      </c>
      <c r="EM9" s="299">
        <v>3400971</v>
      </c>
      <c r="EN9" s="300">
        <v>3400971</v>
      </c>
      <c r="EO9" s="295">
        <v>0</v>
      </c>
      <c r="EP9" s="296">
        <v>0</v>
      </c>
      <c r="EQ9" s="297">
        <v>0</v>
      </c>
      <c r="ER9" s="301"/>
      <c r="ES9" s="296">
        <v>0</v>
      </c>
      <c r="ET9" s="296">
        <v>0</v>
      </c>
      <c r="EU9" s="296">
        <v>532</v>
      </c>
      <c r="EV9" s="296">
        <v>49615</v>
      </c>
      <c r="EW9" s="296">
        <v>93210</v>
      </c>
      <c r="EX9" s="299">
        <v>143357</v>
      </c>
      <c r="EY9" s="300">
        <v>143357</v>
      </c>
      <c r="EZ9" s="295">
        <v>0</v>
      </c>
      <c r="FA9" s="296">
        <v>0</v>
      </c>
      <c r="FB9" s="297">
        <v>0</v>
      </c>
      <c r="FC9" s="301"/>
      <c r="FD9" s="296">
        <v>0</v>
      </c>
      <c r="FE9" s="296">
        <v>0</v>
      </c>
      <c r="FF9" s="296">
        <v>630</v>
      </c>
      <c r="FG9" s="296">
        <v>68700</v>
      </c>
      <c r="FH9" s="296">
        <v>44974</v>
      </c>
      <c r="FI9" s="299">
        <v>114304</v>
      </c>
      <c r="FJ9" s="300">
        <v>114304</v>
      </c>
      <c r="FK9" s="295">
        <v>0</v>
      </c>
      <c r="FL9" s="296">
        <v>0</v>
      </c>
      <c r="FM9" s="297">
        <v>0</v>
      </c>
      <c r="FN9" s="301"/>
      <c r="FO9" s="296">
        <v>57768</v>
      </c>
      <c r="FP9" s="296">
        <v>95100</v>
      </c>
      <c r="FQ9" s="296">
        <v>422280</v>
      </c>
      <c r="FR9" s="296">
        <v>966730</v>
      </c>
      <c r="FS9" s="296">
        <v>444216</v>
      </c>
      <c r="FT9" s="299">
        <v>1986094</v>
      </c>
      <c r="FU9" s="300">
        <v>1986094</v>
      </c>
      <c r="FV9" s="295">
        <v>1053</v>
      </c>
      <c r="FW9" s="296">
        <v>16842</v>
      </c>
      <c r="FX9" s="297">
        <v>17895</v>
      </c>
      <c r="FY9" s="298">
        <v>0</v>
      </c>
      <c r="FZ9" s="296">
        <v>317050</v>
      </c>
      <c r="GA9" s="296">
        <v>611159</v>
      </c>
      <c r="GB9" s="296">
        <v>1138919</v>
      </c>
      <c r="GC9" s="296">
        <v>1074382</v>
      </c>
      <c r="GD9" s="296">
        <v>508265</v>
      </c>
      <c r="GE9" s="299">
        <v>3649775</v>
      </c>
      <c r="GF9" s="300">
        <v>3667670</v>
      </c>
      <c r="GG9" s="295">
        <v>2590</v>
      </c>
      <c r="GH9" s="296">
        <v>0</v>
      </c>
      <c r="GI9" s="297">
        <v>2590</v>
      </c>
      <c r="GJ9" s="298">
        <v>0</v>
      </c>
      <c r="GK9" s="296">
        <v>28724</v>
      </c>
      <c r="GL9" s="296">
        <v>22744</v>
      </c>
      <c r="GM9" s="296">
        <v>32574</v>
      </c>
      <c r="GN9" s="296">
        <v>39656</v>
      </c>
      <c r="GO9" s="296">
        <v>24078</v>
      </c>
      <c r="GP9" s="299">
        <v>147776</v>
      </c>
      <c r="GQ9" s="300">
        <v>150366</v>
      </c>
      <c r="GR9" s="295">
        <v>0</v>
      </c>
      <c r="GS9" s="296">
        <v>0</v>
      </c>
      <c r="GT9" s="297">
        <v>0</v>
      </c>
      <c r="GU9" s="298">
        <v>0</v>
      </c>
      <c r="GV9" s="296">
        <v>0</v>
      </c>
      <c r="GW9" s="296">
        <v>0</v>
      </c>
      <c r="GX9" s="296">
        <v>0</v>
      </c>
      <c r="GY9" s="296">
        <v>0</v>
      </c>
      <c r="GZ9" s="296">
        <v>0</v>
      </c>
      <c r="HA9" s="299">
        <v>0</v>
      </c>
      <c r="HB9" s="300">
        <v>0</v>
      </c>
      <c r="HC9" s="295">
        <v>0</v>
      </c>
      <c r="HD9" s="296">
        <v>0</v>
      </c>
      <c r="HE9" s="297">
        <v>0</v>
      </c>
      <c r="HF9" s="301"/>
      <c r="HG9" s="296">
        <v>0</v>
      </c>
      <c r="HH9" s="296">
        <v>0</v>
      </c>
      <c r="HI9" s="296">
        <v>0</v>
      </c>
      <c r="HJ9" s="296">
        <v>0</v>
      </c>
      <c r="HK9" s="296">
        <v>0</v>
      </c>
      <c r="HL9" s="299">
        <v>0</v>
      </c>
      <c r="HM9" s="300">
        <v>0</v>
      </c>
      <c r="HN9" s="295">
        <v>11998</v>
      </c>
      <c r="HO9" s="296">
        <v>34352</v>
      </c>
      <c r="HP9" s="297">
        <v>46350</v>
      </c>
      <c r="HQ9" s="298">
        <v>0</v>
      </c>
      <c r="HR9" s="296">
        <v>4376984</v>
      </c>
      <c r="HS9" s="296">
        <v>8109508</v>
      </c>
      <c r="HT9" s="296">
        <v>29478978</v>
      </c>
      <c r="HU9" s="296">
        <v>38833209</v>
      </c>
      <c r="HV9" s="296">
        <v>25869915</v>
      </c>
      <c r="HW9" s="299">
        <v>106668594</v>
      </c>
      <c r="HX9" s="300">
        <v>106714944</v>
      </c>
    </row>
    <row r="10" spans="1:232" ht="16.5" customHeight="1" x14ac:dyDescent="0.2">
      <c r="A10" s="293" t="s">
        <v>14</v>
      </c>
      <c r="B10" s="295">
        <v>0</v>
      </c>
      <c r="C10" s="296">
        <v>5355</v>
      </c>
      <c r="D10" s="297">
        <v>5355</v>
      </c>
      <c r="E10" s="298">
        <v>0</v>
      </c>
      <c r="F10" s="296">
        <v>909345</v>
      </c>
      <c r="G10" s="296">
        <v>2213687</v>
      </c>
      <c r="H10" s="296">
        <v>8554955</v>
      </c>
      <c r="I10" s="296">
        <v>12728402</v>
      </c>
      <c r="J10" s="296">
        <v>7289749</v>
      </c>
      <c r="K10" s="299">
        <v>31696138</v>
      </c>
      <c r="L10" s="300">
        <v>31701493</v>
      </c>
      <c r="M10" s="295">
        <v>0</v>
      </c>
      <c r="N10" s="296">
        <v>0</v>
      </c>
      <c r="O10" s="297">
        <v>0</v>
      </c>
      <c r="P10" s="301"/>
      <c r="Q10" s="296">
        <v>168900</v>
      </c>
      <c r="R10" s="296">
        <v>443096</v>
      </c>
      <c r="S10" s="296">
        <v>6002900</v>
      </c>
      <c r="T10" s="296">
        <v>9219351</v>
      </c>
      <c r="U10" s="296">
        <v>5428705</v>
      </c>
      <c r="V10" s="299">
        <v>21262952</v>
      </c>
      <c r="W10" s="300">
        <v>21262952</v>
      </c>
      <c r="X10" s="295">
        <v>0</v>
      </c>
      <c r="Y10" s="296">
        <v>0</v>
      </c>
      <c r="Z10" s="297">
        <v>0</v>
      </c>
      <c r="AA10" s="301"/>
      <c r="AB10" s="296">
        <v>648082</v>
      </c>
      <c r="AC10" s="296">
        <v>1488617</v>
      </c>
      <c r="AD10" s="296">
        <v>1777599</v>
      </c>
      <c r="AE10" s="296">
        <v>2068826</v>
      </c>
      <c r="AF10" s="296">
        <v>867261</v>
      </c>
      <c r="AG10" s="299">
        <v>6850385</v>
      </c>
      <c r="AH10" s="300">
        <v>6850385</v>
      </c>
      <c r="AI10" s="295">
        <v>0</v>
      </c>
      <c r="AJ10" s="296">
        <v>0</v>
      </c>
      <c r="AK10" s="297">
        <v>0</v>
      </c>
      <c r="AL10" s="301"/>
      <c r="AM10" s="296">
        <v>0</v>
      </c>
      <c r="AN10" s="296">
        <v>3180</v>
      </c>
      <c r="AO10" s="296">
        <v>30030</v>
      </c>
      <c r="AP10" s="296">
        <v>153380</v>
      </c>
      <c r="AQ10" s="296">
        <v>230625</v>
      </c>
      <c r="AR10" s="299">
        <v>417215</v>
      </c>
      <c r="AS10" s="300">
        <v>417215</v>
      </c>
      <c r="AT10" s="295">
        <v>0</v>
      </c>
      <c r="AU10" s="296">
        <v>0</v>
      </c>
      <c r="AV10" s="297">
        <v>0</v>
      </c>
      <c r="AW10" s="301"/>
      <c r="AX10" s="296">
        <v>0</v>
      </c>
      <c r="AY10" s="296">
        <v>0</v>
      </c>
      <c r="AZ10" s="296">
        <v>47700</v>
      </c>
      <c r="BA10" s="296">
        <v>503785</v>
      </c>
      <c r="BB10" s="296">
        <v>435445</v>
      </c>
      <c r="BC10" s="299">
        <v>986930</v>
      </c>
      <c r="BD10" s="300">
        <v>986930</v>
      </c>
      <c r="BE10" s="295">
        <v>0</v>
      </c>
      <c r="BF10" s="296">
        <v>0</v>
      </c>
      <c r="BG10" s="297">
        <v>0</v>
      </c>
      <c r="BH10" s="301"/>
      <c r="BI10" s="296">
        <v>0</v>
      </c>
      <c r="BJ10" s="296">
        <v>23850</v>
      </c>
      <c r="BK10" s="296">
        <v>73350</v>
      </c>
      <c r="BL10" s="296">
        <v>124835</v>
      </c>
      <c r="BM10" s="296">
        <v>31650</v>
      </c>
      <c r="BN10" s="299">
        <v>253685</v>
      </c>
      <c r="BO10" s="300">
        <v>253685</v>
      </c>
      <c r="BP10" s="295">
        <v>0</v>
      </c>
      <c r="BQ10" s="296">
        <v>5355</v>
      </c>
      <c r="BR10" s="297">
        <v>5355</v>
      </c>
      <c r="BS10" s="298">
        <v>0</v>
      </c>
      <c r="BT10" s="296">
        <v>92363</v>
      </c>
      <c r="BU10" s="296">
        <v>243855</v>
      </c>
      <c r="BV10" s="296">
        <v>621491</v>
      </c>
      <c r="BW10" s="296">
        <v>652095</v>
      </c>
      <c r="BX10" s="296">
        <v>294702</v>
      </c>
      <c r="BY10" s="299">
        <v>1904506</v>
      </c>
      <c r="BZ10" s="300">
        <v>1909861</v>
      </c>
      <c r="CA10" s="295">
        <v>0</v>
      </c>
      <c r="CB10" s="296">
        <v>0</v>
      </c>
      <c r="CC10" s="297">
        <v>0</v>
      </c>
      <c r="CD10" s="298">
        <v>0</v>
      </c>
      <c r="CE10" s="296">
        <v>0</v>
      </c>
      <c r="CF10" s="296">
        <v>11089</v>
      </c>
      <c r="CG10" s="296">
        <v>1885</v>
      </c>
      <c r="CH10" s="296">
        <v>6130</v>
      </c>
      <c r="CI10" s="296">
        <v>1361</v>
      </c>
      <c r="CJ10" s="299">
        <v>20465</v>
      </c>
      <c r="CK10" s="300">
        <v>20465</v>
      </c>
      <c r="CL10" s="295">
        <v>0</v>
      </c>
      <c r="CM10" s="296">
        <v>0</v>
      </c>
      <c r="CN10" s="297">
        <v>0</v>
      </c>
      <c r="CO10" s="298">
        <v>0</v>
      </c>
      <c r="CP10" s="296">
        <v>0</v>
      </c>
      <c r="CQ10" s="296">
        <v>0</v>
      </c>
      <c r="CR10" s="296">
        <v>0</v>
      </c>
      <c r="CS10" s="296">
        <v>0</v>
      </c>
      <c r="CT10" s="296">
        <v>0</v>
      </c>
      <c r="CU10" s="299">
        <v>0</v>
      </c>
      <c r="CV10" s="300">
        <v>0</v>
      </c>
      <c r="CW10" s="295">
        <v>0</v>
      </c>
      <c r="CX10" s="296">
        <v>0</v>
      </c>
      <c r="CY10" s="297">
        <v>0</v>
      </c>
      <c r="CZ10" s="301"/>
      <c r="DA10" s="296">
        <v>0</v>
      </c>
      <c r="DB10" s="296">
        <v>0</v>
      </c>
      <c r="DC10" s="296">
        <v>0</v>
      </c>
      <c r="DD10" s="296">
        <v>0</v>
      </c>
      <c r="DE10" s="296">
        <v>0</v>
      </c>
      <c r="DF10" s="299">
        <v>0</v>
      </c>
      <c r="DG10" s="300">
        <v>0</v>
      </c>
      <c r="DH10" s="295">
        <v>0</v>
      </c>
      <c r="DI10" s="296">
        <v>4408</v>
      </c>
      <c r="DJ10" s="297">
        <v>4408</v>
      </c>
      <c r="DK10" s="298">
        <v>0</v>
      </c>
      <c r="DL10" s="296">
        <v>373824</v>
      </c>
      <c r="DM10" s="296">
        <v>1426508</v>
      </c>
      <c r="DN10" s="296">
        <v>9704560</v>
      </c>
      <c r="DO10" s="296">
        <v>13515926</v>
      </c>
      <c r="DP10" s="296">
        <v>7367142</v>
      </c>
      <c r="DQ10" s="299">
        <v>32387960</v>
      </c>
      <c r="DR10" s="302">
        <v>32392368</v>
      </c>
      <c r="DS10" s="295">
        <v>0</v>
      </c>
      <c r="DT10" s="296">
        <v>0</v>
      </c>
      <c r="DU10" s="297">
        <v>0</v>
      </c>
      <c r="DV10" s="301"/>
      <c r="DW10" s="296">
        <v>221520</v>
      </c>
      <c r="DX10" s="296">
        <v>735936</v>
      </c>
      <c r="DY10" s="296">
        <v>8342705</v>
      </c>
      <c r="DZ10" s="296">
        <v>11942224</v>
      </c>
      <c r="EA10" s="296">
        <v>6699714</v>
      </c>
      <c r="EB10" s="299">
        <v>27942099</v>
      </c>
      <c r="EC10" s="300">
        <v>27942099</v>
      </c>
      <c r="ED10" s="295">
        <v>0</v>
      </c>
      <c r="EE10" s="296">
        <v>0</v>
      </c>
      <c r="EF10" s="297">
        <v>0</v>
      </c>
      <c r="EG10" s="301"/>
      <c r="EH10" s="296">
        <v>52780</v>
      </c>
      <c r="EI10" s="296">
        <v>296606</v>
      </c>
      <c r="EJ10" s="296">
        <v>218892</v>
      </c>
      <c r="EK10" s="296">
        <v>334544</v>
      </c>
      <c r="EL10" s="296">
        <v>102661</v>
      </c>
      <c r="EM10" s="299">
        <v>1005483</v>
      </c>
      <c r="EN10" s="300">
        <v>1005483</v>
      </c>
      <c r="EO10" s="295">
        <v>0</v>
      </c>
      <c r="EP10" s="296">
        <v>0</v>
      </c>
      <c r="EQ10" s="297">
        <v>0</v>
      </c>
      <c r="ER10" s="301"/>
      <c r="ES10" s="296">
        <v>0</v>
      </c>
      <c r="ET10" s="296">
        <v>0</v>
      </c>
      <c r="EU10" s="296">
        <v>9090</v>
      </c>
      <c r="EV10" s="296">
        <v>20030</v>
      </c>
      <c r="EW10" s="296">
        <v>33720</v>
      </c>
      <c r="EX10" s="299">
        <v>62840</v>
      </c>
      <c r="EY10" s="300">
        <v>62840</v>
      </c>
      <c r="EZ10" s="295">
        <v>0</v>
      </c>
      <c r="FA10" s="296">
        <v>0</v>
      </c>
      <c r="FB10" s="297">
        <v>0</v>
      </c>
      <c r="FC10" s="301"/>
      <c r="FD10" s="296">
        <v>0</v>
      </c>
      <c r="FE10" s="296">
        <v>0</v>
      </c>
      <c r="FF10" s="296">
        <v>427</v>
      </c>
      <c r="FG10" s="296">
        <v>94505</v>
      </c>
      <c r="FH10" s="296">
        <v>87662</v>
      </c>
      <c r="FI10" s="299">
        <v>182594</v>
      </c>
      <c r="FJ10" s="300">
        <v>182594</v>
      </c>
      <c r="FK10" s="295">
        <v>0</v>
      </c>
      <c r="FL10" s="296">
        <v>0</v>
      </c>
      <c r="FM10" s="297">
        <v>0</v>
      </c>
      <c r="FN10" s="301"/>
      <c r="FO10" s="296">
        <v>0</v>
      </c>
      <c r="FP10" s="296">
        <v>20880</v>
      </c>
      <c r="FQ10" s="296">
        <v>196290</v>
      </c>
      <c r="FR10" s="296">
        <v>304104</v>
      </c>
      <c r="FS10" s="296">
        <v>35580</v>
      </c>
      <c r="FT10" s="299">
        <v>556854</v>
      </c>
      <c r="FU10" s="300">
        <v>556854</v>
      </c>
      <c r="FV10" s="295">
        <v>0</v>
      </c>
      <c r="FW10" s="296">
        <v>4408</v>
      </c>
      <c r="FX10" s="297">
        <v>4408</v>
      </c>
      <c r="FY10" s="298">
        <v>0</v>
      </c>
      <c r="FZ10" s="296">
        <v>99524</v>
      </c>
      <c r="GA10" s="296">
        <v>372974</v>
      </c>
      <c r="GB10" s="296">
        <v>932502</v>
      </c>
      <c r="GC10" s="296">
        <v>817831</v>
      </c>
      <c r="GD10" s="296">
        <v>407721</v>
      </c>
      <c r="GE10" s="299">
        <v>2630552</v>
      </c>
      <c r="GF10" s="300">
        <v>2634960</v>
      </c>
      <c r="GG10" s="295">
        <v>0</v>
      </c>
      <c r="GH10" s="296">
        <v>0</v>
      </c>
      <c r="GI10" s="297">
        <v>0</v>
      </c>
      <c r="GJ10" s="298">
        <v>0</v>
      </c>
      <c r="GK10" s="296">
        <v>0</v>
      </c>
      <c r="GL10" s="296">
        <v>112</v>
      </c>
      <c r="GM10" s="296">
        <v>4654</v>
      </c>
      <c r="GN10" s="296">
        <v>2688</v>
      </c>
      <c r="GO10" s="296">
        <v>84</v>
      </c>
      <c r="GP10" s="299">
        <v>7538</v>
      </c>
      <c r="GQ10" s="300">
        <v>7538</v>
      </c>
      <c r="GR10" s="295">
        <v>0</v>
      </c>
      <c r="GS10" s="296">
        <v>0</v>
      </c>
      <c r="GT10" s="297">
        <v>0</v>
      </c>
      <c r="GU10" s="298">
        <v>0</v>
      </c>
      <c r="GV10" s="296">
        <v>0</v>
      </c>
      <c r="GW10" s="296">
        <v>0</v>
      </c>
      <c r="GX10" s="296">
        <v>0</v>
      </c>
      <c r="GY10" s="296">
        <v>0</v>
      </c>
      <c r="GZ10" s="296">
        <v>0</v>
      </c>
      <c r="HA10" s="299">
        <v>0</v>
      </c>
      <c r="HB10" s="300">
        <v>0</v>
      </c>
      <c r="HC10" s="295">
        <v>0</v>
      </c>
      <c r="HD10" s="296">
        <v>0</v>
      </c>
      <c r="HE10" s="297">
        <v>0</v>
      </c>
      <c r="HF10" s="301"/>
      <c r="HG10" s="296">
        <v>0</v>
      </c>
      <c r="HH10" s="296">
        <v>0</v>
      </c>
      <c r="HI10" s="296">
        <v>0</v>
      </c>
      <c r="HJ10" s="296">
        <v>0</v>
      </c>
      <c r="HK10" s="296">
        <v>0</v>
      </c>
      <c r="HL10" s="299">
        <v>0</v>
      </c>
      <c r="HM10" s="300">
        <v>0</v>
      </c>
      <c r="HN10" s="295">
        <v>0</v>
      </c>
      <c r="HO10" s="296">
        <v>9763</v>
      </c>
      <c r="HP10" s="297">
        <v>9763</v>
      </c>
      <c r="HQ10" s="298">
        <v>0</v>
      </c>
      <c r="HR10" s="296">
        <v>1283169</v>
      </c>
      <c r="HS10" s="296">
        <v>3640195</v>
      </c>
      <c r="HT10" s="296">
        <v>18259515</v>
      </c>
      <c r="HU10" s="296">
        <v>26244328</v>
      </c>
      <c r="HV10" s="296">
        <v>14656891</v>
      </c>
      <c r="HW10" s="299">
        <v>64084098</v>
      </c>
      <c r="HX10" s="300">
        <v>64093861</v>
      </c>
    </row>
    <row r="11" spans="1:232" ht="16.5" customHeight="1" x14ac:dyDescent="0.2">
      <c r="A11" s="293" t="s">
        <v>7</v>
      </c>
      <c r="B11" s="295">
        <v>0</v>
      </c>
      <c r="C11" s="296">
        <v>970</v>
      </c>
      <c r="D11" s="297">
        <v>970</v>
      </c>
      <c r="E11" s="298">
        <v>0</v>
      </c>
      <c r="F11" s="296">
        <v>1695035</v>
      </c>
      <c r="G11" s="296">
        <v>2154459</v>
      </c>
      <c r="H11" s="296">
        <v>6620430</v>
      </c>
      <c r="I11" s="296">
        <v>9336341</v>
      </c>
      <c r="J11" s="296">
        <v>4808287</v>
      </c>
      <c r="K11" s="299">
        <v>24614552</v>
      </c>
      <c r="L11" s="300">
        <v>24615522</v>
      </c>
      <c r="M11" s="295">
        <v>0</v>
      </c>
      <c r="N11" s="296">
        <v>0</v>
      </c>
      <c r="O11" s="297">
        <v>0</v>
      </c>
      <c r="P11" s="301"/>
      <c r="Q11" s="296">
        <v>203250</v>
      </c>
      <c r="R11" s="296">
        <v>462625</v>
      </c>
      <c r="S11" s="296">
        <v>4543575</v>
      </c>
      <c r="T11" s="296">
        <v>7357410</v>
      </c>
      <c r="U11" s="296">
        <v>4185330</v>
      </c>
      <c r="V11" s="299">
        <v>16752190</v>
      </c>
      <c r="W11" s="300">
        <v>16752190</v>
      </c>
      <c r="X11" s="295">
        <v>0</v>
      </c>
      <c r="Y11" s="296">
        <v>0</v>
      </c>
      <c r="Z11" s="297">
        <v>0</v>
      </c>
      <c r="AA11" s="301"/>
      <c r="AB11" s="296">
        <v>1317160</v>
      </c>
      <c r="AC11" s="296">
        <v>1356101</v>
      </c>
      <c r="AD11" s="296">
        <v>1736657</v>
      </c>
      <c r="AE11" s="296">
        <v>1623286</v>
      </c>
      <c r="AF11" s="296">
        <v>448465</v>
      </c>
      <c r="AG11" s="299">
        <v>6481669</v>
      </c>
      <c r="AH11" s="300">
        <v>6481669</v>
      </c>
      <c r="AI11" s="295">
        <v>0</v>
      </c>
      <c r="AJ11" s="296">
        <v>0</v>
      </c>
      <c r="AK11" s="297">
        <v>0</v>
      </c>
      <c r="AL11" s="301"/>
      <c r="AM11" s="296">
        <v>0</v>
      </c>
      <c r="AN11" s="296">
        <v>0</v>
      </c>
      <c r="AO11" s="296">
        <v>0</v>
      </c>
      <c r="AP11" s="296">
        <v>63300</v>
      </c>
      <c r="AQ11" s="296">
        <v>6060</v>
      </c>
      <c r="AR11" s="299">
        <v>69360</v>
      </c>
      <c r="AS11" s="300">
        <v>69360</v>
      </c>
      <c r="AT11" s="295">
        <v>0</v>
      </c>
      <c r="AU11" s="296">
        <v>0</v>
      </c>
      <c r="AV11" s="297">
        <v>0</v>
      </c>
      <c r="AW11" s="301"/>
      <c r="AX11" s="296">
        <v>0</v>
      </c>
      <c r="AY11" s="296">
        <v>0</v>
      </c>
      <c r="AZ11" s="296">
        <v>0</v>
      </c>
      <c r="BA11" s="296">
        <v>0</v>
      </c>
      <c r="BB11" s="296">
        <v>19875</v>
      </c>
      <c r="BC11" s="299">
        <v>19875</v>
      </c>
      <c r="BD11" s="300">
        <v>19875</v>
      </c>
      <c r="BE11" s="295">
        <v>0</v>
      </c>
      <c r="BF11" s="296">
        <v>0</v>
      </c>
      <c r="BG11" s="297">
        <v>0</v>
      </c>
      <c r="BH11" s="301"/>
      <c r="BI11" s="296">
        <v>0</v>
      </c>
      <c r="BJ11" s="296">
        <v>0</v>
      </c>
      <c r="BK11" s="296">
        <v>0</v>
      </c>
      <c r="BL11" s="296">
        <v>0</v>
      </c>
      <c r="BM11" s="296">
        <v>0</v>
      </c>
      <c r="BN11" s="299">
        <v>0</v>
      </c>
      <c r="BO11" s="300">
        <v>0</v>
      </c>
      <c r="BP11" s="295">
        <v>0</v>
      </c>
      <c r="BQ11" s="296">
        <v>970</v>
      </c>
      <c r="BR11" s="297">
        <v>970</v>
      </c>
      <c r="BS11" s="298">
        <v>0</v>
      </c>
      <c r="BT11" s="296">
        <v>174625</v>
      </c>
      <c r="BU11" s="296">
        <v>329718</v>
      </c>
      <c r="BV11" s="296">
        <v>332508</v>
      </c>
      <c r="BW11" s="296">
        <v>275170</v>
      </c>
      <c r="BX11" s="296">
        <v>136387</v>
      </c>
      <c r="BY11" s="299">
        <v>1248408</v>
      </c>
      <c r="BZ11" s="300">
        <v>1249378</v>
      </c>
      <c r="CA11" s="295">
        <v>0</v>
      </c>
      <c r="CB11" s="296">
        <v>0</v>
      </c>
      <c r="CC11" s="297">
        <v>0</v>
      </c>
      <c r="CD11" s="298">
        <v>0</v>
      </c>
      <c r="CE11" s="296">
        <v>0</v>
      </c>
      <c r="CF11" s="296">
        <v>6015</v>
      </c>
      <c r="CG11" s="296">
        <v>7690</v>
      </c>
      <c r="CH11" s="296">
        <v>17175</v>
      </c>
      <c r="CI11" s="296">
        <v>12170</v>
      </c>
      <c r="CJ11" s="299">
        <v>43050</v>
      </c>
      <c r="CK11" s="300">
        <v>43050</v>
      </c>
      <c r="CL11" s="295">
        <v>0</v>
      </c>
      <c r="CM11" s="296">
        <v>0</v>
      </c>
      <c r="CN11" s="297">
        <v>0</v>
      </c>
      <c r="CO11" s="298">
        <v>0</v>
      </c>
      <c r="CP11" s="296">
        <v>0</v>
      </c>
      <c r="CQ11" s="296">
        <v>0</v>
      </c>
      <c r="CR11" s="296">
        <v>0</v>
      </c>
      <c r="CS11" s="296">
        <v>0</v>
      </c>
      <c r="CT11" s="296">
        <v>0</v>
      </c>
      <c r="CU11" s="299">
        <v>0</v>
      </c>
      <c r="CV11" s="300">
        <v>0</v>
      </c>
      <c r="CW11" s="295">
        <v>0</v>
      </c>
      <c r="CX11" s="296">
        <v>0</v>
      </c>
      <c r="CY11" s="297">
        <v>0</v>
      </c>
      <c r="CZ11" s="301"/>
      <c r="DA11" s="296">
        <v>0</v>
      </c>
      <c r="DB11" s="296">
        <v>0</v>
      </c>
      <c r="DC11" s="296">
        <v>0</v>
      </c>
      <c r="DD11" s="296">
        <v>0</v>
      </c>
      <c r="DE11" s="296">
        <v>0</v>
      </c>
      <c r="DF11" s="299">
        <v>0</v>
      </c>
      <c r="DG11" s="300">
        <v>0</v>
      </c>
      <c r="DH11" s="295">
        <v>0</v>
      </c>
      <c r="DI11" s="296">
        <v>5925</v>
      </c>
      <c r="DJ11" s="297">
        <v>5925</v>
      </c>
      <c r="DK11" s="298">
        <v>0</v>
      </c>
      <c r="DL11" s="296">
        <v>758491</v>
      </c>
      <c r="DM11" s="296">
        <v>1243102</v>
      </c>
      <c r="DN11" s="296">
        <v>6747972</v>
      </c>
      <c r="DO11" s="296">
        <v>9333469</v>
      </c>
      <c r="DP11" s="296">
        <v>4923983</v>
      </c>
      <c r="DQ11" s="299">
        <v>23007017</v>
      </c>
      <c r="DR11" s="302">
        <v>23012942</v>
      </c>
      <c r="DS11" s="295">
        <v>0</v>
      </c>
      <c r="DT11" s="296">
        <v>0</v>
      </c>
      <c r="DU11" s="297">
        <v>0</v>
      </c>
      <c r="DV11" s="301"/>
      <c r="DW11" s="296">
        <v>233760</v>
      </c>
      <c r="DX11" s="296">
        <v>576095</v>
      </c>
      <c r="DY11" s="296">
        <v>5902605</v>
      </c>
      <c r="DZ11" s="296">
        <v>8792226</v>
      </c>
      <c r="EA11" s="296">
        <v>4587046</v>
      </c>
      <c r="EB11" s="299">
        <v>20091732</v>
      </c>
      <c r="EC11" s="300">
        <v>20091732</v>
      </c>
      <c r="ED11" s="295">
        <v>0</v>
      </c>
      <c r="EE11" s="296">
        <v>0</v>
      </c>
      <c r="EF11" s="297">
        <v>0</v>
      </c>
      <c r="EG11" s="301"/>
      <c r="EH11" s="296">
        <v>273569</v>
      </c>
      <c r="EI11" s="296">
        <v>182604</v>
      </c>
      <c r="EJ11" s="296">
        <v>250472</v>
      </c>
      <c r="EK11" s="296">
        <v>183249</v>
      </c>
      <c r="EL11" s="296">
        <v>116762</v>
      </c>
      <c r="EM11" s="299">
        <v>1006656</v>
      </c>
      <c r="EN11" s="300">
        <v>1006656</v>
      </c>
      <c r="EO11" s="295">
        <v>0</v>
      </c>
      <c r="EP11" s="296">
        <v>0</v>
      </c>
      <c r="EQ11" s="297">
        <v>0</v>
      </c>
      <c r="ER11" s="301"/>
      <c r="ES11" s="296">
        <v>0</v>
      </c>
      <c r="ET11" s="296">
        <v>0</v>
      </c>
      <c r="EU11" s="296">
        <v>0</v>
      </c>
      <c r="EV11" s="296">
        <v>420</v>
      </c>
      <c r="EW11" s="296">
        <v>630</v>
      </c>
      <c r="EX11" s="299">
        <v>1050</v>
      </c>
      <c r="EY11" s="300">
        <v>1050</v>
      </c>
      <c r="EZ11" s="295">
        <v>0</v>
      </c>
      <c r="FA11" s="296">
        <v>0</v>
      </c>
      <c r="FB11" s="297">
        <v>0</v>
      </c>
      <c r="FC11" s="301"/>
      <c r="FD11" s="296">
        <v>0</v>
      </c>
      <c r="FE11" s="296">
        <v>0</v>
      </c>
      <c r="FF11" s="296">
        <v>0</v>
      </c>
      <c r="FG11" s="296">
        <v>0</v>
      </c>
      <c r="FH11" s="296">
        <v>210</v>
      </c>
      <c r="FI11" s="299">
        <v>210</v>
      </c>
      <c r="FJ11" s="300">
        <v>210</v>
      </c>
      <c r="FK11" s="295">
        <v>0</v>
      </c>
      <c r="FL11" s="296">
        <v>0</v>
      </c>
      <c r="FM11" s="297">
        <v>0</v>
      </c>
      <c r="FN11" s="301"/>
      <c r="FO11" s="296">
        <v>0</v>
      </c>
      <c r="FP11" s="296">
        <v>0</v>
      </c>
      <c r="FQ11" s="296">
        <v>0</v>
      </c>
      <c r="FR11" s="296">
        <v>0</v>
      </c>
      <c r="FS11" s="296">
        <v>0</v>
      </c>
      <c r="FT11" s="299">
        <v>0</v>
      </c>
      <c r="FU11" s="300">
        <v>0</v>
      </c>
      <c r="FV11" s="295">
        <v>0</v>
      </c>
      <c r="FW11" s="296">
        <v>5925</v>
      </c>
      <c r="FX11" s="297">
        <v>5925</v>
      </c>
      <c r="FY11" s="298">
        <v>0</v>
      </c>
      <c r="FZ11" s="296">
        <v>251162</v>
      </c>
      <c r="GA11" s="296">
        <v>479642</v>
      </c>
      <c r="GB11" s="296">
        <v>594727</v>
      </c>
      <c r="GC11" s="296">
        <v>351919</v>
      </c>
      <c r="GD11" s="296">
        <v>214239</v>
      </c>
      <c r="GE11" s="299">
        <v>1891689</v>
      </c>
      <c r="GF11" s="300">
        <v>1897614</v>
      </c>
      <c r="GG11" s="295">
        <v>0</v>
      </c>
      <c r="GH11" s="296">
        <v>0</v>
      </c>
      <c r="GI11" s="297">
        <v>0</v>
      </c>
      <c r="GJ11" s="298">
        <v>0</v>
      </c>
      <c r="GK11" s="296">
        <v>0</v>
      </c>
      <c r="GL11" s="296">
        <v>4761</v>
      </c>
      <c r="GM11" s="296">
        <v>168</v>
      </c>
      <c r="GN11" s="296">
        <v>5655</v>
      </c>
      <c r="GO11" s="296">
        <v>5096</v>
      </c>
      <c r="GP11" s="299">
        <v>15680</v>
      </c>
      <c r="GQ11" s="300">
        <v>15680</v>
      </c>
      <c r="GR11" s="295">
        <v>0</v>
      </c>
      <c r="GS11" s="296">
        <v>0</v>
      </c>
      <c r="GT11" s="297">
        <v>0</v>
      </c>
      <c r="GU11" s="298">
        <v>0</v>
      </c>
      <c r="GV11" s="296">
        <v>0</v>
      </c>
      <c r="GW11" s="296">
        <v>0</v>
      </c>
      <c r="GX11" s="296">
        <v>0</v>
      </c>
      <c r="GY11" s="296">
        <v>0</v>
      </c>
      <c r="GZ11" s="296">
        <v>0</v>
      </c>
      <c r="HA11" s="299">
        <v>0</v>
      </c>
      <c r="HB11" s="300">
        <v>0</v>
      </c>
      <c r="HC11" s="295">
        <v>0</v>
      </c>
      <c r="HD11" s="296">
        <v>0</v>
      </c>
      <c r="HE11" s="297">
        <v>0</v>
      </c>
      <c r="HF11" s="301"/>
      <c r="HG11" s="296">
        <v>0</v>
      </c>
      <c r="HH11" s="296">
        <v>0</v>
      </c>
      <c r="HI11" s="296">
        <v>0</v>
      </c>
      <c r="HJ11" s="296">
        <v>0</v>
      </c>
      <c r="HK11" s="296">
        <v>0</v>
      </c>
      <c r="HL11" s="299">
        <v>0</v>
      </c>
      <c r="HM11" s="300">
        <v>0</v>
      </c>
      <c r="HN11" s="295">
        <v>0</v>
      </c>
      <c r="HO11" s="296">
        <v>6895</v>
      </c>
      <c r="HP11" s="297">
        <v>6895</v>
      </c>
      <c r="HQ11" s="298">
        <v>0</v>
      </c>
      <c r="HR11" s="296">
        <v>2453526</v>
      </c>
      <c r="HS11" s="296">
        <v>3397561</v>
      </c>
      <c r="HT11" s="296">
        <v>13368402</v>
      </c>
      <c r="HU11" s="296">
        <v>18669810</v>
      </c>
      <c r="HV11" s="296">
        <v>9732270</v>
      </c>
      <c r="HW11" s="299">
        <v>47621569</v>
      </c>
      <c r="HX11" s="300">
        <v>47628464</v>
      </c>
    </row>
    <row r="12" spans="1:232" ht="16.5" customHeight="1" x14ac:dyDescent="0.2">
      <c r="A12" s="293" t="s">
        <v>8</v>
      </c>
      <c r="B12" s="295">
        <v>0</v>
      </c>
      <c r="C12" s="296">
        <v>7932</v>
      </c>
      <c r="D12" s="297">
        <v>7932</v>
      </c>
      <c r="E12" s="298">
        <v>0</v>
      </c>
      <c r="F12" s="296">
        <v>816971</v>
      </c>
      <c r="G12" s="296">
        <v>1423049</v>
      </c>
      <c r="H12" s="296">
        <v>5150663</v>
      </c>
      <c r="I12" s="296">
        <v>4402776</v>
      </c>
      <c r="J12" s="296">
        <v>2525470</v>
      </c>
      <c r="K12" s="299">
        <v>14318929</v>
      </c>
      <c r="L12" s="300">
        <v>14326861</v>
      </c>
      <c r="M12" s="295">
        <v>0</v>
      </c>
      <c r="N12" s="296">
        <v>0</v>
      </c>
      <c r="O12" s="297">
        <v>0</v>
      </c>
      <c r="P12" s="301"/>
      <c r="Q12" s="296">
        <v>284371</v>
      </c>
      <c r="R12" s="296">
        <v>359100</v>
      </c>
      <c r="S12" s="296">
        <v>3628797</v>
      </c>
      <c r="T12" s="296">
        <v>3138199</v>
      </c>
      <c r="U12" s="296">
        <v>1829768</v>
      </c>
      <c r="V12" s="299">
        <v>9240235</v>
      </c>
      <c r="W12" s="300">
        <v>9240235</v>
      </c>
      <c r="X12" s="295">
        <v>0</v>
      </c>
      <c r="Y12" s="296">
        <v>0</v>
      </c>
      <c r="Z12" s="297">
        <v>0</v>
      </c>
      <c r="AA12" s="301"/>
      <c r="AB12" s="296">
        <v>445850</v>
      </c>
      <c r="AC12" s="296">
        <v>849480</v>
      </c>
      <c r="AD12" s="296">
        <v>1155785</v>
      </c>
      <c r="AE12" s="296">
        <v>725843</v>
      </c>
      <c r="AF12" s="296">
        <v>372513</v>
      </c>
      <c r="AG12" s="299">
        <v>3549471</v>
      </c>
      <c r="AH12" s="300">
        <v>3549471</v>
      </c>
      <c r="AI12" s="295">
        <v>0</v>
      </c>
      <c r="AJ12" s="296">
        <v>0</v>
      </c>
      <c r="AK12" s="297">
        <v>0</v>
      </c>
      <c r="AL12" s="301"/>
      <c r="AM12" s="296">
        <v>0</v>
      </c>
      <c r="AN12" s="296">
        <v>0</v>
      </c>
      <c r="AO12" s="296">
        <v>0</v>
      </c>
      <c r="AP12" s="296">
        <v>0</v>
      </c>
      <c r="AQ12" s="296">
        <v>79350</v>
      </c>
      <c r="AR12" s="299">
        <v>79350</v>
      </c>
      <c r="AS12" s="300">
        <v>79350</v>
      </c>
      <c r="AT12" s="295">
        <v>0</v>
      </c>
      <c r="AU12" s="296">
        <v>0</v>
      </c>
      <c r="AV12" s="297">
        <v>0</v>
      </c>
      <c r="AW12" s="301"/>
      <c r="AX12" s="296">
        <v>34350</v>
      </c>
      <c r="AY12" s="296">
        <v>0</v>
      </c>
      <c r="AZ12" s="296">
        <v>0</v>
      </c>
      <c r="BA12" s="296">
        <v>4760</v>
      </c>
      <c r="BB12" s="296">
        <v>36900</v>
      </c>
      <c r="BC12" s="299">
        <v>76010</v>
      </c>
      <c r="BD12" s="300">
        <v>76010</v>
      </c>
      <c r="BE12" s="295">
        <v>0</v>
      </c>
      <c r="BF12" s="296">
        <v>0</v>
      </c>
      <c r="BG12" s="297">
        <v>0</v>
      </c>
      <c r="BH12" s="301"/>
      <c r="BI12" s="296">
        <v>0</v>
      </c>
      <c r="BJ12" s="296">
        <v>5100</v>
      </c>
      <c r="BK12" s="296">
        <v>37960</v>
      </c>
      <c r="BL12" s="296">
        <v>162010</v>
      </c>
      <c r="BM12" s="296">
        <v>119010</v>
      </c>
      <c r="BN12" s="299">
        <v>324080</v>
      </c>
      <c r="BO12" s="300">
        <v>324080</v>
      </c>
      <c r="BP12" s="295">
        <v>0</v>
      </c>
      <c r="BQ12" s="296">
        <v>7932</v>
      </c>
      <c r="BR12" s="297">
        <v>7932</v>
      </c>
      <c r="BS12" s="298">
        <v>0</v>
      </c>
      <c r="BT12" s="296">
        <v>52400</v>
      </c>
      <c r="BU12" s="296">
        <v>200729</v>
      </c>
      <c r="BV12" s="296">
        <v>327431</v>
      </c>
      <c r="BW12" s="296">
        <v>371964</v>
      </c>
      <c r="BX12" s="296">
        <v>87929</v>
      </c>
      <c r="BY12" s="299">
        <v>1040453</v>
      </c>
      <c r="BZ12" s="300">
        <v>1048385</v>
      </c>
      <c r="CA12" s="295">
        <v>0</v>
      </c>
      <c r="CB12" s="296">
        <v>0</v>
      </c>
      <c r="CC12" s="297">
        <v>0</v>
      </c>
      <c r="CD12" s="298">
        <v>0</v>
      </c>
      <c r="CE12" s="296">
        <v>0</v>
      </c>
      <c r="CF12" s="296">
        <v>8640</v>
      </c>
      <c r="CG12" s="296">
        <v>690</v>
      </c>
      <c r="CH12" s="296">
        <v>0</v>
      </c>
      <c r="CI12" s="296">
        <v>0</v>
      </c>
      <c r="CJ12" s="299">
        <v>9330</v>
      </c>
      <c r="CK12" s="300">
        <v>9330</v>
      </c>
      <c r="CL12" s="295">
        <v>0</v>
      </c>
      <c r="CM12" s="296">
        <v>0</v>
      </c>
      <c r="CN12" s="297">
        <v>0</v>
      </c>
      <c r="CO12" s="298">
        <v>0</v>
      </c>
      <c r="CP12" s="296">
        <v>0</v>
      </c>
      <c r="CQ12" s="296">
        <v>0</v>
      </c>
      <c r="CR12" s="296">
        <v>0</v>
      </c>
      <c r="CS12" s="296">
        <v>0</v>
      </c>
      <c r="CT12" s="296">
        <v>0</v>
      </c>
      <c r="CU12" s="299">
        <v>0</v>
      </c>
      <c r="CV12" s="300">
        <v>0</v>
      </c>
      <c r="CW12" s="295">
        <v>0</v>
      </c>
      <c r="CX12" s="296">
        <v>0</v>
      </c>
      <c r="CY12" s="297">
        <v>0</v>
      </c>
      <c r="CZ12" s="301"/>
      <c r="DA12" s="296">
        <v>0</v>
      </c>
      <c r="DB12" s="296">
        <v>0</v>
      </c>
      <c r="DC12" s="296">
        <v>0</v>
      </c>
      <c r="DD12" s="296">
        <v>0</v>
      </c>
      <c r="DE12" s="296">
        <v>0</v>
      </c>
      <c r="DF12" s="299">
        <v>0</v>
      </c>
      <c r="DG12" s="300">
        <v>0</v>
      </c>
      <c r="DH12" s="295">
        <v>0</v>
      </c>
      <c r="DI12" s="296">
        <v>17675</v>
      </c>
      <c r="DJ12" s="297">
        <v>17675</v>
      </c>
      <c r="DK12" s="298">
        <v>0</v>
      </c>
      <c r="DL12" s="296">
        <v>580275</v>
      </c>
      <c r="DM12" s="296">
        <v>1125763</v>
      </c>
      <c r="DN12" s="296">
        <v>5565300</v>
      </c>
      <c r="DO12" s="296">
        <v>5177369</v>
      </c>
      <c r="DP12" s="296">
        <v>2960017</v>
      </c>
      <c r="DQ12" s="299">
        <v>15408724</v>
      </c>
      <c r="DR12" s="302">
        <v>15426399</v>
      </c>
      <c r="DS12" s="295">
        <v>0</v>
      </c>
      <c r="DT12" s="296">
        <v>0</v>
      </c>
      <c r="DU12" s="297">
        <v>0</v>
      </c>
      <c r="DV12" s="301"/>
      <c r="DW12" s="296">
        <v>434820</v>
      </c>
      <c r="DX12" s="296">
        <v>687960</v>
      </c>
      <c r="DY12" s="296">
        <v>4646490</v>
      </c>
      <c r="DZ12" s="296">
        <v>4306774</v>
      </c>
      <c r="EA12" s="296">
        <v>2426587</v>
      </c>
      <c r="EB12" s="299">
        <v>12502631</v>
      </c>
      <c r="EC12" s="300">
        <v>12502631</v>
      </c>
      <c r="ED12" s="295">
        <v>0</v>
      </c>
      <c r="EE12" s="296">
        <v>0</v>
      </c>
      <c r="EF12" s="297">
        <v>0</v>
      </c>
      <c r="EG12" s="301"/>
      <c r="EH12" s="296">
        <v>47063</v>
      </c>
      <c r="EI12" s="296">
        <v>99881</v>
      </c>
      <c r="EJ12" s="296">
        <v>156400</v>
      </c>
      <c r="EK12" s="296">
        <v>98544</v>
      </c>
      <c r="EL12" s="296">
        <v>66941</v>
      </c>
      <c r="EM12" s="299">
        <v>468829</v>
      </c>
      <c r="EN12" s="300">
        <v>468829</v>
      </c>
      <c r="EO12" s="295">
        <v>0</v>
      </c>
      <c r="EP12" s="296">
        <v>0</v>
      </c>
      <c r="EQ12" s="297">
        <v>0</v>
      </c>
      <c r="ER12" s="301"/>
      <c r="ES12" s="296">
        <v>0</v>
      </c>
      <c r="ET12" s="296">
        <v>0</v>
      </c>
      <c r="EU12" s="296">
        <v>0</v>
      </c>
      <c r="EV12" s="296">
        <v>0</v>
      </c>
      <c r="EW12" s="296">
        <v>630</v>
      </c>
      <c r="EX12" s="299">
        <v>630</v>
      </c>
      <c r="EY12" s="300">
        <v>630</v>
      </c>
      <c r="EZ12" s="295">
        <v>0</v>
      </c>
      <c r="FA12" s="296">
        <v>0</v>
      </c>
      <c r="FB12" s="297">
        <v>0</v>
      </c>
      <c r="FC12" s="301"/>
      <c r="FD12" s="296">
        <v>11310</v>
      </c>
      <c r="FE12" s="296">
        <v>0</v>
      </c>
      <c r="FF12" s="296">
        <v>0</v>
      </c>
      <c r="FG12" s="296">
        <v>420</v>
      </c>
      <c r="FH12" s="296">
        <v>11520</v>
      </c>
      <c r="FI12" s="299">
        <v>23250</v>
      </c>
      <c r="FJ12" s="300">
        <v>23250</v>
      </c>
      <c r="FK12" s="295">
        <v>0</v>
      </c>
      <c r="FL12" s="296">
        <v>0</v>
      </c>
      <c r="FM12" s="297">
        <v>0</v>
      </c>
      <c r="FN12" s="301"/>
      <c r="FO12" s="296">
        <v>0</v>
      </c>
      <c r="FP12" s="296">
        <v>41760</v>
      </c>
      <c r="FQ12" s="296">
        <v>155292</v>
      </c>
      <c r="FR12" s="296">
        <v>262032</v>
      </c>
      <c r="FS12" s="296">
        <v>239508</v>
      </c>
      <c r="FT12" s="299">
        <v>698592</v>
      </c>
      <c r="FU12" s="300">
        <v>698592</v>
      </c>
      <c r="FV12" s="295">
        <v>0</v>
      </c>
      <c r="FW12" s="296">
        <v>17675</v>
      </c>
      <c r="FX12" s="297">
        <v>17675</v>
      </c>
      <c r="FY12" s="298">
        <v>0</v>
      </c>
      <c r="FZ12" s="296">
        <v>86724</v>
      </c>
      <c r="GA12" s="296">
        <v>289627</v>
      </c>
      <c r="GB12" s="296">
        <v>603538</v>
      </c>
      <c r="GC12" s="296">
        <v>509599</v>
      </c>
      <c r="GD12" s="296">
        <v>214831</v>
      </c>
      <c r="GE12" s="299">
        <v>1704319</v>
      </c>
      <c r="GF12" s="300">
        <v>1721994</v>
      </c>
      <c r="GG12" s="295">
        <v>0</v>
      </c>
      <c r="GH12" s="296">
        <v>0</v>
      </c>
      <c r="GI12" s="297">
        <v>0</v>
      </c>
      <c r="GJ12" s="298">
        <v>0</v>
      </c>
      <c r="GK12" s="296">
        <v>358</v>
      </c>
      <c r="GL12" s="296">
        <v>6535</v>
      </c>
      <c r="GM12" s="296">
        <v>3580</v>
      </c>
      <c r="GN12" s="296">
        <v>0</v>
      </c>
      <c r="GO12" s="296">
        <v>0</v>
      </c>
      <c r="GP12" s="299">
        <v>10473</v>
      </c>
      <c r="GQ12" s="300">
        <v>10473</v>
      </c>
      <c r="GR12" s="295">
        <v>0</v>
      </c>
      <c r="GS12" s="296">
        <v>0</v>
      </c>
      <c r="GT12" s="297">
        <v>0</v>
      </c>
      <c r="GU12" s="298">
        <v>0</v>
      </c>
      <c r="GV12" s="296">
        <v>0</v>
      </c>
      <c r="GW12" s="296">
        <v>0</v>
      </c>
      <c r="GX12" s="296">
        <v>0</v>
      </c>
      <c r="GY12" s="296">
        <v>0</v>
      </c>
      <c r="GZ12" s="296">
        <v>0</v>
      </c>
      <c r="HA12" s="299">
        <v>0</v>
      </c>
      <c r="HB12" s="300">
        <v>0</v>
      </c>
      <c r="HC12" s="295">
        <v>0</v>
      </c>
      <c r="HD12" s="296">
        <v>0</v>
      </c>
      <c r="HE12" s="297">
        <v>0</v>
      </c>
      <c r="HF12" s="301"/>
      <c r="HG12" s="296">
        <v>0</v>
      </c>
      <c r="HH12" s="296">
        <v>0</v>
      </c>
      <c r="HI12" s="296">
        <v>0</v>
      </c>
      <c r="HJ12" s="296">
        <v>0</v>
      </c>
      <c r="HK12" s="296">
        <v>0</v>
      </c>
      <c r="HL12" s="299">
        <v>0</v>
      </c>
      <c r="HM12" s="300">
        <v>0</v>
      </c>
      <c r="HN12" s="295">
        <v>0</v>
      </c>
      <c r="HO12" s="296">
        <v>25607</v>
      </c>
      <c r="HP12" s="297">
        <v>25607</v>
      </c>
      <c r="HQ12" s="298">
        <v>0</v>
      </c>
      <c r="HR12" s="296">
        <v>1397246</v>
      </c>
      <c r="HS12" s="296">
        <v>2548812</v>
      </c>
      <c r="HT12" s="296">
        <v>10715963</v>
      </c>
      <c r="HU12" s="296">
        <v>9580145</v>
      </c>
      <c r="HV12" s="296">
        <v>5485487</v>
      </c>
      <c r="HW12" s="299">
        <v>29727653</v>
      </c>
      <c r="HX12" s="300">
        <v>29753260</v>
      </c>
    </row>
    <row r="13" spans="1:232" ht="16.5" customHeight="1" x14ac:dyDescent="0.2">
      <c r="A13" s="293" t="s">
        <v>9</v>
      </c>
      <c r="B13" s="295">
        <v>0</v>
      </c>
      <c r="C13" s="296">
        <v>0</v>
      </c>
      <c r="D13" s="297">
        <v>0</v>
      </c>
      <c r="E13" s="298">
        <v>0</v>
      </c>
      <c r="F13" s="296">
        <v>266930</v>
      </c>
      <c r="G13" s="296">
        <v>332970</v>
      </c>
      <c r="H13" s="296">
        <v>2074100</v>
      </c>
      <c r="I13" s="296">
        <v>2889777</v>
      </c>
      <c r="J13" s="296">
        <v>1700195</v>
      </c>
      <c r="K13" s="299">
        <v>7263972</v>
      </c>
      <c r="L13" s="300">
        <v>7263972</v>
      </c>
      <c r="M13" s="295">
        <v>0</v>
      </c>
      <c r="N13" s="296">
        <v>0</v>
      </c>
      <c r="O13" s="297">
        <v>0</v>
      </c>
      <c r="P13" s="301"/>
      <c r="Q13" s="296">
        <v>100050</v>
      </c>
      <c r="R13" s="296">
        <v>34350</v>
      </c>
      <c r="S13" s="296">
        <v>1295345</v>
      </c>
      <c r="T13" s="296">
        <v>2105295</v>
      </c>
      <c r="U13" s="296">
        <v>1436525</v>
      </c>
      <c r="V13" s="299">
        <v>4971565</v>
      </c>
      <c r="W13" s="300">
        <v>4971565</v>
      </c>
      <c r="X13" s="295">
        <v>0</v>
      </c>
      <c r="Y13" s="296">
        <v>0</v>
      </c>
      <c r="Z13" s="297">
        <v>0</v>
      </c>
      <c r="AA13" s="301"/>
      <c r="AB13" s="296">
        <v>129005</v>
      </c>
      <c r="AC13" s="296">
        <v>231395</v>
      </c>
      <c r="AD13" s="296">
        <v>654810</v>
      </c>
      <c r="AE13" s="296">
        <v>638950</v>
      </c>
      <c r="AF13" s="296">
        <v>194195</v>
      </c>
      <c r="AG13" s="299">
        <v>1848355</v>
      </c>
      <c r="AH13" s="300">
        <v>1848355</v>
      </c>
      <c r="AI13" s="295">
        <v>0</v>
      </c>
      <c r="AJ13" s="296">
        <v>0</v>
      </c>
      <c r="AK13" s="297">
        <v>0</v>
      </c>
      <c r="AL13" s="301"/>
      <c r="AM13" s="296">
        <v>0</v>
      </c>
      <c r="AN13" s="296">
        <v>0</v>
      </c>
      <c r="AO13" s="296">
        <v>0</v>
      </c>
      <c r="AP13" s="296">
        <v>3510</v>
      </c>
      <c r="AQ13" s="296">
        <v>2550</v>
      </c>
      <c r="AR13" s="299">
        <v>6060</v>
      </c>
      <c r="AS13" s="300">
        <v>6060</v>
      </c>
      <c r="AT13" s="295">
        <v>0</v>
      </c>
      <c r="AU13" s="296">
        <v>0</v>
      </c>
      <c r="AV13" s="297">
        <v>0</v>
      </c>
      <c r="AW13" s="301"/>
      <c r="AX13" s="296">
        <v>0</v>
      </c>
      <c r="AY13" s="296">
        <v>0</v>
      </c>
      <c r="AZ13" s="296">
        <v>0</v>
      </c>
      <c r="BA13" s="296">
        <v>2550</v>
      </c>
      <c r="BB13" s="296">
        <v>2550</v>
      </c>
      <c r="BC13" s="299">
        <v>5100</v>
      </c>
      <c r="BD13" s="300">
        <v>5100</v>
      </c>
      <c r="BE13" s="295">
        <v>0</v>
      </c>
      <c r="BF13" s="296">
        <v>0</v>
      </c>
      <c r="BG13" s="297">
        <v>0</v>
      </c>
      <c r="BH13" s="301"/>
      <c r="BI13" s="296">
        <v>0</v>
      </c>
      <c r="BJ13" s="296">
        <v>0</v>
      </c>
      <c r="BK13" s="296">
        <v>0</v>
      </c>
      <c r="BL13" s="296">
        <v>23850</v>
      </c>
      <c r="BM13" s="296">
        <v>0</v>
      </c>
      <c r="BN13" s="299">
        <v>23850</v>
      </c>
      <c r="BO13" s="300">
        <v>23850</v>
      </c>
      <c r="BP13" s="295">
        <v>0</v>
      </c>
      <c r="BQ13" s="296">
        <v>0</v>
      </c>
      <c r="BR13" s="297">
        <v>0</v>
      </c>
      <c r="BS13" s="298">
        <v>0</v>
      </c>
      <c r="BT13" s="296">
        <v>34150</v>
      </c>
      <c r="BU13" s="296">
        <v>67030</v>
      </c>
      <c r="BV13" s="296">
        <v>122975</v>
      </c>
      <c r="BW13" s="296">
        <v>111166</v>
      </c>
      <c r="BX13" s="296">
        <v>63320</v>
      </c>
      <c r="BY13" s="299">
        <v>398641</v>
      </c>
      <c r="BZ13" s="300">
        <v>398641</v>
      </c>
      <c r="CA13" s="295">
        <v>0</v>
      </c>
      <c r="CB13" s="296">
        <v>0</v>
      </c>
      <c r="CC13" s="297">
        <v>0</v>
      </c>
      <c r="CD13" s="298">
        <v>0</v>
      </c>
      <c r="CE13" s="296">
        <v>3725</v>
      </c>
      <c r="CF13" s="296">
        <v>195</v>
      </c>
      <c r="CG13" s="296">
        <v>970</v>
      </c>
      <c r="CH13" s="296">
        <v>4456</v>
      </c>
      <c r="CI13" s="296">
        <v>1055</v>
      </c>
      <c r="CJ13" s="299">
        <v>10401</v>
      </c>
      <c r="CK13" s="300">
        <v>10401</v>
      </c>
      <c r="CL13" s="295">
        <v>0</v>
      </c>
      <c r="CM13" s="296">
        <v>0</v>
      </c>
      <c r="CN13" s="297">
        <v>0</v>
      </c>
      <c r="CO13" s="298">
        <v>0</v>
      </c>
      <c r="CP13" s="296">
        <v>0</v>
      </c>
      <c r="CQ13" s="296">
        <v>0</v>
      </c>
      <c r="CR13" s="296">
        <v>0</v>
      </c>
      <c r="CS13" s="296">
        <v>0</v>
      </c>
      <c r="CT13" s="296">
        <v>0</v>
      </c>
      <c r="CU13" s="299">
        <v>0</v>
      </c>
      <c r="CV13" s="300">
        <v>0</v>
      </c>
      <c r="CW13" s="295">
        <v>0</v>
      </c>
      <c r="CX13" s="296">
        <v>0</v>
      </c>
      <c r="CY13" s="297">
        <v>0</v>
      </c>
      <c r="CZ13" s="301"/>
      <c r="DA13" s="296">
        <v>0</v>
      </c>
      <c r="DB13" s="296">
        <v>0</v>
      </c>
      <c r="DC13" s="296">
        <v>0</v>
      </c>
      <c r="DD13" s="296">
        <v>0</v>
      </c>
      <c r="DE13" s="296">
        <v>0</v>
      </c>
      <c r="DF13" s="299">
        <v>0</v>
      </c>
      <c r="DG13" s="300">
        <v>0</v>
      </c>
      <c r="DH13" s="295">
        <v>1392</v>
      </c>
      <c r="DI13" s="296">
        <v>0</v>
      </c>
      <c r="DJ13" s="297">
        <v>1392</v>
      </c>
      <c r="DK13" s="298">
        <v>0</v>
      </c>
      <c r="DL13" s="296">
        <v>210639</v>
      </c>
      <c r="DM13" s="296">
        <v>173048</v>
      </c>
      <c r="DN13" s="296">
        <v>2047706</v>
      </c>
      <c r="DO13" s="296">
        <v>3115513</v>
      </c>
      <c r="DP13" s="296">
        <v>2189307</v>
      </c>
      <c r="DQ13" s="299">
        <v>7736213</v>
      </c>
      <c r="DR13" s="302">
        <v>7737605</v>
      </c>
      <c r="DS13" s="295">
        <v>0</v>
      </c>
      <c r="DT13" s="296">
        <v>0</v>
      </c>
      <c r="DU13" s="297">
        <v>0</v>
      </c>
      <c r="DV13" s="301"/>
      <c r="DW13" s="296">
        <v>127020</v>
      </c>
      <c r="DX13" s="296">
        <v>25650</v>
      </c>
      <c r="DY13" s="296">
        <v>1775174</v>
      </c>
      <c r="DZ13" s="296">
        <v>2836027</v>
      </c>
      <c r="EA13" s="296">
        <v>2059577</v>
      </c>
      <c r="EB13" s="299">
        <v>6823448</v>
      </c>
      <c r="EC13" s="300">
        <v>6823448</v>
      </c>
      <c r="ED13" s="295">
        <v>0</v>
      </c>
      <c r="EE13" s="296">
        <v>0</v>
      </c>
      <c r="EF13" s="297">
        <v>0</v>
      </c>
      <c r="EG13" s="301"/>
      <c r="EH13" s="296">
        <v>33366</v>
      </c>
      <c r="EI13" s="296">
        <v>56517</v>
      </c>
      <c r="EJ13" s="296">
        <v>27293</v>
      </c>
      <c r="EK13" s="296">
        <v>98080</v>
      </c>
      <c r="EL13" s="296">
        <v>1925</v>
      </c>
      <c r="EM13" s="299">
        <v>217181</v>
      </c>
      <c r="EN13" s="300">
        <v>217181</v>
      </c>
      <c r="EO13" s="295">
        <v>0</v>
      </c>
      <c r="EP13" s="296">
        <v>0</v>
      </c>
      <c r="EQ13" s="297">
        <v>0</v>
      </c>
      <c r="ER13" s="301"/>
      <c r="ES13" s="296">
        <v>0</v>
      </c>
      <c r="ET13" s="296">
        <v>0</v>
      </c>
      <c r="EU13" s="296">
        <v>0</v>
      </c>
      <c r="EV13" s="296">
        <v>420</v>
      </c>
      <c r="EW13" s="296">
        <v>210</v>
      </c>
      <c r="EX13" s="299">
        <v>630</v>
      </c>
      <c r="EY13" s="300">
        <v>630</v>
      </c>
      <c r="EZ13" s="295">
        <v>0</v>
      </c>
      <c r="FA13" s="296">
        <v>0</v>
      </c>
      <c r="FB13" s="297">
        <v>0</v>
      </c>
      <c r="FC13" s="301"/>
      <c r="FD13" s="296">
        <v>0</v>
      </c>
      <c r="FE13" s="296">
        <v>0</v>
      </c>
      <c r="FF13" s="296">
        <v>0</v>
      </c>
      <c r="FG13" s="296">
        <v>210</v>
      </c>
      <c r="FH13" s="296">
        <v>210</v>
      </c>
      <c r="FI13" s="299">
        <v>420</v>
      </c>
      <c r="FJ13" s="300">
        <v>420</v>
      </c>
      <c r="FK13" s="295">
        <v>0</v>
      </c>
      <c r="FL13" s="296">
        <v>0</v>
      </c>
      <c r="FM13" s="297">
        <v>0</v>
      </c>
      <c r="FN13" s="301"/>
      <c r="FO13" s="296">
        <v>0</v>
      </c>
      <c r="FP13" s="296">
        <v>0</v>
      </c>
      <c r="FQ13" s="296">
        <v>0</v>
      </c>
      <c r="FR13" s="296">
        <v>20880</v>
      </c>
      <c r="FS13" s="296">
        <v>0</v>
      </c>
      <c r="FT13" s="299">
        <v>20880</v>
      </c>
      <c r="FU13" s="300">
        <v>20880</v>
      </c>
      <c r="FV13" s="295">
        <v>1392</v>
      </c>
      <c r="FW13" s="296">
        <v>0</v>
      </c>
      <c r="FX13" s="297">
        <v>1392</v>
      </c>
      <c r="FY13" s="298">
        <v>0</v>
      </c>
      <c r="FZ13" s="296">
        <v>49123</v>
      </c>
      <c r="GA13" s="296">
        <v>90860</v>
      </c>
      <c r="GB13" s="296">
        <v>245176</v>
      </c>
      <c r="GC13" s="296">
        <v>158646</v>
      </c>
      <c r="GD13" s="296">
        <v>127273</v>
      </c>
      <c r="GE13" s="299">
        <v>671078</v>
      </c>
      <c r="GF13" s="300">
        <v>672470</v>
      </c>
      <c r="GG13" s="295">
        <v>0</v>
      </c>
      <c r="GH13" s="296">
        <v>0</v>
      </c>
      <c r="GI13" s="297">
        <v>0</v>
      </c>
      <c r="GJ13" s="298">
        <v>0</v>
      </c>
      <c r="GK13" s="296">
        <v>1130</v>
      </c>
      <c r="GL13" s="296">
        <v>21</v>
      </c>
      <c r="GM13" s="296">
        <v>63</v>
      </c>
      <c r="GN13" s="296">
        <v>1250</v>
      </c>
      <c r="GO13" s="296">
        <v>112</v>
      </c>
      <c r="GP13" s="299">
        <v>2576</v>
      </c>
      <c r="GQ13" s="300">
        <v>2576</v>
      </c>
      <c r="GR13" s="295">
        <v>0</v>
      </c>
      <c r="GS13" s="296">
        <v>0</v>
      </c>
      <c r="GT13" s="297">
        <v>0</v>
      </c>
      <c r="GU13" s="298">
        <v>0</v>
      </c>
      <c r="GV13" s="296">
        <v>0</v>
      </c>
      <c r="GW13" s="296">
        <v>0</v>
      </c>
      <c r="GX13" s="296">
        <v>0</v>
      </c>
      <c r="GY13" s="296">
        <v>0</v>
      </c>
      <c r="GZ13" s="296">
        <v>0</v>
      </c>
      <c r="HA13" s="299">
        <v>0</v>
      </c>
      <c r="HB13" s="300">
        <v>0</v>
      </c>
      <c r="HC13" s="295">
        <v>0</v>
      </c>
      <c r="HD13" s="296">
        <v>0</v>
      </c>
      <c r="HE13" s="297">
        <v>0</v>
      </c>
      <c r="HF13" s="301"/>
      <c r="HG13" s="296">
        <v>0</v>
      </c>
      <c r="HH13" s="296">
        <v>0</v>
      </c>
      <c r="HI13" s="296">
        <v>0</v>
      </c>
      <c r="HJ13" s="296">
        <v>0</v>
      </c>
      <c r="HK13" s="296">
        <v>0</v>
      </c>
      <c r="HL13" s="299">
        <v>0</v>
      </c>
      <c r="HM13" s="300">
        <v>0</v>
      </c>
      <c r="HN13" s="295">
        <v>1392</v>
      </c>
      <c r="HO13" s="296">
        <v>0</v>
      </c>
      <c r="HP13" s="297">
        <v>1392</v>
      </c>
      <c r="HQ13" s="298">
        <v>0</v>
      </c>
      <c r="HR13" s="296">
        <v>477569</v>
      </c>
      <c r="HS13" s="296">
        <v>506018</v>
      </c>
      <c r="HT13" s="296">
        <v>4121806</v>
      </c>
      <c r="HU13" s="296">
        <v>6005290</v>
      </c>
      <c r="HV13" s="296">
        <v>3889502</v>
      </c>
      <c r="HW13" s="299">
        <v>15000185</v>
      </c>
      <c r="HX13" s="300">
        <v>15001577</v>
      </c>
    </row>
    <row r="14" spans="1:232" ht="16.5" customHeight="1" x14ac:dyDescent="0.2">
      <c r="A14" s="293" t="s">
        <v>10</v>
      </c>
      <c r="B14" s="295">
        <v>4155</v>
      </c>
      <c r="C14" s="296">
        <v>50</v>
      </c>
      <c r="D14" s="297">
        <v>4205</v>
      </c>
      <c r="E14" s="298">
        <v>0</v>
      </c>
      <c r="F14" s="296">
        <v>940503</v>
      </c>
      <c r="G14" s="296">
        <v>1301588</v>
      </c>
      <c r="H14" s="296">
        <v>3493163</v>
      </c>
      <c r="I14" s="296">
        <v>4598961</v>
      </c>
      <c r="J14" s="296">
        <v>4334277</v>
      </c>
      <c r="K14" s="299">
        <v>14668492</v>
      </c>
      <c r="L14" s="300">
        <v>14672697</v>
      </c>
      <c r="M14" s="295">
        <v>0</v>
      </c>
      <c r="N14" s="296">
        <v>0</v>
      </c>
      <c r="O14" s="297">
        <v>0</v>
      </c>
      <c r="P14" s="301"/>
      <c r="Q14" s="296">
        <v>97650</v>
      </c>
      <c r="R14" s="296">
        <v>386515</v>
      </c>
      <c r="S14" s="296">
        <v>2211560</v>
      </c>
      <c r="T14" s="296">
        <v>3397214</v>
      </c>
      <c r="U14" s="296">
        <v>3556870</v>
      </c>
      <c r="V14" s="299">
        <v>9649809</v>
      </c>
      <c r="W14" s="300">
        <v>9649809</v>
      </c>
      <c r="X14" s="295">
        <v>0</v>
      </c>
      <c r="Y14" s="296">
        <v>0</v>
      </c>
      <c r="Z14" s="297">
        <v>0</v>
      </c>
      <c r="AA14" s="301"/>
      <c r="AB14" s="296">
        <v>692699</v>
      </c>
      <c r="AC14" s="296">
        <v>733442</v>
      </c>
      <c r="AD14" s="296">
        <v>900270</v>
      </c>
      <c r="AE14" s="296">
        <v>834557</v>
      </c>
      <c r="AF14" s="296">
        <v>488591</v>
      </c>
      <c r="AG14" s="299">
        <v>3649559</v>
      </c>
      <c r="AH14" s="300">
        <v>3649559</v>
      </c>
      <c r="AI14" s="295">
        <v>0</v>
      </c>
      <c r="AJ14" s="296">
        <v>0</v>
      </c>
      <c r="AK14" s="297">
        <v>0</v>
      </c>
      <c r="AL14" s="301"/>
      <c r="AM14" s="296">
        <v>0</v>
      </c>
      <c r="AN14" s="296">
        <v>0</v>
      </c>
      <c r="AO14" s="296">
        <v>0</v>
      </c>
      <c r="AP14" s="296">
        <v>31650</v>
      </c>
      <c r="AQ14" s="296">
        <v>10200</v>
      </c>
      <c r="AR14" s="299">
        <v>41850</v>
      </c>
      <c r="AS14" s="300">
        <v>41850</v>
      </c>
      <c r="AT14" s="295">
        <v>0</v>
      </c>
      <c r="AU14" s="296">
        <v>0</v>
      </c>
      <c r="AV14" s="297">
        <v>0</v>
      </c>
      <c r="AW14" s="301"/>
      <c r="AX14" s="296">
        <v>0</v>
      </c>
      <c r="AY14" s="296">
        <v>0</v>
      </c>
      <c r="AZ14" s="296">
        <v>34350</v>
      </c>
      <c r="BA14" s="296">
        <v>0</v>
      </c>
      <c r="BB14" s="296">
        <v>102450</v>
      </c>
      <c r="BC14" s="299">
        <v>136800</v>
      </c>
      <c r="BD14" s="300">
        <v>136800</v>
      </c>
      <c r="BE14" s="295">
        <v>0</v>
      </c>
      <c r="BF14" s="296">
        <v>0</v>
      </c>
      <c r="BG14" s="297">
        <v>0</v>
      </c>
      <c r="BH14" s="301"/>
      <c r="BI14" s="296">
        <v>0</v>
      </c>
      <c r="BJ14" s="296">
        <v>0</v>
      </c>
      <c r="BK14" s="296">
        <v>0</v>
      </c>
      <c r="BL14" s="296">
        <v>60600</v>
      </c>
      <c r="BM14" s="296">
        <v>67785</v>
      </c>
      <c r="BN14" s="299">
        <v>128385</v>
      </c>
      <c r="BO14" s="300">
        <v>128385</v>
      </c>
      <c r="BP14" s="295">
        <v>4155</v>
      </c>
      <c r="BQ14" s="296">
        <v>50</v>
      </c>
      <c r="BR14" s="297">
        <v>4205</v>
      </c>
      <c r="BS14" s="298">
        <v>0</v>
      </c>
      <c r="BT14" s="296">
        <v>149770</v>
      </c>
      <c r="BU14" s="296">
        <v>166001</v>
      </c>
      <c r="BV14" s="296">
        <v>342910</v>
      </c>
      <c r="BW14" s="296">
        <v>260074</v>
      </c>
      <c r="BX14" s="296">
        <v>107311</v>
      </c>
      <c r="BY14" s="299">
        <v>1026066</v>
      </c>
      <c r="BZ14" s="300">
        <v>1030271</v>
      </c>
      <c r="CA14" s="295">
        <v>0</v>
      </c>
      <c r="CB14" s="296">
        <v>0</v>
      </c>
      <c r="CC14" s="297">
        <v>0</v>
      </c>
      <c r="CD14" s="298">
        <v>0</v>
      </c>
      <c r="CE14" s="296">
        <v>384</v>
      </c>
      <c r="CF14" s="296">
        <v>15630</v>
      </c>
      <c r="CG14" s="296">
        <v>4073</v>
      </c>
      <c r="CH14" s="296">
        <v>14866</v>
      </c>
      <c r="CI14" s="296">
        <v>1070</v>
      </c>
      <c r="CJ14" s="299">
        <v>36023</v>
      </c>
      <c r="CK14" s="300">
        <v>36023</v>
      </c>
      <c r="CL14" s="295">
        <v>0</v>
      </c>
      <c r="CM14" s="296">
        <v>0</v>
      </c>
      <c r="CN14" s="297">
        <v>0</v>
      </c>
      <c r="CO14" s="298">
        <v>0</v>
      </c>
      <c r="CP14" s="296">
        <v>0</v>
      </c>
      <c r="CQ14" s="296">
        <v>0</v>
      </c>
      <c r="CR14" s="296">
        <v>0</v>
      </c>
      <c r="CS14" s="296">
        <v>0</v>
      </c>
      <c r="CT14" s="296">
        <v>0</v>
      </c>
      <c r="CU14" s="299">
        <v>0</v>
      </c>
      <c r="CV14" s="300">
        <v>0</v>
      </c>
      <c r="CW14" s="295">
        <v>0</v>
      </c>
      <c r="CX14" s="296">
        <v>0</v>
      </c>
      <c r="CY14" s="297">
        <v>0</v>
      </c>
      <c r="CZ14" s="301"/>
      <c r="DA14" s="296">
        <v>0</v>
      </c>
      <c r="DB14" s="296">
        <v>0</v>
      </c>
      <c r="DC14" s="296">
        <v>0</v>
      </c>
      <c r="DD14" s="296">
        <v>0</v>
      </c>
      <c r="DE14" s="296">
        <v>0</v>
      </c>
      <c r="DF14" s="299">
        <v>0</v>
      </c>
      <c r="DG14" s="300">
        <v>0</v>
      </c>
      <c r="DH14" s="295">
        <v>4875</v>
      </c>
      <c r="DI14" s="296">
        <v>970</v>
      </c>
      <c r="DJ14" s="297">
        <v>5845</v>
      </c>
      <c r="DK14" s="298">
        <v>0</v>
      </c>
      <c r="DL14" s="296">
        <v>544556</v>
      </c>
      <c r="DM14" s="296">
        <v>864942</v>
      </c>
      <c r="DN14" s="296">
        <v>4273360</v>
      </c>
      <c r="DO14" s="296">
        <v>5322370</v>
      </c>
      <c r="DP14" s="296">
        <v>4210116</v>
      </c>
      <c r="DQ14" s="299">
        <v>15215344</v>
      </c>
      <c r="DR14" s="302">
        <v>15221189</v>
      </c>
      <c r="DS14" s="295">
        <v>0</v>
      </c>
      <c r="DT14" s="296">
        <v>0</v>
      </c>
      <c r="DU14" s="297">
        <v>0</v>
      </c>
      <c r="DV14" s="301"/>
      <c r="DW14" s="296">
        <v>143600</v>
      </c>
      <c r="DX14" s="296">
        <v>527250</v>
      </c>
      <c r="DY14" s="296">
        <v>3533036</v>
      </c>
      <c r="DZ14" s="296">
        <v>4624342</v>
      </c>
      <c r="EA14" s="296">
        <v>3823420</v>
      </c>
      <c r="EB14" s="299">
        <v>12651648</v>
      </c>
      <c r="EC14" s="300">
        <v>12651648</v>
      </c>
      <c r="ED14" s="295">
        <v>0</v>
      </c>
      <c r="EE14" s="296">
        <v>0</v>
      </c>
      <c r="EF14" s="297">
        <v>0</v>
      </c>
      <c r="EG14" s="301"/>
      <c r="EH14" s="296">
        <v>162474</v>
      </c>
      <c r="EI14" s="296">
        <v>53752</v>
      </c>
      <c r="EJ14" s="296">
        <v>128195</v>
      </c>
      <c r="EK14" s="296">
        <v>147462</v>
      </c>
      <c r="EL14" s="296">
        <v>89393</v>
      </c>
      <c r="EM14" s="299">
        <v>581276</v>
      </c>
      <c r="EN14" s="300">
        <v>581276</v>
      </c>
      <c r="EO14" s="295">
        <v>0</v>
      </c>
      <c r="EP14" s="296">
        <v>0</v>
      </c>
      <c r="EQ14" s="297">
        <v>0</v>
      </c>
      <c r="ER14" s="301"/>
      <c r="ES14" s="296">
        <v>0</v>
      </c>
      <c r="ET14" s="296">
        <v>0</v>
      </c>
      <c r="EU14" s="296">
        <v>0</v>
      </c>
      <c r="EV14" s="296">
        <v>210</v>
      </c>
      <c r="EW14" s="296">
        <v>630</v>
      </c>
      <c r="EX14" s="299">
        <v>840</v>
      </c>
      <c r="EY14" s="300">
        <v>840</v>
      </c>
      <c r="EZ14" s="295">
        <v>0</v>
      </c>
      <c r="FA14" s="296">
        <v>0</v>
      </c>
      <c r="FB14" s="297">
        <v>0</v>
      </c>
      <c r="FC14" s="301"/>
      <c r="FD14" s="296">
        <v>0</v>
      </c>
      <c r="FE14" s="296">
        <v>0</v>
      </c>
      <c r="FF14" s="296">
        <v>11310</v>
      </c>
      <c r="FG14" s="296">
        <v>0</v>
      </c>
      <c r="FH14" s="296">
        <v>1890</v>
      </c>
      <c r="FI14" s="299">
        <v>13200</v>
      </c>
      <c r="FJ14" s="300">
        <v>13200</v>
      </c>
      <c r="FK14" s="295">
        <v>0</v>
      </c>
      <c r="FL14" s="296">
        <v>0</v>
      </c>
      <c r="FM14" s="297">
        <v>0</v>
      </c>
      <c r="FN14" s="301"/>
      <c r="FO14" s="296">
        <v>0</v>
      </c>
      <c r="FP14" s="296">
        <v>0</v>
      </c>
      <c r="FQ14" s="296">
        <v>0</v>
      </c>
      <c r="FR14" s="296">
        <v>85170</v>
      </c>
      <c r="FS14" s="296">
        <v>109542</v>
      </c>
      <c r="FT14" s="299">
        <v>194712</v>
      </c>
      <c r="FU14" s="300">
        <v>194712</v>
      </c>
      <c r="FV14" s="295">
        <v>4875</v>
      </c>
      <c r="FW14" s="296">
        <v>970</v>
      </c>
      <c r="FX14" s="297">
        <v>5845</v>
      </c>
      <c r="FY14" s="298">
        <v>0</v>
      </c>
      <c r="FZ14" s="296">
        <v>238461</v>
      </c>
      <c r="GA14" s="296">
        <v>283772</v>
      </c>
      <c r="GB14" s="296">
        <v>600644</v>
      </c>
      <c r="GC14" s="296">
        <v>461667</v>
      </c>
      <c r="GD14" s="296">
        <v>181619</v>
      </c>
      <c r="GE14" s="299">
        <v>1766163</v>
      </c>
      <c r="GF14" s="300">
        <v>1772008</v>
      </c>
      <c r="GG14" s="295">
        <v>0</v>
      </c>
      <c r="GH14" s="296">
        <v>0</v>
      </c>
      <c r="GI14" s="297">
        <v>0</v>
      </c>
      <c r="GJ14" s="298">
        <v>0</v>
      </c>
      <c r="GK14" s="296">
        <v>21</v>
      </c>
      <c r="GL14" s="296">
        <v>168</v>
      </c>
      <c r="GM14" s="296">
        <v>175</v>
      </c>
      <c r="GN14" s="296">
        <v>3519</v>
      </c>
      <c r="GO14" s="296">
        <v>3622</v>
      </c>
      <c r="GP14" s="299">
        <v>7505</v>
      </c>
      <c r="GQ14" s="300">
        <v>7505</v>
      </c>
      <c r="GR14" s="295">
        <v>0</v>
      </c>
      <c r="GS14" s="296">
        <v>0</v>
      </c>
      <c r="GT14" s="297">
        <v>0</v>
      </c>
      <c r="GU14" s="298">
        <v>0</v>
      </c>
      <c r="GV14" s="296">
        <v>0</v>
      </c>
      <c r="GW14" s="296">
        <v>0</v>
      </c>
      <c r="GX14" s="296">
        <v>0</v>
      </c>
      <c r="GY14" s="296">
        <v>0</v>
      </c>
      <c r="GZ14" s="296">
        <v>0</v>
      </c>
      <c r="HA14" s="299">
        <v>0</v>
      </c>
      <c r="HB14" s="300">
        <v>0</v>
      </c>
      <c r="HC14" s="295">
        <v>0</v>
      </c>
      <c r="HD14" s="296">
        <v>0</v>
      </c>
      <c r="HE14" s="297">
        <v>0</v>
      </c>
      <c r="HF14" s="301"/>
      <c r="HG14" s="296">
        <v>0</v>
      </c>
      <c r="HH14" s="296">
        <v>0</v>
      </c>
      <c r="HI14" s="296">
        <v>0</v>
      </c>
      <c r="HJ14" s="296">
        <v>0</v>
      </c>
      <c r="HK14" s="296">
        <v>0</v>
      </c>
      <c r="HL14" s="299">
        <v>0</v>
      </c>
      <c r="HM14" s="300">
        <v>0</v>
      </c>
      <c r="HN14" s="295">
        <v>9030</v>
      </c>
      <c r="HO14" s="296">
        <v>1020</v>
      </c>
      <c r="HP14" s="297">
        <v>10050</v>
      </c>
      <c r="HQ14" s="298">
        <v>0</v>
      </c>
      <c r="HR14" s="296">
        <v>1485059</v>
      </c>
      <c r="HS14" s="296">
        <v>2166530</v>
      </c>
      <c r="HT14" s="296">
        <v>7766523</v>
      </c>
      <c r="HU14" s="296">
        <v>9921331</v>
      </c>
      <c r="HV14" s="296">
        <v>8544393</v>
      </c>
      <c r="HW14" s="299">
        <v>29883836</v>
      </c>
      <c r="HX14" s="300">
        <v>29893886</v>
      </c>
    </row>
    <row r="15" spans="1:232" ht="16.5" customHeight="1" x14ac:dyDescent="0.2">
      <c r="A15" s="293" t="s">
        <v>11</v>
      </c>
      <c r="B15" s="295">
        <v>4300</v>
      </c>
      <c r="C15" s="296">
        <v>3760</v>
      </c>
      <c r="D15" s="297">
        <v>8060</v>
      </c>
      <c r="E15" s="298">
        <v>0</v>
      </c>
      <c r="F15" s="296">
        <v>994789</v>
      </c>
      <c r="G15" s="296">
        <v>937353</v>
      </c>
      <c r="H15" s="296">
        <v>3214777</v>
      </c>
      <c r="I15" s="296">
        <v>4146065</v>
      </c>
      <c r="J15" s="296">
        <v>1907265</v>
      </c>
      <c r="K15" s="299">
        <v>11200249</v>
      </c>
      <c r="L15" s="300">
        <v>11208309</v>
      </c>
      <c r="M15" s="295">
        <v>0</v>
      </c>
      <c r="N15" s="296">
        <v>0</v>
      </c>
      <c r="O15" s="297">
        <v>0</v>
      </c>
      <c r="P15" s="301"/>
      <c r="Q15" s="296">
        <v>23850</v>
      </c>
      <c r="R15" s="296">
        <v>85890</v>
      </c>
      <c r="S15" s="296">
        <v>2230405</v>
      </c>
      <c r="T15" s="296">
        <v>2892915</v>
      </c>
      <c r="U15" s="296">
        <v>1342125</v>
      </c>
      <c r="V15" s="299">
        <v>6575185</v>
      </c>
      <c r="W15" s="300">
        <v>6575185</v>
      </c>
      <c r="X15" s="295">
        <v>0</v>
      </c>
      <c r="Y15" s="296">
        <v>0</v>
      </c>
      <c r="Z15" s="297">
        <v>0</v>
      </c>
      <c r="AA15" s="301"/>
      <c r="AB15" s="296">
        <v>756270</v>
      </c>
      <c r="AC15" s="296">
        <v>708662</v>
      </c>
      <c r="AD15" s="296">
        <v>702838</v>
      </c>
      <c r="AE15" s="296">
        <v>1100290</v>
      </c>
      <c r="AF15" s="296">
        <v>320440</v>
      </c>
      <c r="AG15" s="299">
        <v>3588500</v>
      </c>
      <c r="AH15" s="300">
        <v>3588500</v>
      </c>
      <c r="AI15" s="295">
        <v>0</v>
      </c>
      <c r="AJ15" s="296">
        <v>0</v>
      </c>
      <c r="AK15" s="297">
        <v>0</v>
      </c>
      <c r="AL15" s="301"/>
      <c r="AM15" s="296">
        <v>0</v>
      </c>
      <c r="AN15" s="296">
        <v>0</v>
      </c>
      <c r="AO15" s="296">
        <v>0</v>
      </c>
      <c r="AP15" s="296">
        <v>0</v>
      </c>
      <c r="AQ15" s="296">
        <v>23850</v>
      </c>
      <c r="AR15" s="299">
        <v>23850</v>
      </c>
      <c r="AS15" s="300">
        <v>23850</v>
      </c>
      <c r="AT15" s="295">
        <v>0</v>
      </c>
      <c r="AU15" s="296">
        <v>0</v>
      </c>
      <c r="AV15" s="297">
        <v>0</v>
      </c>
      <c r="AW15" s="301"/>
      <c r="AX15" s="296">
        <v>92550</v>
      </c>
      <c r="AY15" s="296">
        <v>2550</v>
      </c>
      <c r="AZ15" s="296">
        <v>27740</v>
      </c>
      <c r="BA15" s="296">
        <v>34350</v>
      </c>
      <c r="BB15" s="296">
        <v>189815</v>
      </c>
      <c r="BC15" s="299">
        <v>347005</v>
      </c>
      <c r="BD15" s="300">
        <v>347005</v>
      </c>
      <c r="BE15" s="295">
        <v>0</v>
      </c>
      <c r="BF15" s="296">
        <v>0</v>
      </c>
      <c r="BG15" s="297">
        <v>0</v>
      </c>
      <c r="BH15" s="301"/>
      <c r="BI15" s="296">
        <v>0</v>
      </c>
      <c r="BJ15" s="296">
        <v>23850</v>
      </c>
      <c r="BK15" s="296">
        <v>28485</v>
      </c>
      <c r="BL15" s="296">
        <v>0</v>
      </c>
      <c r="BM15" s="296">
        <v>0</v>
      </c>
      <c r="BN15" s="299">
        <v>52335</v>
      </c>
      <c r="BO15" s="300">
        <v>52335</v>
      </c>
      <c r="BP15" s="295">
        <v>4300</v>
      </c>
      <c r="BQ15" s="296">
        <v>3760</v>
      </c>
      <c r="BR15" s="297">
        <v>8060</v>
      </c>
      <c r="BS15" s="298">
        <v>0</v>
      </c>
      <c r="BT15" s="296">
        <v>122119</v>
      </c>
      <c r="BU15" s="296">
        <v>112466</v>
      </c>
      <c r="BV15" s="296">
        <v>205932</v>
      </c>
      <c r="BW15" s="296">
        <v>100405</v>
      </c>
      <c r="BX15" s="296">
        <v>31035</v>
      </c>
      <c r="BY15" s="299">
        <v>571957</v>
      </c>
      <c r="BZ15" s="300">
        <v>580017</v>
      </c>
      <c r="CA15" s="295">
        <v>0</v>
      </c>
      <c r="CB15" s="296">
        <v>0</v>
      </c>
      <c r="CC15" s="297">
        <v>0</v>
      </c>
      <c r="CD15" s="298">
        <v>0</v>
      </c>
      <c r="CE15" s="296">
        <v>0</v>
      </c>
      <c r="CF15" s="296">
        <v>3935</v>
      </c>
      <c r="CG15" s="296">
        <v>19377</v>
      </c>
      <c r="CH15" s="296">
        <v>18105</v>
      </c>
      <c r="CI15" s="296">
        <v>0</v>
      </c>
      <c r="CJ15" s="299">
        <v>41417</v>
      </c>
      <c r="CK15" s="300">
        <v>41417</v>
      </c>
      <c r="CL15" s="295">
        <v>0</v>
      </c>
      <c r="CM15" s="296">
        <v>0</v>
      </c>
      <c r="CN15" s="297">
        <v>0</v>
      </c>
      <c r="CO15" s="298">
        <v>0</v>
      </c>
      <c r="CP15" s="296">
        <v>0</v>
      </c>
      <c r="CQ15" s="296">
        <v>0</v>
      </c>
      <c r="CR15" s="296">
        <v>0</v>
      </c>
      <c r="CS15" s="296">
        <v>0</v>
      </c>
      <c r="CT15" s="296">
        <v>0</v>
      </c>
      <c r="CU15" s="299">
        <v>0</v>
      </c>
      <c r="CV15" s="300">
        <v>0</v>
      </c>
      <c r="CW15" s="295">
        <v>0</v>
      </c>
      <c r="CX15" s="296">
        <v>0</v>
      </c>
      <c r="CY15" s="297">
        <v>0</v>
      </c>
      <c r="CZ15" s="301"/>
      <c r="DA15" s="296">
        <v>0</v>
      </c>
      <c r="DB15" s="296">
        <v>0</v>
      </c>
      <c r="DC15" s="296">
        <v>0</v>
      </c>
      <c r="DD15" s="296">
        <v>0</v>
      </c>
      <c r="DE15" s="296">
        <v>0</v>
      </c>
      <c r="DF15" s="299">
        <v>0</v>
      </c>
      <c r="DG15" s="300">
        <v>0</v>
      </c>
      <c r="DH15" s="295">
        <v>6759</v>
      </c>
      <c r="DI15" s="296">
        <v>4480</v>
      </c>
      <c r="DJ15" s="297">
        <v>11239</v>
      </c>
      <c r="DK15" s="298">
        <v>0</v>
      </c>
      <c r="DL15" s="296">
        <v>354085</v>
      </c>
      <c r="DM15" s="296">
        <v>432508</v>
      </c>
      <c r="DN15" s="296">
        <v>3004969</v>
      </c>
      <c r="DO15" s="296">
        <v>3679373</v>
      </c>
      <c r="DP15" s="296">
        <v>1687597</v>
      </c>
      <c r="DQ15" s="299">
        <v>9158532</v>
      </c>
      <c r="DR15" s="302">
        <v>9169771</v>
      </c>
      <c r="DS15" s="295">
        <v>0</v>
      </c>
      <c r="DT15" s="296">
        <v>0</v>
      </c>
      <c r="DU15" s="297">
        <v>0</v>
      </c>
      <c r="DV15" s="301"/>
      <c r="DW15" s="296">
        <v>14550</v>
      </c>
      <c r="DX15" s="296">
        <v>124640</v>
      </c>
      <c r="DY15" s="296">
        <v>2607058</v>
      </c>
      <c r="DZ15" s="296">
        <v>3379170</v>
      </c>
      <c r="EA15" s="296">
        <v>1593386</v>
      </c>
      <c r="EB15" s="299">
        <v>7718804</v>
      </c>
      <c r="EC15" s="300">
        <v>7718804</v>
      </c>
      <c r="ED15" s="295">
        <v>0</v>
      </c>
      <c r="EE15" s="296">
        <v>0</v>
      </c>
      <c r="EF15" s="297">
        <v>0</v>
      </c>
      <c r="EG15" s="301"/>
      <c r="EH15" s="296">
        <v>160647</v>
      </c>
      <c r="EI15" s="296">
        <v>165631</v>
      </c>
      <c r="EJ15" s="296">
        <v>132967</v>
      </c>
      <c r="EK15" s="296">
        <v>190812</v>
      </c>
      <c r="EL15" s="296">
        <v>26098</v>
      </c>
      <c r="EM15" s="299">
        <v>676155</v>
      </c>
      <c r="EN15" s="300">
        <v>676155</v>
      </c>
      <c r="EO15" s="295">
        <v>0</v>
      </c>
      <c r="EP15" s="296">
        <v>0</v>
      </c>
      <c r="EQ15" s="297">
        <v>0</v>
      </c>
      <c r="ER15" s="301"/>
      <c r="ES15" s="296">
        <v>0</v>
      </c>
      <c r="ET15" s="296">
        <v>0</v>
      </c>
      <c r="EU15" s="296">
        <v>0</v>
      </c>
      <c r="EV15" s="296">
        <v>0</v>
      </c>
      <c r="EW15" s="296">
        <v>210</v>
      </c>
      <c r="EX15" s="299">
        <v>210</v>
      </c>
      <c r="EY15" s="300">
        <v>210</v>
      </c>
      <c r="EZ15" s="295">
        <v>0</v>
      </c>
      <c r="FA15" s="296">
        <v>0</v>
      </c>
      <c r="FB15" s="297">
        <v>0</v>
      </c>
      <c r="FC15" s="301"/>
      <c r="FD15" s="296">
        <v>22830</v>
      </c>
      <c r="FE15" s="296">
        <v>210</v>
      </c>
      <c r="FF15" s="296">
        <v>8504</v>
      </c>
      <c r="FG15" s="296">
        <v>11310</v>
      </c>
      <c r="FH15" s="296">
        <v>24300</v>
      </c>
      <c r="FI15" s="299">
        <v>67154</v>
      </c>
      <c r="FJ15" s="300">
        <v>67154</v>
      </c>
      <c r="FK15" s="295">
        <v>0</v>
      </c>
      <c r="FL15" s="296">
        <v>0</v>
      </c>
      <c r="FM15" s="297">
        <v>0</v>
      </c>
      <c r="FN15" s="301"/>
      <c r="FO15" s="296">
        <v>0</v>
      </c>
      <c r="FP15" s="296">
        <v>20880</v>
      </c>
      <c r="FQ15" s="296">
        <v>21028</v>
      </c>
      <c r="FR15" s="296">
        <v>0</v>
      </c>
      <c r="FS15" s="296">
        <v>0</v>
      </c>
      <c r="FT15" s="299">
        <v>41908</v>
      </c>
      <c r="FU15" s="300">
        <v>41908</v>
      </c>
      <c r="FV15" s="295">
        <v>6759</v>
      </c>
      <c r="FW15" s="296">
        <v>4480</v>
      </c>
      <c r="FX15" s="297">
        <v>11239</v>
      </c>
      <c r="FY15" s="298">
        <v>0</v>
      </c>
      <c r="FZ15" s="296">
        <v>156058</v>
      </c>
      <c r="GA15" s="296">
        <v>121077</v>
      </c>
      <c r="GB15" s="296">
        <v>210600</v>
      </c>
      <c r="GC15" s="296">
        <v>97878</v>
      </c>
      <c r="GD15" s="296">
        <v>43603</v>
      </c>
      <c r="GE15" s="299">
        <v>629216</v>
      </c>
      <c r="GF15" s="300">
        <v>640455</v>
      </c>
      <c r="GG15" s="295">
        <v>0</v>
      </c>
      <c r="GH15" s="296">
        <v>0</v>
      </c>
      <c r="GI15" s="297">
        <v>0</v>
      </c>
      <c r="GJ15" s="298">
        <v>0</v>
      </c>
      <c r="GK15" s="296">
        <v>0</v>
      </c>
      <c r="GL15" s="296">
        <v>70</v>
      </c>
      <c r="GM15" s="296">
        <v>24812</v>
      </c>
      <c r="GN15" s="296">
        <v>203</v>
      </c>
      <c r="GO15" s="296">
        <v>0</v>
      </c>
      <c r="GP15" s="299">
        <v>25085</v>
      </c>
      <c r="GQ15" s="300">
        <v>25085</v>
      </c>
      <c r="GR15" s="295">
        <v>0</v>
      </c>
      <c r="GS15" s="296">
        <v>0</v>
      </c>
      <c r="GT15" s="297">
        <v>0</v>
      </c>
      <c r="GU15" s="298">
        <v>0</v>
      </c>
      <c r="GV15" s="296">
        <v>0</v>
      </c>
      <c r="GW15" s="296">
        <v>0</v>
      </c>
      <c r="GX15" s="296">
        <v>0</v>
      </c>
      <c r="GY15" s="296">
        <v>0</v>
      </c>
      <c r="GZ15" s="296">
        <v>0</v>
      </c>
      <c r="HA15" s="299">
        <v>0</v>
      </c>
      <c r="HB15" s="300">
        <v>0</v>
      </c>
      <c r="HC15" s="295">
        <v>0</v>
      </c>
      <c r="HD15" s="296">
        <v>0</v>
      </c>
      <c r="HE15" s="297">
        <v>0</v>
      </c>
      <c r="HF15" s="301"/>
      <c r="HG15" s="296">
        <v>0</v>
      </c>
      <c r="HH15" s="296">
        <v>0</v>
      </c>
      <c r="HI15" s="296">
        <v>0</v>
      </c>
      <c r="HJ15" s="296">
        <v>0</v>
      </c>
      <c r="HK15" s="296">
        <v>0</v>
      </c>
      <c r="HL15" s="299">
        <v>0</v>
      </c>
      <c r="HM15" s="300">
        <v>0</v>
      </c>
      <c r="HN15" s="295">
        <v>11059</v>
      </c>
      <c r="HO15" s="296">
        <v>8240</v>
      </c>
      <c r="HP15" s="297">
        <v>19299</v>
      </c>
      <c r="HQ15" s="298">
        <v>0</v>
      </c>
      <c r="HR15" s="296">
        <v>1348874</v>
      </c>
      <c r="HS15" s="296">
        <v>1369861</v>
      </c>
      <c r="HT15" s="296">
        <v>6219746</v>
      </c>
      <c r="HU15" s="296">
        <v>7825438</v>
      </c>
      <c r="HV15" s="296">
        <v>3594862</v>
      </c>
      <c r="HW15" s="299">
        <v>20358781</v>
      </c>
      <c r="HX15" s="300">
        <v>20378080</v>
      </c>
    </row>
    <row r="16" spans="1:232" ht="16.5" customHeight="1" x14ac:dyDescent="0.2">
      <c r="A16" s="293" t="s">
        <v>12</v>
      </c>
      <c r="B16" s="295">
        <v>3435</v>
      </c>
      <c r="C16" s="296">
        <v>7440</v>
      </c>
      <c r="D16" s="297">
        <v>10875</v>
      </c>
      <c r="E16" s="298">
        <v>0</v>
      </c>
      <c r="F16" s="296">
        <v>242243</v>
      </c>
      <c r="G16" s="296">
        <v>512654</v>
      </c>
      <c r="H16" s="296">
        <v>2355336</v>
      </c>
      <c r="I16" s="296">
        <v>3652455</v>
      </c>
      <c r="J16" s="296">
        <v>2219225</v>
      </c>
      <c r="K16" s="299">
        <v>8981913</v>
      </c>
      <c r="L16" s="300">
        <v>8992788</v>
      </c>
      <c r="M16" s="295">
        <v>0</v>
      </c>
      <c r="N16" s="296">
        <v>0</v>
      </c>
      <c r="O16" s="297">
        <v>0</v>
      </c>
      <c r="P16" s="301"/>
      <c r="Q16" s="296">
        <v>5542</v>
      </c>
      <c r="R16" s="296">
        <v>92350</v>
      </c>
      <c r="S16" s="296">
        <v>1053315</v>
      </c>
      <c r="T16" s="296">
        <v>2401660</v>
      </c>
      <c r="U16" s="296">
        <v>1568755</v>
      </c>
      <c r="V16" s="299">
        <v>5121622</v>
      </c>
      <c r="W16" s="300">
        <v>5121622</v>
      </c>
      <c r="X16" s="295">
        <v>0</v>
      </c>
      <c r="Y16" s="296">
        <v>0</v>
      </c>
      <c r="Z16" s="297">
        <v>0</v>
      </c>
      <c r="AA16" s="301"/>
      <c r="AB16" s="296">
        <v>191505</v>
      </c>
      <c r="AC16" s="296">
        <v>322575</v>
      </c>
      <c r="AD16" s="296">
        <v>850910</v>
      </c>
      <c r="AE16" s="296">
        <v>936957</v>
      </c>
      <c r="AF16" s="296">
        <v>390045</v>
      </c>
      <c r="AG16" s="299">
        <v>2691992</v>
      </c>
      <c r="AH16" s="300">
        <v>2691992</v>
      </c>
      <c r="AI16" s="295">
        <v>0</v>
      </c>
      <c r="AJ16" s="296">
        <v>0</v>
      </c>
      <c r="AK16" s="297">
        <v>0</v>
      </c>
      <c r="AL16" s="301"/>
      <c r="AM16" s="296">
        <v>0</v>
      </c>
      <c r="AN16" s="296">
        <v>0</v>
      </c>
      <c r="AO16" s="296">
        <v>0</v>
      </c>
      <c r="AP16" s="296">
        <v>34200</v>
      </c>
      <c r="AQ16" s="296">
        <v>39050</v>
      </c>
      <c r="AR16" s="299">
        <v>73250</v>
      </c>
      <c r="AS16" s="300">
        <v>73250</v>
      </c>
      <c r="AT16" s="295">
        <v>0</v>
      </c>
      <c r="AU16" s="296">
        <v>0</v>
      </c>
      <c r="AV16" s="297">
        <v>0</v>
      </c>
      <c r="AW16" s="301"/>
      <c r="AX16" s="296">
        <v>0</v>
      </c>
      <c r="AY16" s="296">
        <v>0</v>
      </c>
      <c r="AZ16" s="296">
        <v>0</v>
      </c>
      <c r="BA16" s="296">
        <v>2550</v>
      </c>
      <c r="BB16" s="296">
        <v>36750</v>
      </c>
      <c r="BC16" s="299">
        <v>39300</v>
      </c>
      <c r="BD16" s="300">
        <v>39300</v>
      </c>
      <c r="BE16" s="295">
        <v>0</v>
      </c>
      <c r="BF16" s="296">
        <v>0</v>
      </c>
      <c r="BG16" s="297">
        <v>0</v>
      </c>
      <c r="BH16" s="301"/>
      <c r="BI16" s="296">
        <v>2550</v>
      </c>
      <c r="BJ16" s="296">
        <v>0</v>
      </c>
      <c r="BK16" s="296">
        <v>229650</v>
      </c>
      <c r="BL16" s="296">
        <v>70440</v>
      </c>
      <c r="BM16" s="296">
        <v>2550</v>
      </c>
      <c r="BN16" s="299">
        <v>305190</v>
      </c>
      <c r="BO16" s="300">
        <v>305190</v>
      </c>
      <c r="BP16" s="295">
        <v>3435</v>
      </c>
      <c r="BQ16" s="296">
        <v>3380</v>
      </c>
      <c r="BR16" s="297">
        <v>6815</v>
      </c>
      <c r="BS16" s="298">
        <v>0</v>
      </c>
      <c r="BT16" s="296">
        <v>42646</v>
      </c>
      <c r="BU16" s="296">
        <v>92079</v>
      </c>
      <c r="BV16" s="296">
        <v>221461</v>
      </c>
      <c r="BW16" s="296">
        <v>206503</v>
      </c>
      <c r="BX16" s="296">
        <v>182075</v>
      </c>
      <c r="BY16" s="299">
        <v>744764</v>
      </c>
      <c r="BZ16" s="300">
        <v>751579</v>
      </c>
      <c r="CA16" s="295">
        <v>0</v>
      </c>
      <c r="CB16" s="296">
        <v>4060</v>
      </c>
      <c r="CC16" s="297">
        <v>4060</v>
      </c>
      <c r="CD16" s="298">
        <v>0</v>
      </c>
      <c r="CE16" s="296">
        <v>0</v>
      </c>
      <c r="CF16" s="296">
        <v>5650</v>
      </c>
      <c r="CG16" s="296">
        <v>0</v>
      </c>
      <c r="CH16" s="296">
        <v>145</v>
      </c>
      <c r="CI16" s="296">
        <v>0</v>
      </c>
      <c r="CJ16" s="299">
        <v>5795</v>
      </c>
      <c r="CK16" s="300">
        <v>9855</v>
      </c>
      <c r="CL16" s="295">
        <v>0</v>
      </c>
      <c r="CM16" s="296">
        <v>0</v>
      </c>
      <c r="CN16" s="297">
        <v>0</v>
      </c>
      <c r="CO16" s="298">
        <v>0</v>
      </c>
      <c r="CP16" s="296">
        <v>0</v>
      </c>
      <c r="CQ16" s="296">
        <v>0</v>
      </c>
      <c r="CR16" s="296">
        <v>0</v>
      </c>
      <c r="CS16" s="296">
        <v>0</v>
      </c>
      <c r="CT16" s="296">
        <v>0</v>
      </c>
      <c r="CU16" s="299">
        <v>0</v>
      </c>
      <c r="CV16" s="300">
        <v>0</v>
      </c>
      <c r="CW16" s="295">
        <v>0</v>
      </c>
      <c r="CX16" s="296">
        <v>0</v>
      </c>
      <c r="CY16" s="297">
        <v>0</v>
      </c>
      <c r="CZ16" s="301"/>
      <c r="DA16" s="296">
        <v>0</v>
      </c>
      <c r="DB16" s="296">
        <v>0</v>
      </c>
      <c r="DC16" s="296">
        <v>0</v>
      </c>
      <c r="DD16" s="296">
        <v>0</v>
      </c>
      <c r="DE16" s="296">
        <v>0</v>
      </c>
      <c r="DF16" s="299">
        <v>0</v>
      </c>
      <c r="DG16" s="300">
        <v>0</v>
      </c>
      <c r="DH16" s="295">
        <v>2553</v>
      </c>
      <c r="DI16" s="296">
        <v>3004</v>
      </c>
      <c r="DJ16" s="297">
        <v>5557</v>
      </c>
      <c r="DK16" s="298">
        <v>0</v>
      </c>
      <c r="DL16" s="296">
        <v>152460</v>
      </c>
      <c r="DM16" s="296">
        <v>415433</v>
      </c>
      <c r="DN16" s="296">
        <v>2444304</v>
      </c>
      <c r="DO16" s="296">
        <v>3746296</v>
      </c>
      <c r="DP16" s="296">
        <v>2135945</v>
      </c>
      <c r="DQ16" s="299">
        <v>8894438</v>
      </c>
      <c r="DR16" s="302">
        <v>8899995</v>
      </c>
      <c r="DS16" s="295">
        <v>0</v>
      </c>
      <c r="DT16" s="296">
        <v>0</v>
      </c>
      <c r="DU16" s="297">
        <v>0</v>
      </c>
      <c r="DV16" s="301"/>
      <c r="DW16" s="296">
        <v>24438</v>
      </c>
      <c r="DX16" s="296">
        <v>222205</v>
      </c>
      <c r="DY16" s="296">
        <v>1704637</v>
      </c>
      <c r="DZ16" s="296">
        <v>3143866</v>
      </c>
      <c r="EA16" s="296">
        <v>1831838</v>
      </c>
      <c r="EB16" s="299">
        <v>6926984</v>
      </c>
      <c r="EC16" s="300">
        <v>6926984</v>
      </c>
      <c r="ED16" s="295">
        <v>0</v>
      </c>
      <c r="EE16" s="296">
        <v>0</v>
      </c>
      <c r="EF16" s="297">
        <v>0</v>
      </c>
      <c r="EG16" s="301"/>
      <c r="EH16" s="296">
        <v>44923</v>
      </c>
      <c r="EI16" s="296">
        <v>37170</v>
      </c>
      <c r="EJ16" s="296">
        <v>106085</v>
      </c>
      <c r="EK16" s="296">
        <v>143559</v>
      </c>
      <c r="EL16" s="296">
        <v>47876</v>
      </c>
      <c r="EM16" s="299">
        <v>379613</v>
      </c>
      <c r="EN16" s="300">
        <v>379613</v>
      </c>
      <c r="EO16" s="295">
        <v>0</v>
      </c>
      <c r="EP16" s="296">
        <v>0</v>
      </c>
      <c r="EQ16" s="297">
        <v>0</v>
      </c>
      <c r="ER16" s="301"/>
      <c r="ES16" s="296">
        <v>0</v>
      </c>
      <c r="ET16" s="296">
        <v>0</v>
      </c>
      <c r="EU16" s="296">
        <v>0</v>
      </c>
      <c r="EV16" s="296">
        <v>420</v>
      </c>
      <c r="EW16" s="296">
        <v>672</v>
      </c>
      <c r="EX16" s="299">
        <v>1092</v>
      </c>
      <c r="EY16" s="300">
        <v>1092</v>
      </c>
      <c r="EZ16" s="295">
        <v>0</v>
      </c>
      <c r="FA16" s="296">
        <v>0</v>
      </c>
      <c r="FB16" s="297">
        <v>0</v>
      </c>
      <c r="FC16" s="301"/>
      <c r="FD16" s="296">
        <v>0</v>
      </c>
      <c r="FE16" s="296">
        <v>0</v>
      </c>
      <c r="FF16" s="296">
        <v>0</v>
      </c>
      <c r="FG16" s="296">
        <v>210</v>
      </c>
      <c r="FH16" s="296">
        <v>630</v>
      </c>
      <c r="FI16" s="299">
        <v>840</v>
      </c>
      <c r="FJ16" s="300">
        <v>840</v>
      </c>
      <c r="FK16" s="295">
        <v>0</v>
      </c>
      <c r="FL16" s="296">
        <v>0</v>
      </c>
      <c r="FM16" s="297">
        <v>0</v>
      </c>
      <c r="FN16" s="301"/>
      <c r="FO16" s="296">
        <v>20880</v>
      </c>
      <c r="FP16" s="296">
        <v>0</v>
      </c>
      <c r="FQ16" s="296">
        <v>288480</v>
      </c>
      <c r="FR16" s="296">
        <v>129624</v>
      </c>
      <c r="FS16" s="296">
        <v>20880</v>
      </c>
      <c r="FT16" s="299">
        <v>459864</v>
      </c>
      <c r="FU16" s="300">
        <v>459864</v>
      </c>
      <c r="FV16" s="295">
        <v>2553</v>
      </c>
      <c r="FW16" s="296">
        <v>3004</v>
      </c>
      <c r="FX16" s="297">
        <v>5557</v>
      </c>
      <c r="FY16" s="298">
        <v>0</v>
      </c>
      <c r="FZ16" s="296">
        <v>62219</v>
      </c>
      <c r="GA16" s="296">
        <v>152608</v>
      </c>
      <c r="GB16" s="296">
        <v>345102</v>
      </c>
      <c r="GC16" s="296">
        <v>328596</v>
      </c>
      <c r="GD16" s="296">
        <v>234049</v>
      </c>
      <c r="GE16" s="299">
        <v>1122574</v>
      </c>
      <c r="GF16" s="300">
        <v>1128131</v>
      </c>
      <c r="GG16" s="295">
        <v>0</v>
      </c>
      <c r="GH16" s="296">
        <v>0</v>
      </c>
      <c r="GI16" s="297">
        <v>0</v>
      </c>
      <c r="GJ16" s="298">
        <v>0</v>
      </c>
      <c r="GK16" s="296">
        <v>0</v>
      </c>
      <c r="GL16" s="296">
        <v>3450</v>
      </c>
      <c r="GM16" s="296">
        <v>0</v>
      </c>
      <c r="GN16" s="296">
        <v>21</v>
      </c>
      <c r="GO16" s="296">
        <v>0</v>
      </c>
      <c r="GP16" s="299">
        <v>3471</v>
      </c>
      <c r="GQ16" s="300">
        <v>3471</v>
      </c>
      <c r="GR16" s="295">
        <v>0</v>
      </c>
      <c r="GS16" s="296">
        <v>0</v>
      </c>
      <c r="GT16" s="297">
        <v>0</v>
      </c>
      <c r="GU16" s="298">
        <v>0</v>
      </c>
      <c r="GV16" s="296">
        <v>0</v>
      </c>
      <c r="GW16" s="296">
        <v>0</v>
      </c>
      <c r="GX16" s="296">
        <v>0</v>
      </c>
      <c r="GY16" s="296">
        <v>0</v>
      </c>
      <c r="GZ16" s="296">
        <v>0</v>
      </c>
      <c r="HA16" s="299">
        <v>0</v>
      </c>
      <c r="HB16" s="300">
        <v>0</v>
      </c>
      <c r="HC16" s="295">
        <v>0</v>
      </c>
      <c r="HD16" s="296">
        <v>0</v>
      </c>
      <c r="HE16" s="297">
        <v>0</v>
      </c>
      <c r="HF16" s="301"/>
      <c r="HG16" s="296">
        <v>0</v>
      </c>
      <c r="HH16" s="296">
        <v>0</v>
      </c>
      <c r="HI16" s="296">
        <v>0</v>
      </c>
      <c r="HJ16" s="296">
        <v>0</v>
      </c>
      <c r="HK16" s="296">
        <v>0</v>
      </c>
      <c r="HL16" s="299">
        <v>0</v>
      </c>
      <c r="HM16" s="300">
        <v>0</v>
      </c>
      <c r="HN16" s="295">
        <v>5988</v>
      </c>
      <c r="HO16" s="296">
        <v>10444</v>
      </c>
      <c r="HP16" s="297">
        <v>16432</v>
      </c>
      <c r="HQ16" s="298">
        <v>0</v>
      </c>
      <c r="HR16" s="296">
        <v>394703</v>
      </c>
      <c r="HS16" s="296">
        <v>928087</v>
      </c>
      <c r="HT16" s="296">
        <v>4799640</v>
      </c>
      <c r="HU16" s="296">
        <v>7398751</v>
      </c>
      <c r="HV16" s="296">
        <v>4355170</v>
      </c>
      <c r="HW16" s="299">
        <v>17876351</v>
      </c>
      <c r="HX16" s="300">
        <v>17892783</v>
      </c>
    </row>
    <row r="17" spans="1:232" ht="16.5" customHeight="1" x14ac:dyDescent="0.2">
      <c r="A17" s="293" t="s">
        <v>13</v>
      </c>
      <c r="B17" s="295">
        <v>0</v>
      </c>
      <c r="C17" s="296">
        <v>0</v>
      </c>
      <c r="D17" s="297">
        <v>0</v>
      </c>
      <c r="E17" s="298">
        <v>0</v>
      </c>
      <c r="F17" s="296">
        <v>76424</v>
      </c>
      <c r="G17" s="296">
        <v>33830</v>
      </c>
      <c r="H17" s="296">
        <v>491773</v>
      </c>
      <c r="I17" s="296">
        <v>913223</v>
      </c>
      <c r="J17" s="296">
        <v>829320</v>
      </c>
      <c r="K17" s="299">
        <v>2344570</v>
      </c>
      <c r="L17" s="300">
        <v>2344570</v>
      </c>
      <c r="M17" s="295">
        <v>0</v>
      </c>
      <c r="N17" s="296">
        <v>0</v>
      </c>
      <c r="O17" s="297">
        <v>0</v>
      </c>
      <c r="P17" s="301"/>
      <c r="Q17" s="296">
        <v>2550</v>
      </c>
      <c r="R17" s="296">
        <v>0</v>
      </c>
      <c r="S17" s="296">
        <v>365700</v>
      </c>
      <c r="T17" s="296">
        <v>836280</v>
      </c>
      <c r="U17" s="296">
        <v>735875</v>
      </c>
      <c r="V17" s="299">
        <v>1940405</v>
      </c>
      <c r="W17" s="300">
        <v>1940405</v>
      </c>
      <c r="X17" s="295">
        <v>0</v>
      </c>
      <c r="Y17" s="296">
        <v>0</v>
      </c>
      <c r="Z17" s="297">
        <v>0</v>
      </c>
      <c r="AA17" s="301"/>
      <c r="AB17" s="296">
        <v>69930</v>
      </c>
      <c r="AC17" s="296">
        <v>3060</v>
      </c>
      <c r="AD17" s="296">
        <v>106110</v>
      </c>
      <c r="AE17" s="296">
        <v>36600</v>
      </c>
      <c r="AF17" s="296">
        <v>80535</v>
      </c>
      <c r="AG17" s="299">
        <v>296235</v>
      </c>
      <c r="AH17" s="300">
        <v>296235</v>
      </c>
      <c r="AI17" s="295">
        <v>0</v>
      </c>
      <c r="AJ17" s="296">
        <v>0</v>
      </c>
      <c r="AK17" s="297">
        <v>0</v>
      </c>
      <c r="AL17" s="301"/>
      <c r="AM17" s="296">
        <v>0</v>
      </c>
      <c r="AN17" s="296">
        <v>0</v>
      </c>
      <c r="AO17" s="296">
        <v>0</v>
      </c>
      <c r="AP17" s="296">
        <v>0</v>
      </c>
      <c r="AQ17" s="296">
        <v>0</v>
      </c>
      <c r="AR17" s="299">
        <v>0</v>
      </c>
      <c r="AS17" s="300">
        <v>0</v>
      </c>
      <c r="AT17" s="295">
        <v>0</v>
      </c>
      <c r="AU17" s="296">
        <v>0</v>
      </c>
      <c r="AV17" s="297">
        <v>0</v>
      </c>
      <c r="AW17" s="301"/>
      <c r="AX17" s="296">
        <v>0</v>
      </c>
      <c r="AY17" s="296">
        <v>0</v>
      </c>
      <c r="AZ17" s="296">
        <v>0</v>
      </c>
      <c r="BA17" s="296">
        <v>0</v>
      </c>
      <c r="BB17" s="296">
        <v>0</v>
      </c>
      <c r="BC17" s="299">
        <v>0</v>
      </c>
      <c r="BD17" s="300">
        <v>0</v>
      </c>
      <c r="BE17" s="295">
        <v>0</v>
      </c>
      <c r="BF17" s="296">
        <v>0</v>
      </c>
      <c r="BG17" s="297">
        <v>0</v>
      </c>
      <c r="BH17" s="301"/>
      <c r="BI17" s="296">
        <v>0</v>
      </c>
      <c r="BJ17" s="296">
        <v>0</v>
      </c>
      <c r="BK17" s="296">
        <v>0</v>
      </c>
      <c r="BL17" s="296">
        <v>0</v>
      </c>
      <c r="BM17" s="296">
        <v>0</v>
      </c>
      <c r="BN17" s="299">
        <v>0</v>
      </c>
      <c r="BO17" s="300">
        <v>0</v>
      </c>
      <c r="BP17" s="295">
        <v>0</v>
      </c>
      <c r="BQ17" s="296">
        <v>0</v>
      </c>
      <c r="BR17" s="297">
        <v>0</v>
      </c>
      <c r="BS17" s="298">
        <v>0</v>
      </c>
      <c r="BT17" s="296">
        <v>3944</v>
      </c>
      <c r="BU17" s="296">
        <v>30770</v>
      </c>
      <c r="BV17" s="296">
        <v>19963</v>
      </c>
      <c r="BW17" s="296">
        <v>39535</v>
      </c>
      <c r="BX17" s="296">
        <v>10505</v>
      </c>
      <c r="BY17" s="299">
        <v>104717</v>
      </c>
      <c r="BZ17" s="300">
        <v>104717</v>
      </c>
      <c r="CA17" s="295">
        <v>0</v>
      </c>
      <c r="CB17" s="296">
        <v>0</v>
      </c>
      <c r="CC17" s="297">
        <v>0</v>
      </c>
      <c r="CD17" s="298">
        <v>0</v>
      </c>
      <c r="CE17" s="296">
        <v>0</v>
      </c>
      <c r="CF17" s="296">
        <v>0</v>
      </c>
      <c r="CG17" s="296">
        <v>0</v>
      </c>
      <c r="CH17" s="296">
        <v>808</v>
      </c>
      <c r="CI17" s="296">
        <v>2405</v>
      </c>
      <c r="CJ17" s="299">
        <v>3213</v>
      </c>
      <c r="CK17" s="300">
        <v>3213</v>
      </c>
      <c r="CL17" s="295">
        <v>0</v>
      </c>
      <c r="CM17" s="296">
        <v>0</v>
      </c>
      <c r="CN17" s="297">
        <v>0</v>
      </c>
      <c r="CO17" s="298">
        <v>0</v>
      </c>
      <c r="CP17" s="296">
        <v>0</v>
      </c>
      <c r="CQ17" s="296">
        <v>0</v>
      </c>
      <c r="CR17" s="296">
        <v>0</v>
      </c>
      <c r="CS17" s="296">
        <v>0</v>
      </c>
      <c r="CT17" s="296">
        <v>0</v>
      </c>
      <c r="CU17" s="299">
        <v>0</v>
      </c>
      <c r="CV17" s="300">
        <v>0</v>
      </c>
      <c r="CW17" s="295">
        <v>0</v>
      </c>
      <c r="CX17" s="296">
        <v>0</v>
      </c>
      <c r="CY17" s="297">
        <v>0</v>
      </c>
      <c r="CZ17" s="301"/>
      <c r="DA17" s="296">
        <v>0</v>
      </c>
      <c r="DB17" s="296">
        <v>0</v>
      </c>
      <c r="DC17" s="296">
        <v>0</v>
      </c>
      <c r="DD17" s="296">
        <v>0</v>
      </c>
      <c r="DE17" s="296">
        <v>0</v>
      </c>
      <c r="DF17" s="299">
        <v>0</v>
      </c>
      <c r="DG17" s="300">
        <v>0</v>
      </c>
      <c r="DH17" s="295">
        <v>0</v>
      </c>
      <c r="DI17" s="296">
        <v>0</v>
      </c>
      <c r="DJ17" s="297">
        <v>0</v>
      </c>
      <c r="DK17" s="298">
        <v>0</v>
      </c>
      <c r="DL17" s="296">
        <v>44704</v>
      </c>
      <c r="DM17" s="296">
        <v>-5793</v>
      </c>
      <c r="DN17" s="296">
        <v>633225</v>
      </c>
      <c r="DO17" s="296">
        <v>1035794</v>
      </c>
      <c r="DP17" s="296">
        <v>814299</v>
      </c>
      <c r="DQ17" s="299">
        <v>2522229</v>
      </c>
      <c r="DR17" s="302">
        <v>2522229</v>
      </c>
      <c r="DS17" s="295">
        <v>0</v>
      </c>
      <c r="DT17" s="296">
        <v>0</v>
      </c>
      <c r="DU17" s="297">
        <v>0</v>
      </c>
      <c r="DV17" s="301"/>
      <c r="DW17" s="296">
        <v>20880</v>
      </c>
      <c r="DX17" s="296">
        <v>0</v>
      </c>
      <c r="DY17" s="296">
        <v>523530</v>
      </c>
      <c r="DZ17" s="296">
        <v>920152</v>
      </c>
      <c r="EA17" s="296">
        <v>746520</v>
      </c>
      <c r="EB17" s="299">
        <v>2211082</v>
      </c>
      <c r="EC17" s="300">
        <v>2211082</v>
      </c>
      <c r="ED17" s="295">
        <v>0</v>
      </c>
      <c r="EE17" s="296">
        <v>0</v>
      </c>
      <c r="EF17" s="297">
        <v>0</v>
      </c>
      <c r="EG17" s="301"/>
      <c r="EH17" s="296">
        <v>11503</v>
      </c>
      <c r="EI17" s="296">
        <v>-48658</v>
      </c>
      <c r="EJ17" s="296">
        <v>36810</v>
      </c>
      <c r="EK17" s="296">
        <v>1050</v>
      </c>
      <c r="EL17" s="296">
        <v>33401</v>
      </c>
      <c r="EM17" s="299">
        <v>34106</v>
      </c>
      <c r="EN17" s="300">
        <v>34106</v>
      </c>
      <c r="EO17" s="295">
        <v>0</v>
      </c>
      <c r="EP17" s="296">
        <v>0</v>
      </c>
      <c r="EQ17" s="297">
        <v>0</v>
      </c>
      <c r="ER17" s="301"/>
      <c r="ES17" s="296">
        <v>0</v>
      </c>
      <c r="ET17" s="296">
        <v>0</v>
      </c>
      <c r="EU17" s="296">
        <v>0</v>
      </c>
      <c r="EV17" s="296">
        <v>0</v>
      </c>
      <c r="EW17" s="296">
        <v>0</v>
      </c>
      <c r="EX17" s="299">
        <v>0</v>
      </c>
      <c r="EY17" s="300">
        <v>0</v>
      </c>
      <c r="EZ17" s="295">
        <v>0</v>
      </c>
      <c r="FA17" s="296">
        <v>0</v>
      </c>
      <c r="FB17" s="297">
        <v>0</v>
      </c>
      <c r="FC17" s="301"/>
      <c r="FD17" s="296">
        <v>0</v>
      </c>
      <c r="FE17" s="296">
        <v>0</v>
      </c>
      <c r="FF17" s="296">
        <v>0</v>
      </c>
      <c r="FG17" s="296">
        <v>0</v>
      </c>
      <c r="FH17" s="296">
        <v>0</v>
      </c>
      <c r="FI17" s="299">
        <v>0</v>
      </c>
      <c r="FJ17" s="300">
        <v>0</v>
      </c>
      <c r="FK17" s="295">
        <v>0</v>
      </c>
      <c r="FL17" s="296">
        <v>0</v>
      </c>
      <c r="FM17" s="297">
        <v>0</v>
      </c>
      <c r="FN17" s="301"/>
      <c r="FO17" s="296">
        <v>0</v>
      </c>
      <c r="FP17" s="296">
        <v>0</v>
      </c>
      <c r="FQ17" s="296">
        <v>0</v>
      </c>
      <c r="FR17" s="296">
        <v>0</v>
      </c>
      <c r="FS17" s="296">
        <v>0</v>
      </c>
      <c r="FT17" s="299">
        <v>0</v>
      </c>
      <c r="FU17" s="300">
        <v>0</v>
      </c>
      <c r="FV17" s="295">
        <v>0</v>
      </c>
      <c r="FW17" s="296">
        <v>0</v>
      </c>
      <c r="FX17" s="297">
        <v>0</v>
      </c>
      <c r="FY17" s="298">
        <v>0</v>
      </c>
      <c r="FZ17" s="296">
        <v>12321</v>
      </c>
      <c r="GA17" s="296">
        <v>42865</v>
      </c>
      <c r="GB17" s="296">
        <v>72885</v>
      </c>
      <c r="GC17" s="296">
        <v>112476</v>
      </c>
      <c r="GD17" s="296">
        <v>34378</v>
      </c>
      <c r="GE17" s="299">
        <v>274925</v>
      </c>
      <c r="GF17" s="300">
        <v>274925</v>
      </c>
      <c r="GG17" s="295">
        <v>0</v>
      </c>
      <c r="GH17" s="296">
        <v>0</v>
      </c>
      <c r="GI17" s="297">
        <v>0</v>
      </c>
      <c r="GJ17" s="298">
        <v>0</v>
      </c>
      <c r="GK17" s="296">
        <v>0</v>
      </c>
      <c r="GL17" s="296">
        <v>0</v>
      </c>
      <c r="GM17" s="296">
        <v>0</v>
      </c>
      <c r="GN17" s="296">
        <v>2116</v>
      </c>
      <c r="GO17" s="296">
        <v>0</v>
      </c>
      <c r="GP17" s="299">
        <v>2116</v>
      </c>
      <c r="GQ17" s="300">
        <v>2116</v>
      </c>
      <c r="GR17" s="295">
        <v>0</v>
      </c>
      <c r="GS17" s="296">
        <v>0</v>
      </c>
      <c r="GT17" s="297">
        <v>0</v>
      </c>
      <c r="GU17" s="298">
        <v>0</v>
      </c>
      <c r="GV17" s="296">
        <v>0</v>
      </c>
      <c r="GW17" s="296">
        <v>0</v>
      </c>
      <c r="GX17" s="296">
        <v>0</v>
      </c>
      <c r="GY17" s="296">
        <v>0</v>
      </c>
      <c r="GZ17" s="296">
        <v>0</v>
      </c>
      <c r="HA17" s="299">
        <v>0</v>
      </c>
      <c r="HB17" s="300">
        <v>0</v>
      </c>
      <c r="HC17" s="295">
        <v>0</v>
      </c>
      <c r="HD17" s="296">
        <v>0</v>
      </c>
      <c r="HE17" s="297">
        <v>0</v>
      </c>
      <c r="HF17" s="301"/>
      <c r="HG17" s="296">
        <v>0</v>
      </c>
      <c r="HH17" s="296">
        <v>0</v>
      </c>
      <c r="HI17" s="296">
        <v>0</v>
      </c>
      <c r="HJ17" s="296">
        <v>0</v>
      </c>
      <c r="HK17" s="296">
        <v>0</v>
      </c>
      <c r="HL17" s="299">
        <v>0</v>
      </c>
      <c r="HM17" s="300">
        <v>0</v>
      </c>
      <c r="HN17" s="295">
        <v>0</v>
      </c>
      <c r="HO17" s="296">
        <v>0</v>
      </c>
      <c r="HP17" s="297">
        <v>0</v>
      </c>
      <c r="HQ17" s="298">
        <v>0</v>
      </c>
      <c r="HR17" s="296">
        <v>121128</v>
      </c>
      <c r="HS17" s="296">
        <v>28037</v>
      </c>
      <c r="HT17" s="296">
        <v>1124998</v>
      </c>
      <c r="HU17" s="296">
        <v>1949017</v>
      </c>
      <c r="HV17" s="296">
        <v>1643619</v>
      </c>
      <c r="HW17" s="299">
        <v>4866799</v>
      </c>
      <c r="HX17" s="300">
        <v>4866799</v>
      </c>
    </row>
    <row r="18" spans="1:232" ht="16.5" customHeight="1" x14ac:dyDescent="0.2">
      <c r="A18" s="293" t="s">
        <v>15</v>
      </c>
      <c r="B18" s="295">
        <v>0</v>
      </c>
      <c r="C18" s="296">
        <v>0</v>
      </c>
      <c r="D18" s="297">
        <v>0</v>
      </c>
      <c r="E18" s="298">
        <v>0</v>
      </c>
      <c r="F18" s="296">
        <v>206785</v>
      </c>
      <c r="G18" s="296">
        <v>573157</v>
      </c>
      <c r="H18" s="296">
        <v>1628445</v>
      </c>
      <c r="I18" s="296">
        <v>1999393</v>
      </c>
      <c r="J18" s="296">
        <v>1119477</v>
      </c>
      <c r="K18" s="299">
        <v>5527257</v>
      </c>
      <c r="L18" s="300">
        <v>5527257</v>
      </c>
      <c r="M18" s="295">
        <v>0</v>
      </c>
      <c r="N18" s="296">
        <v>0</v>
      </c>
      <c r="O18" s="297">
        <v>0</v>
      </c>
      <c r="P18" s="301"/>
      <c r="Q18" s="296">
        <v>0</v>
      </c>
      <c r="R18" s="296">
        <v>34350</v>
      </c>
      <c r="S18" s="296">
        <v>993520</v>
      </c>
      <c r="T18" s="296">
        <v>1269360</v>
      </c>
      <c r="U18" s="296">
        <v>858250</v>
      </c>
      <c r="V18" s="299">
        <v>3155480</v>
      </c>
      <c r="W18" s="300">
        <v>3155480</v>
      </c>
      <c r="X18" s="295">
        <v>0</v>
      </c>
      <c r="Y18" s="296">
        <v>0</v>
      </c>
      <c r="Z18" s="297">
        <v>0</v>
      </c>
      <c r="AA18" s="301"/>
      <c r="AB18" s="296">
        <v>204755</v>
      </c>
      <c r="AC18" s="296">
        <v>444140</v>
      </c>
      <c r="AD18" s="296">
        <v>388890</v>
      </c>
      <c r="AE18" s="296">
        <v>513065</v>
      </c>
      <c r="AF18" s="296">
        <v>131550</v>
      </c>
      <c r="AG18" s="299">
        <v>1682400</v>
      </c>
      <c r="AH18" s="300">
        <v>1682400</v>
      </c>
      <c r="AI18" s="295">
        <v>0</v>
      </c>
      <c r="AJ18" s="296">
        <v>0</v>
      </c>
      <c r="AK18" s="297">
        <v>0</v>
      </c>
      <c r="AL18" s="301"/>
      <c r="AM18" s="296">
        <v>0</v>
      </c>
      <c r="AN18" s="296">
        <v>0</v>
      </c>
      <c r="AO18" s="296">
        <v>0</v>
      </c>
      <c r="AP18" s="296">
        <v>0</v>
      </c>
      <c r="AQ18" s="296">
        <v>2550</v>
      </c>
      <c r="AR18" s="299">
        <v>2550</v>
      </c>
      <c r="AS18" s="300">
        <v>2550</v>
      </c>
      <c r="AT18" s="295">
        <v>0</v>
      </c>
      <c r="AU18" s="296">
        <v>0</v>
      </c>
      <c r="AV18" s="297">
        <v>0</v>
      </c>
      <c r="AW18" s="301"/>
      <c r="AX18" s="296">
        <v>0</v>
      </c>
      <c r="AY18" s="296">
        <v>0</v>
      </c>
      <c r="AZ18" s="296">
        <v>0</v>
      </c>
      <c r="BA18" s="296">
        <v>0</v>
      </c>
      <c r="BB18" s="296">
        <v>0</v>
      </c>
      <c r="BC18" s="299">
        <v>0</v>
      </c>
      <c r="BD18" s="300">
        <v>0</v>
      </c>
      <c r="BE18" s="295">
        <v>0</v>
      </c>
      <c r="BF18" s="296">
        <v>0</v>
      </c>
      <c r="BG18" s="297">
        <v>0</v>
      </c>
      <c r="BH18" s="301"/>
      <c r="BI18" s="296">
        <v>0</v>
      </c>
      <c r="BJ18" s="296">
        <v>0</v>
      </c>
      <c r="BK18" s="296">
        <v>164475</v>
      </c>
      <c r="BL18" s="296">
        <v>41405</v>
      </c>
      <c r="BM18" s="296">
        <v>48380</v>
      </c>
      <c r="BN18" s="299">
        <v>254260</v>
      </c>
      <c r="BO18" s="300">
        <v>254260</v>
      </c>
      <c r="BP18" s="295">
        <v>0</v>
      </c>
      <c r="BQ18" s="296">
        <v>0</v>
      </c>
      <c r="BR18" s="297">
        <v>0</v>
      </c>
      <c r="BS18" s="298">
        <v>0</v>
      </c>
      <c r="BT18" s="296">
        <v>2030</v>
      </c>
      <c r="BU18" s="296">
        <v>94667</v>
      </c>
      <c r="BV18" s="296">
        <v>76356</v>
      </c>
      <c r="BW18" s="296">
        <v>175563</v>
      </c>
      <c r="BX18" s="296">
        <v>78747</v>
      </c>
      <c r="BY18" s="299">
        <v>427363</v>
      </c>
      <c r="BZ18" s="300">
        <v>427363</v>
      </c>
      <c r="CA18" s="295">
        <v>0</v>
      </c>
      <c r="CB18" s="296">
        <v>0</v>
      </c>
      <c r="CC18" s="297">
        <v>0</v>
      </c>
      <c r="CD18" s="298">
        <v>0</v>
      </c>
      <c r="CE18" s="296">
        <v>0</v>
      </c>
      <c r="CF18" s="296">
        <v>0</v>
      </c>
      <c r="CG18" s="296">
        <v>5204</v>
      </c>
      <c r="CH18" s="296">
        <v>0</v>
      </c>
      <c r="CI18" s="296">
        <v>0</v>
      </c>
      <c r="CJ18" s="299">
        <v>5204</v>
      </c>
      <c r="CK18" s="300">
        <v>5204</v>
      </c>
      <c r="CL18" s="295">
        <v>0</v>
      </c>
      <c r="CM18" s="296">
        <v>0</v>
      </c>
      <c r="CN18" s="297">
        <v>0</v>
      </c>
      <c r="CO18" s="298">
        <v>0</v>
      </c>
      <c r="CP18" s="296">
        <v>0</v>
      </c>
      <c r="CQ18" s="296">
        <v>0</v>
      </c>
      <c r="CR18" s="296">
        <v>0</v>
      </c>
      <c r="CS18" s="296">
        <v>0</v>
      </c>
      <c r="CT18" s="296">
        <v>0</v>
      </c>
      <c r="CU18" s="299">
        <v>0</v>
      </c>
      <c r="CV18" s="300">
        <v>0</v>
      </c>
      <c r="CW18" s="295">
        <v>0</v>
      </c>
      <c r="CX18" s="296">
        <v>0</v>
      </c>
      <c r="CY18" s="297">
        <v>0</v>
      </c>
      <c r="CZ18" s="301"/>
      <c r="DA18" s="296">
        <v>0</v>
      </c>
      <c r="DB18" s="296">
        <v>0</v>
      </c>
      <c r="DC18" s="296">
        <v>0</v>
      </c>
      <c r="DD18" s="296">
        <v>0</v>
      </c>
      <c r="DE18" s="296">
        <v>0</v>
      </c>
      <c r="DF18" s="299">
        <v>0</v>
      </c>
      <c r="DG18" s="300">
        <v>0</v>
      </c>
      <c r="DH18" s="295">
        <v>0</v>
      </c>
      <c r="DI18" s="296">
        <v>0</v>
      </c>
      <c r="DJ18" s="297">
        <v>0</v>
      </c>
      <c r="DK18" s="298">
        <v>0</v>
      </c>
      <c r="DL18" s="296">
        <v>21834</v>
      </c>
      <c r="DM18" s="296">
        <v>210002</v>
      </c>
      <c r="DN18" s="296">
        <v>1640291</v>
      </c>
      <c r="DO18" s="296">
        <v>1771645</v>
      </c>
      <c r="DP18" s="296">
        <v>1134662</v>
      </c>
      <c r="DQ18" s="299">
        <v>4778434</v>
      </c>
      <c r="DR18" s="302">
        <v>4778434</v>
      </c>
      <c r="DS18" s="295">
        <v>0</v>
      </c>
      <c r="DT18" s="296">
        <v>0</v>
      </c>
      <c r="DU18" s="297">
        <v>0</v>
      </c>
      <c r="DV18" s="301"/>
      <c r="DW18" s="296">
        <v>0</v>
      </c>
      <c r="DX18" s="296">
        <v>25650</v>
      </c>
      <c r="DY18" s="296">
        <v>1164153</v>
      </c>
      <c r="DZ18" s="296">
        <v>1403381</v>
      </c>
      <c r="EA18" s="296">
        <v>883461</v>
      </c>
      <c r="EB18" s="299">
        <v>3476645</v>
      </c>
      <c r="EC18" s="300">
        <v>3476645</v>
      </c>
      <c r="ED18" s="295">
        <v>0</v>
      </c>
      <c r="EE18" s="296">
        <v>0</v>
      </c>
      <c r="EF18" s="297">
        <v>0</v>
      </c>
      <c r="EG18" s="301"/>
      <c r="EH18" s="296">
        <v>13368</v>
      </c>
      <c r="EI18" s="296">
        <v>100702</v>
      </c>
      <c r="EJ18" s="296">
        <v>24959</v>
      </c>
      <c r="EK18" s="296">
        <v>37291</v>
      </c>
      <c r="EL18" s="296">
        <v>57690</v>
      </c>
      <c r="EM18" s="299">
        <v>234010</v>
      </c>
      <c r="EN18" s="300">
        <v>234010</v>
      </c>
      <c r="EO18" s="295">
        <v>0</v>
      </c>
      <c r="EP18" s="296">
        <v>0</v>
      </c>
      <c r="EQ18" s="297">
        <v>0</v>
      </c>
      <c r="ER18" s="301"/>
      <c r="ES18" s="296">
        <v>0</v>
      </c>
      <c r="ET18" s="296">
        <v>0</v>
      </c>
      <c r="EU18" s="296">
        <v>0</v>
      </c>
      <c r="EV18" s="296">
        <v>0</v>
      </c>
      <c r="EW18" s="296">
        <v>210</v>
      </c>
      <c r="EX18" s="299">
        <v>210</v>
      </c>
      <c r="EY18" s="300">
        <v>210</v>
      </c>
      <c r="EZ18" s="295">
        <v>0</v>
      </c>
      <c r="FA18" s="296">
        <v>0</v>
      </c>
      <c r="FB18" s="297">
        <v>0</v>
      </c>
      <c r="FC18" s="301"/>
      <c r="FD18" s="296">
        <v>0</v>
      </c>
      <c r="FE18" s="296">
        <v>0</v>
      </c>
      <c r="FF18" s="296">
        <v>0</v>
      </c>
      <c r="FG18" s="296">
        <v>0</v>
      </c>
      <c r="FH18" s="296">
        <v>0</v>
      </c>
      <c r="FI18" s="299">
        <v>0</v>
      </c>
      <c r="FJ18" s="300">
        <v>0</v>
      </c>
      <c r="FK18" s="295">
        <v>0</v>
      </c>
      <c r="FL18" s="296">
        <v>0</v>
      </c>
      <c r="FM18" s="297">
        <v>0</v>
      </c>
      <c r="FN18" s="301"/>
      <c r="FO18" s="296">
        <v>0</v>
      </c>
      <c r="FP18" s="296">
        <v>0</v>
      </c>
      <c r="FQ18" s="296">
        <v>278040</v>
      </c>
      <c r="FR18" s="296">
        <v>111360</v>
      </c>
      <c r="FS18" s="296">
        <v>102496</v>
      </c>
      <c r="FT18" s="299">
        <v>491896</v>
      </c>
      <c r="FU18" s="300">
        <v>491896</v>
      </c>
      <c r="FV18" s="295">
        <v>0</v>
      </c>
      <c r="FW18" s="296">
        <v>0</v>
      </c>
      <c r="FX18" s="297">
        <v>0</v>
      </c>
      <c r="FY18" s="298">
        <v>0</v>
      </c>
      <c r="FZ18" s="296">
        <v>8466</v>
      </c>
      <c r="GA18" s="296">
        <v>83650</v>
      </c>
      <c r="GB18" s="296">
        <v>164997</v>
      </c>
      <c r="GC18" s="296">
        <v>219613</v>
      </c>
      <c r="GD18" s="296">
        <v>90805</v>
      </c>
      <c r="GE18" s="299">
        <v>567531</v>
      </c>
      <c r="GF18" s="300">
        <v>567531</v>
      </c>
      <c r="GG18" s="295">
        <v>0</v>
      </c>
      <c r="GH18" s="296">
        <v>0</v>
      </c>
      <c r="GI18" s="297">
        <v>0</v>
      </c>
      <c r="GJ18" s="298">
        <v>0</v>
      </c>
      <c r="GK18" s="296">
        <v>0</v>
      </c>
      <c r="GL18" s="296">
        <v>0</v>
      </c>
      <c r="GM18" s="296">
        <v>8142</v>
      </c>
      <c r="GN18" s="296">
        <v>0</v>
      </c>
      <c r="GO18" s="296">
        <v>0</v>
      </c>
      <c r="GP18" s="299">
        <v>8142</v>
      </c>
      <c r="GQ18" s="300">
        <v>8142</v>
      </c>
      <c r="GR18" s="295">
        <v>0</v>
      </c>
      <c r="GS18" s="296">
        <v>0</v>
      </c>
      <c r="GT18" s="297">
        <v>0</v>
      </c>
      <c r="GU18" s="298">
        <v>0</v>
      </c>
      <c r="GV18" s="296">
        <v>0</v>
      </c>
      <c r="GW18" s="296">
        <v>0</v>
      </c>
      <c r="GX18" s="296">
        <v>0</v>
      </c>
      <c r="GY18" s="296">
        <v>0</v>
      </c>
      <c r="GZ18" s="296">
        <v>0</v>
      </c>
      <c r="HA18" s="299">
        <v>0</v>
      </c>
      <c r="HB18" s="300">
        <v>0</v>
      </c>
      <c r="HC18" s="295">
        <v>0</v>
      </c>
      <c r="HD18" s="296">
        <v>0</v>
      </c>
      <c r="HE18" s="297">
        <v>0</v>
      </c>
      <c r="HF18" s="301"/>
      <c r="HG18" s="296">
        <v>0</v>
      </c>
      <c r="HH18" s="296">
        <v>0</v>
      </c>
      <c r="HI18" s="296">
        <v>0</v>
      </c>
      <c r="HJ18" s="296">
        <v>0</v>
      </c>
      <c r="HK18" s="296">
        <v>0</v>
      </c>
      <c r="HL18" s="299">
        <v>0</v>
      </c>
      <c r="HM18" s="300">
        <v>0</v>
      </c>
      <c r="HN18" s="295">
        <v>0</v>
      </c>
      <c r="HO18" s="296">
        <v>0</v>
      </c>
      <c r="HP18" s="297">
        <v>0</v>
      </c>
      <c r="HQ18" s="298">
        <v>0</v>
      </c>
      <c r="HR18" s="296">
        <v>228619</v>
      </c>
      <c r="HS18" s="296">
        <v>783159</v>
      </c>
      <c r="HT18" s="296">
        <v>3268736</v>
      </c>
      <c r="HU18" s="296">
        <v>3771038</v>
      </c>
      <c r="HV18" s="296">
        <v>2254139</v>
      </c>
      <c r="HW18" s="299">
        <v>10305691</v>
      </c>
      <c r="HX18" s="300">
        <v>10305691</v>
      </c>
    </row>
    <row r="19" spans="1:232" ht="16.5" customHeight="1" x14ac:dyDescent="0.2">
      <c r="A19" s="293" t="s">
        <v>16</v>
      </c>
      <c r="B19" s="295">
        <v>0</v>
      </c>
      <c r="C19" s="296">
        <v>725</v>
      </c>
      <c r="D19" s="297">
        <v>725</v>
      </c>
      <c r="E19" s="298">
        <v>0</v>
      </c>
      <c r="F19" s="296">
        <v>380689</v>
      </c>
      <c r="G19" s="296">
        <v>972620</v>
      </c>
      <c r="H19" s="296">
        <v>2791349</v>
      </c>
      <c r="I19" s="296">
        <v>3320477</v>
      </c>
      <c r="J19" s="296">
        <v>2098521</v>
      </c>
      <c r="K19" s="299">
        <v>9563656</v>
      </c>
      <c r="L19" s="300">
        <v>9564381</v>
      </c>
      <c r="M19" s="295">
        <v>0</v>
      </c>
      <c r="N19" s="296">
        <v>0</v>
      </c>
      <c r="O19" s="297">
        <v>0</v>
      </c>
      <c r="P19" s="301"/>
      <c r="Q19" s="296">
        <v>68250</v>
      </c>
      <c r="R19" s="296">
        <v>159823</v>
      </c>
      <c r="S19" s="296">
        <v>1764572</v>
      </c>
      <c r="T19" s="296">
        <v>2230102</v>
      </c>
      <c r="U19" s="296">
        <v>1551108</v>
      </c>
      <c r="V19" s="299">
        <v>5773855</v>
      </c>
      <c r="W19" s="300">
        <v>5773855</v>
      </c>
      <c r="X19" s="295">
        <v>0</v>
      </c>
      <c r="Y19" s="296">
        <v>0</v>
      </c>
      <c r="Z19" s="297">
        <v>0</v>
      </c>
      <c r="AA19" s="301"/>
      <c r="AB19" s="296">
        <v>265625</v>
      </c>
      <c r="AC19" s="296">
        <v>750758</v>
      </c>
      <c r="AD19" s="296">
        <v>746660</v>
      </c>
      <c r="AE19" s="296">
        <v>851523</v>
      </c>
      <c r="AF19" s="296">
        <v>275080</v>
      </c>
      <c r="AG19" s="299">
        <v>2889646</v>
      </c>
      <c r="AH19" s="300">
        <v>2889646</v>
      </c>
      <c r="AI19" s="295">
        <v>0</v>
      </c>
      <c r="AJ19" s="296">
        <v>0</v>
      </c>
      <c r="AK19" s="297">
        <v>0</v>
      </c>
      <c r="AL19" s="301"/>
      <c r="AM19" s="296">
        <v>0</v>
      </c>
      <c r="AN19" s="296">
        <v>0</v>
      </c>
      <c r="AO19" s="296">
        <v>0</v>
      </c>
      <c r="AP19" s="296">
        <v>0</v>
      </c>
      <c r="AQ19" s="296">
        <v>2550</v>
      </c>
      <c r="AR19" s="299">
        <v>2550</v>
      </c>
      <c r="AS19" s="300">
        <v>2550</v>
      </c>
      <c r="AT19" s="295">
        <v>0</v>
      </c>
      <c r="AU19" s="296">
        <v>0</v>
      </c>
      <c r="AV19" s="297">
        <v>0</v>
      </c>
      <c r="AW19" s="301"/>
      <c r="AX19" s="296">
        <v>0</v>
      </c>
      <c r="AY19" s="296">
        <v>0</v>
      </c>
      <c r="AZ19" s="296">
        <v>66000</v>
      </c>
      <c r="BA19" s="296">
        <v>105300</v>
      </c>
      <c r="BB19" s="296">
        <v>123642</v>
      </c>
      <c r="BC19" s="299">
        <v>294942</v>
      </c>
      <c r="BD19" s="300">
        <v>294942</v>
      </c>
      <c r="BE19" s="295">
        <v>0</v>
      </c>
      <c r="BF19" s="296">
        <v>0</v>
      </c>
      <c r="BG19" s="297">
        <v>0</v>
      </c>
      <c r="BH19" s="301"/>
      <c r="BI19" s="296">
        <v>2550</v>
      </c>
      <c r="BJ19" s="296">
        <v>26400</v>
      </c>
      <c r="BK19" s="296">
        <v>74755</v>
      </c>
      <c r="BL19" s="296">
        <v>72565</v>
      </c>
      <c r="BM19" s="296">
        <v>98030</v>
      </c>
      <c r="BN19" s="299">
        <v>274300</v>
      </c>
      <c r="BO19" s="300">
        <v>274300</v>
      </c>
      <c r="BP19" s="295">
        <v>0</v>
      </c>
      <c r="BQ19" s="296">
        <v>725</v>
      </c>
      <c r="BR19" s="297">
        <v>725</v>
      </c>
      <c r="BS19" s="298">
        <v>0</v>
      </c>
      <c r="BT19" s="296">
        <v>44111</v>
      </c>
      <c r="BU19" s="296">
        <v>34723</v>
      </c>
      <c r="BV19" s="296">
        <v>139362</v>
      </c>
      <c r="BW19" s="296">
        <v>51612</v>
      </c>
      <c r="BX19" s="296">
        <v>48111</v>
      </c>
      <c r="BY19" s="299">
        <v>317919</v>
      </c>
      <c r="BZ19" s="300">
        <v>318644</v>
      </c>
      <c r="CA19" s="295">
        <v>0</v>
      </c>
      <c r="CB19" s="296">
        <v>0</v>
      </c>
      <c r="CC19" s="297">
        <v>0</v>
      </c>
      <c r="CD19" s="298">
        <v>0</v>
      </c>
      <c r="CE19" s="296">
        <v>153</v>
      </c>
      <c r="CF19" s="296">
        <v>916</v>
      </c>
      <c r="CG19" s="296">
        <v>0</v>
      </c>
      <c r="CH19" s="296">
        <v>9375</v>
      </c>
      <c r="CI19" s="296">
        <v>0</v>
      </c>
      <c r="CJ19" s="299">
        <v>10444</v>
      </c>
      <c r="CK19" s="300">
        <v>10444</v>
      </c>
      <c r="CL19" s="295">
        <v>0</v>
      </c>
      <c r="CM19" s="296">
        <v>0</v>
      </c>
      <c r="CN19" s="297">
        <v>0</v>
      </c>
      <c r="CO19" s="298">
        <v>0</v>
      </c>
      <c r="CP19" s="296">
        <v>0</v>
      </c>
      <c r="CQ19" s="296">
        <v>0</v>
      </c>
      <c r="CR19" s="296">
        <v>0</v>
      </c>
      <c r="CS19" s="296">
        <v>0</v>
      </c>
      <c r="CT19" s="296">
        <v>0</v>
      </c>
      <c r="CU19" s="299">
        <v>0</v>
      </c>
      <c r="CV19" s="300">
        <v>0</v>
      </c>
      <c r="CW19" s="295">
        <v>0</v>
      </c>
      <c r="CX19" s="296">
        <v>0</v>
      </c>
      <c r="CY19" s="297">
        <v>0</v>
      </c>
      <c r="CZ19" s="301"/>
      <c r="DA19" s="296">
        <v>0</v>
      </c>
      <c r="DB19" s="296">
        <v>0</v>
      </c>
      <c r="DC19" s="296">
        <v>0</v>
      </c>
      <c r="DD19" s="296">
        <v>0</v>
      </c>
      <c r="DE19" s="296">
        <v>0</v>
      </c>
      <c r="DF19" s="299">
        <v>0</v>
      </c>
      <c r="DG19" s="300">
        <v>0</v>
      </c>
      <c r="DH19" s="295">
        <v>0</v>
      </c>
      <c r="DI19" s="296">
        <v>2106</v>
      </c>
      <c r="DJ19" s="297">
        <v>2106</v>
      </c>
      <c r="DK19" s="298">
        <v>0</v>
      </c>
      <c r="DL19" s="296">
        <v>359846</v>
      </c>
      <c r="DM19" s="296">
        <v>725489</v>
      </c>
      <c r="DN19" s="296">
        <v>3040901</v>
      </c>
      <c r="DO19" s="296">
        <v>3545241</v>
      </c>
      <c r="DP19" s="296">
        <v>2226692</v>
      </c>
      <c r="DQ19" s="299">
        <v>9898169</v>
      </c>
      <c r="DR19" s="302">
        <v>9900275</v>
      </c>
      <c r="DS19" s="295">
        <v>0</v>
      </c>
      <c r="DT19" s="296">
        <v>0</v>
      </c>
      <c r="DU19" s="297">
        <v>0</v>
      </c>
      <c r="DV19" s="301"/>
      <c r="DW19" s="296">
        <v>109290</v>
      </c>
      <c r="DX19" s="296">
        <v>326366</v>
      </c>
      <c r="DY19" s="296">
        <v>2439307</v>
      </c>
      <c r="DZ19" s="296">
        <v>3020157</v>
      </c>
      <c r="EA19" s="296">
        <v>1934015</v>
      </c>
      <c r="EB19" s="299">
        <v>7829135</v>
      </c>
      <c r="EC19" s="300">
        <v>7829135</v>
      </c>
      <c r="ED19" s="295">
        <v>0</v>
      </c>
      <c r="EE19" s="296">
        <v>0</v>
      </c>
      <c r="EF19" s="297">
        <v>0</v>
      </c>
      <c r="EG19" s="301"/>
      <c r="EH19" s="296">
        <v>175730</v>
      </c>
      <c r="EI19" s="296">
        <v>284088</v>
      </c>
      <c r="EJ19" s="296">
        <v>230566</v>
      </c>
      <c r="EK19" s="296">
        <v>258979</v>
      </c>
      <c r="EL19" s="296">
        <v>42433</v>
      </c>
      <c r="EM19" s="299">
        <v>991796</v>
      </c>
      <c r="EN19" s="300">
        <v>991796</v>
      </c>
      <c r="EO19" s="295">
        <v>0</v>
      </c>
      <c r="EP19" s="296">
        <v>0</v>
      </c>
      <c r="EQ19" s="297">
        <v>0</v>
      </c>
      <c r="ER19" s="301"/>
      <c r="ES19" s="296">
        <v>0</v>
      </c>
      <c r="ET19" s="296">
        <v>0</v>
      </c>
      <c r="EU19" s="296">
        <v>0</v>
      </c>
      <c r="EV19" s="296">
        <v>0</v>
      </c>
      <c r="EW19" s="296">
        <v>210</v>
      </c>
      <c r="EX19" s="299">
        <v>210</v>
      </c>
      <c r="EY19" s="300">
        <v>210</v>
      </c>
      <c r="EZ19" s="295">
        <v>0</v>
      </c>
      <c r="FA19" s="296">
        <v>0</v>
      </c>
      <c r="FB19" s="297">
        <v>0</v>
      </c>
      <c r="FC19" s="301"/>
      <c r="FD19" s="296">
        <v>0</v>
      </c>
      <c r="FE19" s="296">
        <v>0</v>
      </c>
      <c r="FF19" s="296">
        <v>11660</v>
      </c>
      <c r="FG19" s="296">
        <v>12360</v>
      </c>
      <c r="FH19" s="296">
        <v>12353</v>
      </c>
      <c r="FI19" s="299">
        <v>36373</v>
      </c>
      <c r="FJ19" s="300">
        <v>36373</v>
      </c>
      <c r="FK19" s="295">
        <v>0</v>
      </c>
      <c r="FL19" s="296">
        <v>0</v>
      </c>
      <c r="FM19" s="297">
        <v>0</v>
      </c>
      <c r="FN19" s="301"/>
      <c r="FO19" s="296">
        <v>20880</v>
      </c>
      <c r="FP19" s="296">
        <v>41760</v>
      </c>
      <c r="FQ19" s="296">
        <v>132146</v>
      </c>
      <c r="FR19" s="296">
        <v>147024</v>
      </c>
      <c r="FS19" s="296">
        <v>183216</v>
      </c>
      <c r="FT19" s="299">
        <v>525026</v>
      </c>
      <c r="FU19" s="300">
        <v>525026</v>
      </c>
      <c r="FV19" s="295">
        <v>0</v>
      </c>
      <c r="FW19" s="296">
        <v>2106</v>
      </c>
      <c r="FX19" s="297">
        <v>2106</v>
      </c>
      <c r="FY19" s="298">
        <v>0</v>
      </c>
      <c r="FZ19" s="296">
        <v>53932</v>
      </c>
      <c r="GA19" s="296">
        <v>73212</v>
      </c>
      <c r="GB19" s="296">
        <v>227222</v>
      </c>
      <c r="GC19" s="296">
        <v>94792</v>
      </c>
      <c r="GD19" s="296">
        <v>54465</v>
      </c>
      <c r="GE19" s="299">
        <v>503623</v>
      </c>
      <c r="GF19" s="300">
        <v>505729</v>
      </c>
      <c r="GG19" s="295">
        <v>0</v>
      </c>
      <c r="GH19" s="296">
        <v>0</v>
      </c>
      <c r="GI19" s="297">
        <v>0</v>
      </c>
      <c r="GJ19" s="298">
        <v>0</v>
      </c>
      <c r="GK19" s="296">
        <v>14</v>
      </c>
      <c r="GL19" s="296">
        <v>63</v>
      </c>
      <c r="GM19" s="296">
        <v>0</v>
      </c>
      <c r="GN19" s="296">
        <v>11929</v>
      </c>
      <c r="GO19" s="296">
        <v>0</v>
      </c>
      <c r="GP19" s="299">
        <v>12006</v>
      </c>
      <c r="GQ19" s="300">
        <v>12006</v>
      </c>
      <c r="GR19" s="295">
        <v>0</v>
      </c>
      <c r="GS19" s="296">
        <v>0</v>
      </c>
      <c r="GT19" s="297">
        <v>0</v>
      </c>
      <c r="GU19" s="298">
        <v>0</v>
      </c>
      <c r="GV19" s="296">
        <v>0</v>
      </c>
      <c r="GW19" s="296">
        <v>0</v>
      </c>
      <c r="GX19" s="296">
        <v>0</v>
      </c>
      <c r="GY19" s="296">
        <v>0</v>
      </c>
      <c r="GZ19" s="296">
        <v>0</v>
      </c>
      <c r="HA19" s="299">
        <v>0</v>
      </c>
      <c r="HB19" s="300">
        <v>0</v>
      </c>
      <c r="HC19" s="295">
        <v>0</v>
      </c>
      <c r="HD19" s="296">
        <v>0</v>
      </c>
      <c r="HE19" s="297">
        <v>0</v>
      </c>
      <c r="HF19" s="301"/>
      <c r="HG19" s="296">
        <v>0</v>
      </c>
      <c r="HH19" s="296">
        <v>0</v>
      </c>
      <c r="HI19" s="296">
        <v>0</v>
      </c>
      <c r="HJ19" s="296">
        <v>0</v>
      </c>
      <c r="HK19" s="296">
        <v>0</v>
      </c>
      <c r="HL19" s="299">
        <v>0</v>
      </c>
      <c r="HM19" s="300">
        <v>0</v>
      </c>
      <c r="HN19" s="295">
        <v>0</v>
      </c>
      <c r="HO19" s="296">
        <v>2831</v>
      </c>
      <c r="HP19" s="297">
        <v>2831</v>
      </c>
      <c r="HQ19" s="298">
        <v>0</v>
      </c>
      <c r="HR19" s="296">
        <v>740535</v>
      </c>
      <c r="HS19" s="296">
        <v>1698109</v>
      </c>
      <c r="HT19" s="296">
        <v>5832250</v>
      </c>
      <c r="HU19" s="296">
        <v>6865718</v>
      </c>
      <c r="HV19" s="296">
        <v>4325213</v>
      </c>
      <c r="HW19" s="299">
        <v>19461825</v>
      </c>
      <c r="HX19" s="300">
        <v>19464656</v>
      </c>
    </row>
    <row r="20" spans="1:232" ht="16.5" customHeight="1" x14ac:dyDescent="0.2">
      <c r="A20" s="293" t="s">
        <v>17</v>
      </c>
      <c r="B20" s="295">
        <v>0</v>
      </c>
      <c r="C20" s="296">
        <v>0</v>
      </c>
      <c r="D20" s="297">
        <v>0</v>
      </c>
      <c r="E20" s="298">
        <v>0</v>
      </c>
      <c r="F20" s="296">
        <v>235480</v>
      </c>
      <c r="G20" s="296">
        <v>917401</v>
      </c>
      <c r="H20" s="296">
        <v>2710472</v>
      </c>
      <c r="I20" s="296">
        <v>2984560</v>
      </c>
      <c r="J20" s="296">
        <v>2465131</v>
      </c>
      <c r="K20" s="299">
        <v>9313044</v>
      </c>
      <c r="L20" s="300">
        <v>9313044</v>
      </c>
      <c r="M20" s="295">
        <v>0</v>
      </c>
      <c r="N20" s="296">
        <v>0</v>
      </c>
      <c r="O20" s="297">
        <v>0</v>
      </c>
      <c r="P20" s="301"/>
      <c r="Q20" s="296">
        <v>52800</v>
      </c>
      <c r="R20" s="296">
        <v>241935</v>
      </c>
      <c r="S20" s="296">
        <v>1567450</v>
      </c>
      <c r="T20" s="296">
        <v>2359385</v>
      </c>
      <c r="U20" s="296">
        <v>1751445</v>
      </c>
      <c r="V20" s="299">
        <v>5973015</v>
      </c>
      <c r="W20" s="300">
        <v>5973015</v>
      </c>
      <c r="X20" s="295">
        <v>0</v>
      </c>
      <c r="Y20" s="296">
        <v>0</v>
      </c>
      <c r="Z20" s="297">
        <v>0</v>
      </c>
      <c r="AA20" s="301"/>
      <c r="AB20" s="296">
        <v>126915</v>
      </c>
      <c r="AC20" s="296">
        <v>536195</v>
      </c>
      <c r="AD20" s="296">
        <v>789737</v>
      </c>
      <c r="AE20" s="296">
        <v>321871</v>
      </c>
      <c r="AF20" s="296">
        <v>246360</v>
      </c>
      <c r="AG20" s="299">
        <v>2021078</v>
      </c>
      <c r="AH20" s="300">
        <v>2021078</v>
      </c>
      <c r="AI20" s="295">
        <v>0</v>
      </c>
      <c r="AJ20" s="296">
        <v>0</v>
      </c>
      <c r="AK20" s="297">
        <v>0</v>
      </c>
      <c r="AL20" s="301"/>
      <c r="AM20" s="296">
        <v>0</v>
      </c>
      <c r="AN20" s="296">
        <v>0</v>
      </c>
      <c r="AO20" s="296">
        <v>31650</v>
      </c>
      <c r="AP20" s="296">
        <v>0</v>
      </c>
      <c r="AQ20" s="296">
        <v>425</v>
      </c>
      <c r="AR20" s="299">
        <v>32075</v>
      </c>
      <c r="AS20" s="300">
        <v>32075</v>
      </c>
      <c r="AT20" s="295">
        <v>0</v>
      </c>
      <c r="AU20" s="296">
        <v>0</v>
      </c>
      <c r="AV20" s="297">
        <v>0</v>
      </c>
      <c r="AW20" s="301"/>
      <c r="AX20" s="296">
        <v>0</v>
      </c>
      <c r="AY20" s="296">
        <v>0</v>
      </c>
      <c r="AZ20" s="296">
        <v>0</v>
      </c>
      <c r="BA20" s="296">
        <v>2550</v>
      </c>
      <c r="BB20" s="296">
        <v>60600</v>
      </c>
      <c r="BC20" s="299">
        <v>63150</v>
      </c>
      <c r="BD20" s="300">
        <v>63150</v>
      </c>
      <c r="BE20" s="295">
        <v>0</v>
      </c>
      <c r="BF20" s="296">
        <v>0</v>
      </c>
      <c r="BG20" s="297">
        <v>0</v>
      </c>
      <c r="BH20" s="301"/>
      <c r="BI20" s="296">
        <v>0</v>
      </c>
      <c r="BJ20" s="296">
        <v>2550</v>
      </c>
      <c r="BK20" s="296">
        <v>194850</v>
      </c>
      <c r="BL20" s="296">
        <v>136650</v>
      </c>
      <c r="BM20" s="296">
        <v>215250</v>
      </c>
      <c r="BN20" s="299">
        <v>549300</v>
      </c>
      <c r="BO20" s="300">
        <v>549300</v>
      </c>
      <c r="BP20" s="295">
        <v>0</v>
      </c>
      <c r="BQ20" s="296">
        <v>0</v>
      </c>
      <c r="BR20" s="297">
        <v>0</v>
      </c>
      <c r="BS20" s="298">
        <v>0</v>
      </c>
      <c r="BT20" s="296">
        <v>53080</v>
      </c>
      <c r="BU20" s="296">
        <v>125435</v>
      </c>
      <c r="BV20" s="296">
        <v>126350</v>
      </c>
      <c r="BW20" s="296">
        <v>142716</v>
      </c>
      <c r="BX20" s="296">
        <v>143146</v>
      </c>
      <c r="BY20" s="299">
        <v>590727</v>
      </c>
      <c r="BZ20" s="300">
        <v>590727</v>
      </c>
      <c r="CA20" s="295">
        <v>0</v>
      </c>
      <c r="CB20" s="296">
        <v>0</v>
      </c>
      <c r="CC20" s="297">
        <v>0</v>
      </c>
      <c r="CD20" s="298">
        <v>0</v>
      </c>
      <c r="CE20" s="296">
        <v>2685</v>
      </c>
      <c r="CF20" s="296">
        <v>11286</v>
      </c>
      <c r="CG20" s="296">
        <v>435</v>
      </c>
      <c r="CH20" s="296">
        <v>21388</v>
      </c>
      <c r="CI20" s="296">
        <v>47905</v>
      </c>
      <c r="CJ20" s="299">
        <v>83699</v>
      </c>
      <c r="CK20" s="300">
        <v>83699</v>
      </c>
      <c r="CL20" s="295">
        <v>0</v>
      </c>
      <c r="CM20" s="296">
        <v>0</v>
      </c>
      <c r="CN20" s="297">
        <v>0</v>
      </c>
      <c r="CO20" s="298">
        <v>0</v>
      </c>
      <c r="CP20" s="296">
        <v>0</v>
      </c>
      <c r="CQ20" s="296">
        <v>0</v>
      </c>
      <c r="CR20" s="296">
        <v>0</v>
      </c>
      <c r="CS20" s="296">
        <v>0</v>
      </c>
      <c r="CT20" s="296">
        <v>0</v>
      </c>
      <c r="CU20" s="299">
        <v>0</v>
      </c>
      <c r="CV20" s="300">
        <v>0</v>
      </c>
      <c r="CW20" s="295">
        <v>0</v>
      </c>
      <c r="CX20" s="296">
        <v>0</v>
      </c>
      <c r="CY20" s="297">
        <v>0</v>
      </c>
      <c r="CZ20" s="301"/>
      <c r="DA20" s="296">
        <v>0</v>
      </c>
      <c r="DB20" s="296">
        <v>0</v>
      </c>
      <c r="DC20" s="296">
        <v>0</v>
      </c>
      <c r="DD20" s="296">
        <v>0</v>
      </c>
      <c r="DE20" s="296">
        <v>0</v>
      </c>
      <c r="DF20" s="299">
        <v>0</v>
      </c>
      <c r="DG20" s="300">
        <v>0</v>
      </c>
      <c r="DH20" s="295">
        <v>0</v>
      </c>
      <c r="DI20" s="296">
        <v>0</v>
      </c>
      <c r="DJ20" s="297">
        <v>0</v>
      </c>
      <c r="DK20" s="298">
        <v>0</v>
      </c>
      <c r="DL20" s="296">
        <v>143240</v>
      </c>
      <c r="DM20" s="296">
        <v>449888</v>
      </c>
      <c r="DN20" s="296">
        <v>2891880</v>
      </c>
      <c r="DO20" s="296">
        <v>3568009</v>
      </c>
      <c r="DP20" s="296">
        <v>2795289</v>
      </c>
      <c r="DQ20" s="299">
        <v>9848306</v>
      </c>
      <c r="DR20" s="302">
        <v>9848306</v>
      </c>
      <c r="DS20" s="295">
        <v>0</v>
      </c>
      <c r="DT20" s="296">
        <v>0</v>
      </c>
      <c r="DU20" s="297">
        <v>0</v>
      </c>
      <c r="DV20" s="301"/>
      <c r="DW20" s="296">
        <v>70860</v>
      </c>
      <c r="DX20" s="296">
        <v>240976</v>
      </c>
      <c r="DY20" s="296">
        <v>2311916</v>
      </c>
      <c r="DZ20" s="296">
        <v>3153489</v>
      </c>
      <c r="EA20" s="296">
        <v>2188524</v>
      </c>
      <c r="EB20" s="299">
        <v>7965765</v>
      </c>
      <c r="EC20" s="300">
        <v>7965765</v>
      </c>
      <c r="ED20" s="295">
        <v>0</v>
      </c>
      <c r="EE20" s="296">
        <v>0</v>
      </c>
      <c r="EF20" s="297">
        <v>0</v>
      </c>
      <c r="EG20" s="301"/>
      <c r="EH20" s="296">
        <v>2590</v>
      </c>
      <c r="EI20" s="296">
        <v>49363</v>
      </c>
      <c r="EJ20" s="296">
        <v>79187</v>
      </c>
      <c r="EK20" s="296">
        <v>5523</v>
      </c>
      <c r="EL20" s="296">
        <v>21619</v>
      </c>
      <c r="EM20" s="299">
        <v>158282</v>
      </c>
      <c r="EN20" s="300">
        <v>158282</v>
      </c>
      <c r="EO20" s="295">
        <v>0</v>
      </c>
      <c r="EP20" s="296">
        <v>0</v>
      </c>
      <c r="EQ20" s="297">
        <v>0</v>
      </c>
      <c r="ER20" s="301"/>
      <c r="ES20" s="296">
        <v>0</v>
      </c>
      <c r="ET20" s="296">
        <v>0</v>
      </c>
      <c r="EU20" s="296">
        <v>0</v>
      </c>
      <c r="EV20" s="296">
        <v>0</v>
      </c>
      <c r="EW20" s="296">
        <v>210</v>
      </c>
      <c r="EX20" s="299">
        <v>210</v>
      </c>
      <c r="EY20" s="300">
        <v>210</v>
      </c>
      <c r="EZ20" s="295">
        <v>0</v>
      </c>
      <c r="FA20" s="296">
        <v>0</v>
      </c>
      <c r="FB20" s="297">
        <v>0</v>
      </c>
      <c r="FC20" s="301"/>
      <c r="FD20" s="296">
        <v>0</v>
      </c>
      <c r="FE20" s="296">
        <v>0</v>
      </c>
      <c r="FF20" s="296">
        <v>0</v>
      </c>
      <c r="FG20" s="296">
        <v>210</v>
      </c>
      <c r="FH20" s="296">
        <v>840</v>
      </c>
      <c r="FI20" s="299">
        <v>1050</v>
      </c>
      <c r="FJ20" s="300">
        <v>1050</v>
      </c>
      <c r="FK20" s="295">
        <v>0</v>
      </c>
      <c r="FL20" s="296">
        <v>0</v>
      </c>
      <c r="FM20" s="297">
        <v>0</v>
      </c>
      <c r="FN20" s="301"/>
      <c r="FO20" s="296">
        <v>0</v>
      </c>
      <c r="FP20" s="296">
        <v>10530</v>
      </c>
      <c r="FQ20" s="296">
        <v>280350</v>
      </c>
      <c r="FR20" s="296">
        <v>204990</v>
      </c>
      <c r="FS20" s="296">
        <v>402120</v>
      </c>
      <c r="FT20" s="299">
        <v>897990</v>
      </c>
      <c r="FU20" s="300">
        <v>897990</v>
      </c>
      <c r="FV20" s="295">
        <v>0</v>
      </c>
      <c r="FW20" s="296">
        <v>0</v>
      </c>
      <c r="FX20" s="297">
        <v>0</v>
      </c>
      <c r="FY20" s="298">
        <v>0</v>
      </c>
      <c r="FZ20" s="296">
        <v>69685</v>
      </c>
      <c r="GA20" s="296">
        <v>147378</v>
      </c>
      <c r="GB20" s="296">
        <v>220406</v>
      </c>
      <c r="GC20" s="296">
        <v>203608</v>
      </c>
      <c r="GD20" s="296">
        <v>165795</v>
      </c>
      <c r="GE20" s="299">
        <v>806872</v>
      </c>
      <c r="GF20" s="300">
        <v>806872</v>
      </c>
      <c r="GG20" s="295">
        <v>0</v>
      </c>
      <c r="GH20" s="296">
        <v>0</v>
      </c>
      <c r="GI20" s="297">
        <v>0</v>
      </c>
      <c r="GJ20" s="298">
        <v>0</v>
      </c>
      <c r="GK20" s="296">
        <v>105</v>
      </c>
      <c r="GL20" s="296">
        <v>1641</v>
      </c>
      <c r="GM20" s="296">
        <v>21</v>
      </c>
      <c r="GN20" s="296">
        <v>189</v>
      </c>
      <c r="GO20" s="296">
        <v>16181</v>
      </c>
      <c r="GP20" s="299">
        <v>18137</v>
      </c>
      <c r="GQ20" s="300">
        <v>18137</v>
      </c>
      <c r="GR20" s="295">
        <v>0</v>
      </c>
      <c r="GS20" s="296">
        <v>0</v>
      </c>
      <c r="GT20" s="297">
        <v>0</v>
      </c>
      <c r="GU20" s="298">
        <v>0</v>
      </c>
      <c r="GV20" s="296">
        <v>0</v>
      </c>
      <c r="GW20" s="296">
        <v>0</v>
      </c>
      <c r="GX20" s="296">
        <v>0</v>
      </c>
      <c r="GY20" s="296">
        <v>0</v>
      </c>
      <c r="GZ20" s="296">
        <v>0</v>
      </c>
      <c r="HA20" s="299">
        <v>0</v>
      </c>
      <c r="HB20" s="300">
        <v>0</v>
      </c>
      <c r="HC20" s="295">
        <v>0</v>
      </c>
      <c r="HD20" s="296">
        <v>0</v>
      </c>
      <c r="HE20" s="297">
        <v>0</v>
      </c>
      <c r="HF20" s="301"/>
      <c r="HG20" s="296">
        <v>0</v>
      </c>
      <c r="HH20" s="296">
        <v>0</v>
      </c>
      <c r="HI20" s="296">
        <v>0</v>
      </c>
      <c r="HJ20" s="296">
        <v>0</v>
      </c>
      <c r="HK20" s="296">
        <v>0</v>
      </c>
      <c r="HL20" s="299">
        <v>0</v>
      </c>
      <c r="HM20" s="300">
        <v>0</v>
      </c>
      <c r="HN20" s="295">
        <v>0</v>
      </c>
      <c r="HO20" s="296">
        <v>0</v>
      </c>
      <c r="HP20" s="297">
        <v>0</v>
      </c>
      <c r="HQ20" s="298">
        <v>0</v>
      </c>
      <c r="HR20" s="296">
        <v>378720</v>
      </c>
      <c r="HS20" s="296">
        <v>1367289</v>
      </c>
      <c r="HT20" s="296">
        <v>5602352</v>
      </c>
      <c r="HU20" s="296">
        <v>6552569</v>
      </c>
      <c r="HV20" s="296">
        <v>5260420</v>
      </c>
      <c r="HW20" s="299">
        <v>19161350</v>
      </c>
      <c r="HX20" s="300">
        <v>19161350</v>
      </c>
    </row>
    <row r="21" spans="1:232" ht="16.5" customHeight="1" x14ac:dyDescent="0.2">
      <c r="A21" s="293" t="s">
        <v>18</v>
      </c>
      <c r="B21" s="295">
        <v>0</v>
      </c>
      <c r="C21" s="296">
        <v>0</v>
      </c>
      <c r="D21" s="297">
        <v>0</v>
      </c>
      <c r="E21" s="298">
        <v>0</v>
      </c>
      <c r="F21" s="296">
        <v>340945</v>
      </c>
      <c r="G21" s="296">
        <v>432600</v>
      </c>
      <c r="H21" s="296">
        <v>2150530</v>
      </c>
      <c r="I21" s="296">
        <v>3605001</v>
      </c>
      <c r="J21" s="296">
        <v>2911405</v>
      </c>
      <c r="K21" s="299">
        <v>9440481</v>
      </c>
      <c r="L21" s="300">
        <v>9440481</v>
      </c>
      <c r="M21" s="295">
        <v>0</v>
      </c>
      <c r="N21" s="296">
        <v>0</v>
      </c>
      <c r="O21" s="297">
        <v>0</v>
      </c>
      <c r="P21" s="301"/>
      <c r="Q21" s="296">
        <v>27000</v>
      </c>
      <c r="R21" s="296">
        <v>102300</v>
      </c>
      <c r="S21" s="296">
        <v>1306145</v>
      </c>
      <c r="T21" s="296">
        <v>2511385</v>
      </c>
      <c r="U21" s="296">
        <v>2269685</v>
      </c>
      <c r="V21" s="299">
        <v>6216515</v>
      </c>
      <c r="W21" s="300">
        <v>6216515</v>
      </c>
      <c r="X21" s="295">
        <v>0</v>
      </c>
      <c r="Y21" s="296">
        <v>0</v>
      </c>
      <c r="Z21" s="297">
        <v>0</v>
      </c>
      <c r="AA21" s="301"/>
      <c r="AB21" s="296">
        <v>261055</v>
      </c>
      <c r="AC21" s="296">
        <v>247455</v>
      </c>
      <c r="AD21" s="296">
        <v>510150</v>
      </c>
      <c r="AE21" s="296">
        <v>666650</v>
      </c>
      <c r="AF21" s="296">
        <v>372910</v>
      </c>
      <c r="AG21" s="299">
        <v>2058220</v>
      </c>
      <c r="AH21" s="300">
        <v>2058220</v>
      </c>
      <c r="AI21" s="295">
        <v>0</v>
      </c>
      <c r="AJ21" s="296">
        <v>0</v>
      </c>
      <c r="AK21" s="297">
        <v>0</v>
      </c>
      <c r="AL21" s="301"/>
      <c r="AM21" s="296">
        <v>0</v>
      </c>
      <c r="AN21" s="296">
        <v>0</v>
      </c>
      <c r="AO21" s="296">
        <v>0</v>
      </c>
      <c r="AP21" s="296">
        <v>2550</v>
      </c>
      <c r="AQ21" s="296">
        <v>70315</v>
      </c>
      <c r="AR21" s="299">
        <v>72865</v>
      </c>
      <c r="AS21" s="300">
        <v>72865</v>
      </c>
      <c r="AT21" s="295">
        <v>0</v>
      </c>
      <c r="AU21" s="296">
        <v>0</v>
      </c>
      <c r="AV21" s="297">
        <v>0</v>
      </c>
      <c r="AW21" s="301"/>
      <c r="AX21" s="296">
        <v>0</v>
      </c>
      <c r="AY21" s="296">
        <v>0</v>
      </c>
      <c r="AZ21" s="296">
        <v>0</v>
      </c>
      <c r="BA21" s="296">
        <v>50250</v>
      </c>
      <c r="BB21" s="296">
        <v>106095</v>
      </c>
      <c r="BC21" s="299">
        <v>156345</v>
      </c>
      <c r="BD21" s="300">
        <v>156345</v>
      </c>
      <c r="BE21" s="295">
        <v>0</v>
      </c>
      <c r="BF21" s="296">
        <v>0</v>
      </c>
      <c r="BG21" s="297">
        <v>0</v>
      </c>
      <c r="BH21" s="301"/>
      <c r="BI21" s="296">
        <v>0</v>
      </c>
      <c r="BJ21" s="296">
        <v>31650</v>
      </c>
      <c r="BK21" s="296">
        <v>41850</v>
      </c>
      <c r="BL21" s="296">
        <v>107550</v>
      </c>
      <c r="BM21" s="296">
        <v>5100</v>
      </c>
      <c r="BN21" s="299">
        <v>186150</v>
      </c>
      <c r="BO21" s="300">
        <v>186150</v>
      </c>
      <c r="BP21" s="295">
        <v>0</v>
      </c>
      <c r="BQ21" s="296">
        <v>0</v>
      </c>
      <c r="BR21" s="297">
        <v>0</v>
      </c>
      <c r="BS21" s="298">
        <v>0</v>
      </c>
      <c r="BT21" s="296">
        <v>52890</v>
      </c>
      <c r="BU21" s="296">
        <v>51195</v>
      </c>
      <c r="BV21" s="296">
        <v>292385</v>
      </c>
      <c r="BW21" s="296">
        <v>256061</v>
      </c>
      <c r="BX21" s="296">
        <v>87300</v>
      </c>
      <c r="BY21" s="299">
        <v>739831</v>
      </c>
      <c r="BZ21" s="300">
        <v>739831</v>
      </c>
      <c r="CA21" s="295">
        <v>0</v>
      </c>
      <c r="CB21" s="296">
        <v>0</v>
      </c>
      <c r="CC21" s="297">
        <v>0</v>
      </c>
      <c r="CD21" s="298">
        <v>0</v>
      </c>
      <c r="CE21" s="296">
        <v>0</v>
      </c>
      <c r="CF21" s="296">
        <v>0</v>
      </c>
      <c r="CG21" s="296">
        <v>0</v>
      </c>
      <c r="CH21" s="296">
        <v>10555</v>
      </c>
      <c r="CI21" s="296">
        <v>0</v>
      </c>
      <c r="CJ21" s="299">
        <v>10555</v>
      </c>
      <c r="CK21" s="300">
        <v>10555</v>
      </c>
      <c r="CL21" s="295">
        <v>0</v>
      </c>
      <c r="CM21" s="296">
        <v>0</v>
      </c>
      <c r="CN21" s="297">
        <v>0</v>
      </c>
      <c r="CO21" s="298">
        <v>0</v>
      </c>
      <c r="CP21" s="296">
        <v>0</v>
      </c>
      <c r="CQ21" s="296">
        <v>0</v>
      </c>
      <c r="CR21" s="296">
        <v>0</v>
      </c>
      <c r="CS21" s="296">
        <v>0</v>
      </c>
      <c r="CT21" s="296">
        <v>0</v>
      </c>
      <c r="CU21" s="299">
        <v>0</v>
      </c>
      <c r="CV21" s="300">
        <v>0</v>
      </c>
      <c r="CW21" s="295">
        <v>0</v>
      </c>
      <c r="CX21" s="296">
        <v>0</v>
      </c>
      <c r="CY21" s="297">
        <v>0</v>
      </c>
      <c r="CZ21" s="301"/>
      <c r="DA21" s="296">
        <v>0</v>
      </c>
      <c r="DB21" s="296">
        <v>0</v>
      </c>
      <c r="DC21" s="296">
        <v>0</v>
      </c>
      <c r="DD21" s="296">
        <v>0</v>
      </c>
      <c r="DE21" s="296">
        <v>0</v>
      </c>
      <c r="DF21" s="299">
        <v>0</v>
      </c>
      <c r="DG21" s="300">
        <v>0</v>
      </c>
      <c r="DH21" s="295">
        <v>0</v>
      </c>
      <c r="DI21" s="296">
        <v>0</v>
      </c>
      <c r="DJ21" s="297">
        <v>0</v>
      </c>
      <c r="DK21" s="298">
        <v>0</v>
      </c>
      <c r="DL21" s="296">
        <v>188177</v>
      </c>
      <c r="DM21" s="296">
        <v>370101</v>
      </c>
      <c r="DN21" s="296">
        <v>2699802</v>
      </c>
      <c r="DO21" s="296">
        <v>4144254</v>
      </c>
      <c r="DP21" s="296">
        <v>3136174</v>
      </c>
      <c r="DQ21" s="299">
        <v>10538508</v>
      </c>
      <c r="DR21" s="302">
        <v>10538508</v>
      </c>
      <c r="DS21" s="295">
        <v>0</v>
      </c>
      <c r="DT21" s="296">
        <v>0</v>
      </c>
      <c r="DU21" s="297">
        <v>0</v>
      </c>
      <c r="DV21" s="301"/>
      <c r="DW21" s="296">
        <v>61560</v>
      </c>
      <c r="DX21" s="296">
        <v>178350</v>
      </c>
      <c r="DY21" s="296">
        <v>2023027</v>
      </c>
      <c r="DZ21" s="296">
        <v>3375121</v>
      </c>
      <c r="EA21" s="296">
        <v>2774433</v>
      </c>
      <c r="EB21" s="299">
        <v>8412491</v>
      </c>
      <c r="EC21" s="300">
        <v>8412491</v>
      </c>
      <c r="ED21" s="295">
        <v>0</v>
      </c>
      <c r="EE21" s="296">
        <v>0</v>
      </c>
      <c r="EF21" s="297">
        <v>0</v>
      </c>
      <c r="EG21" s="301"/>
      <c r="EH21" s="296">
        <v>45030</v>
      </c>
      <c r="EI21" s="296">
        <v>24625</v>
      </c>
      <c r="EJ21" s="296">
        <v>110091</v>
      </c>
      <c r="EK21" s="296">
        <v>107237</v>
      </c>
      <c r="EL21" s="296">
        <v>114566</v>
      </c>
      <c r="EM21" s="299">
        <v>401549</v>
      </c>
      <c r="EN21" s="300">
        <v>401549</v>
      </c>
      <c r="EO21" s="295">
        <v>0</v>
      </c>
      <c r="EP21" s="296">
        <v>0</v>
      </c>
      <c r="EQ21" s="297">
        <v>0</v>
      </c>
      <c r="ER21" s="301"/>
      <c r="ES21" s="296">
        <v>0</v>
      </c>
      <c r="ET21" s="296">
        <v>0</v>
      </c>
      <c r="EU21" s="296">
        <v>0</v>
      </c>
      <c r="EV21" s="296">
        <v>210</v>
      </c>
      <c r="EW21" s="296">
        <v>22200</v>
      </c>
      <c r="EX21" s="299">
        <v>22410</v>
      </c>
      <c r="EY21" s="300">
        <v>22410</v>
      </c>
      <c r="EZ21" s="295">
        <v>0</v>
      </c>
      <c r="FA21" s="296">
        <v>0</v>
      </c>
      <c r="FB21" s="297">
        <v>0</v>
      </c>
      <c r="FC21" s="301"/>
      <c r="FD21" s="296">
        <v>0</v>
      </c>
      <c r="FE21" s="296">
        <v>0</v>
      </c>
      <c r="FF21" s="296">
        <v>0</v>
      </c>
      <c r="FG21" s="296">
        <v>630</v>
      </c>
      <c r="FH21" s="296">
        <v>1680</v>
      </c>
      <c r="FI21" s="299">
        <v>2310</v>
      </c>
      <c r="FJ21" s="300">
        <v>2310</v>
      </c>
      <c r="FK21" s="295">
        <v>0</v>
      </c>
      <c r="FL21" s="296">
        <v>0</v>
      </c>
      <c r="FM21" s="297">
        <v>0</v>
      </c>
      <c r="FN21" s="301"/>
      <c r="FO21" s="296">
        <v>0</v>
      </c>
      <c r="FP21" s="296">
        <v>35580</v>
      </c>
      <c r="FQ21" s="296">
        <v>119100</v>
      </c>
      <c r="FR21" s="296">
        <v>259080</v>
      </c>
      <c r="FS21" s="296">
        <v>41760</v>
      </c>
      <c r="FT21" s="299">
        <v>455520</v>
      </c>
      <c r="FU21" s="300">
        <v>455520</v>
      </c>
      <c r="FV21" s="295">
        <v>0</v>
      </c>
      <c r="FW21" s="296">
        <v>0</v>
      </c>
      <c r="FX21" s="297">
        <v>0</v>
      </c>
      <c r="FY21" s="298">
        <v>0</v>
      </c>
      <c r="FZ21" s="296">
        <v>81587</v>
      </c>
      <c r="GA21" s="296">
        <v>131546</v>
      </c>
      <c r="GB21" s="296">
        <v>447584</v>
      </c>
      <c r="GC21" s="296">
        <v>398206</v>
      </c>
      <c r="GD21" s="296">
        <v>181535</v>
      </c>
      <c r="GE21" s="299">
        <v>1240458</v>
      </c>
      <c r="GF21" s="300">
        <v>1240458</v>
      </c>
      <c r="GG21" s="295">
        <v>0</v>
      </c>
      <c r="GH21" s="296">
        <v>0</v>
      </c>
      <c r="GI21" s="297">
        <v>0</v>
      </c>
      <c r="GJ21" s="298">
        <v>0</v>
      </c>
      <c r="GK21" s="296">
        <v>0</v>
      </c>
      <c r="GL21" s="296">
        <v>0</v>
      </c>
      <c r="GM21" s="296">
        <v>0</v>
      </c>
      <c r="GN21" s="296">
        <v>3770</v>
      </c>
      <c r="GO21" s="296">
        <v>0</v>
      </c>
      <c r="GP21" s="299">
        <v>3770</v>
      </c>
      <c r="GQ21" s="300">
        <v>3770</v>
      </c>
      <c r="GR21" s="295">
        <v>0</v>
      </c>
      <c r="GS21" s="296">
        <v>0</v>
      </c>
      <c r="GT21" s="297">
        <v>0</v>
      </c>
      <c r="GU21" s="298">
        <v>0</v>
      </c>
      <c r="GV21" s="296">
        <v>0</v>
      </c>
      <c r="GW21" s="296">
        <v>0</v>
      </c>
      <c r="GX21" s="296">
        <v>0</v>
      </c>
      <c r="GY21" s="296">
        <v>0</v>
      </c>
      <c r="GZ21" s="296">
        <v>0</v>
      </c>
      <c r="HA21" s="299">
        <v>0</v>
      </c>
      <c r="HB21" s="300">
        <v>0</v>
      </c>
      <c r="HC21" s="295">
        <v>0</v>
      </c>
      <c r="HD21" s="296">
        <v>0</v>
      </c>
      <c r="HE21" s="297">
        <v>0</v>
      </c>
      <c r="HF21" s="301"/>
      <c r="HG21" s="296">
        <v>0</v>
      </c>
      <c r="HH21" s="296">
        <v>0</v>
      </c>
      <c r="HI21" s="296">
        <v>0</v>
      </c>
      <c r="HJ21" s="296">
        <v>0</v>
      </c>
      <c r="HK21" s="296">
        <v>0</v>
      </c>
      <c r="HL21" s="299">
        <v>0</v>
      </c>
      <c r="HM21" s="300">
        <v>0</v>
      </c>
      <c r="HN21" s="295">
        <v>0</v>
      </c>
      <c r="HO21" s="296">
        <v>0</v>
      </c>
      <c r="HP21" s="297">
        <v>0</v>
      </c>
      <c r="HQ21" s="298">
        <v>0</v>
      </c>
      <c r="HR21" s="296">
        <v>529122</v>
      </c>
      <c r="HS21" s="296">
        <v>802701</v>
      </c>
      <c r="HT21" s="296">
        <v>4850332</v>
      </c>
      <c r="HU21" s="296">
        <v>7749255</v>
      </c>
      <c r="HV21" s="296">
        <v>6047579</v>
      </c>
      <c r="HW21" s="299">
        <v>19978989</v>
      </c>
      <c r="HX21" s="300">
        <v>19978989</v>
      </c>
    </row>
    <row r="22" spans="1:232" ht="16.5" customHeight="1" x14ac:dyDescent="0.2">
      <c r="A22" s="293" t="s">
        <v>19</v>
      </c>
      <c r="B22" s="295">
        <v>0</v>
      </c>
      <c r="C22" s="296">
        <v>0</v>
      </c>
      <c r="D22" s="297">
        <v>0</v>
      </c>
      <c r="E22" s="298">
        <v>0</v>
      </c>
      <c r="F22" s="296">
        <v>101965</v>
      </c>
      <c r="G22" s="296">
        <v>397230</v>
      </c>
      <c r="H22" s="296">
        <v>1646160</v>
      </c>
      <c r="I22" s="296">
        <v>1397325</v>
      </c>
      <c r="J22" s="296">
        <v>1034570</v>
      </c>
      <c r="K22" s="299">
        <v>4577250</v>
      </c>
      <c r="L22" s="300">
        <v>4577250</v>
      </c>
      <c r="M22" s="295">
        <v>0</v>
      </c>
      <c r="N22" s="296">
        <v>0</v>
      </c>
      <c r="O22" s="297">
        <v>0</v>
      </c>
      <c r="P22" s="301"/>
      <c r="Q22" s="296">
        <v>0</v>
      </c>
      <c r="R22" s="296">
        <v>46950</v>
      </c>
      <c r="S22" s="296">
        <v>1186995</v>
      </c>
      <c r="T22" s="296">
        <v>962090</v>
      </c>
      <c r="U22" s="296">
        <v>806925</v>
      </c>
      <c r="V22" s="299">
        <v>3002960</v>
      </c>
      <c r="W22" s="300">
        <v>3002960</v>
      </c>
      <c r="X22" s="295">
        <v>0</v>
      </c>
      <c r="Y22" s="296">
        <v>0</v>
      </c>
      <c r="Z22" s="297">
        <v>0</v>
      </c>
      <c r="AA22" s="301"/>
      <c r="AB22" s="296">
        <v>63890</v>
      </c>
      <c r="AC22" s="296">
        <v>274370</v>
      </c>
      <c r="AD22" s="296">
        <v>373460</v>
      </c>
      <c r="AE22" s="296">
        <v>358200</v>
      </c>
      <c r="AF22" s="296">
        <v>130790</v>
      </c>
      <c r="AG22" s="299">
        <v>1200710</v>
      </c>
      <c r="AH22" s="300">
        <v>1200710</v>
      </c>
      <c r="AI22" s="295">
        <v>0</v>
      </c>
      <c r="AJ22" s="296">
        <v>0</v>
      </c>
      <c r="AK22" s="297">
        <v>0</v>
      </c>
      <c r="AL22" s="301"/>
      <c r="AM22" s="296">
        <v>0</v>
      </c>
      <c r="AN22" s="296">
        <v>0</v>
      </c>
      <c r="AO22" s="296">
        <v>0</v>
      </c>
      <c r="AP22" s="296">
        <v>0</v>
      </c>
      <c r="AQ22" s="296">
        <v>0</v>
      </c>
      <c r="AR22" s="299">
        <v>0</v>
      </c>
      <c r="AS22" s="300">
        <v>0</v>
      </c>
      <c r="AT22" s="295">
        <v>0</v>
      </c>
      <c r="AU22" s="296">
        <v>0</v>
      </c>
      <c r="AV22" s="297">
        <v>0</v>
      </c>
      <c r="AW22" s="301"/>
      <c r="AX22" s="296">
        <v>0</v>
      </c>
      <c r="AY22" s="296">
        <v>0</v>
      </c>
      <c r="AZ22" s="296">
        <v>0</v>
      </c>
      <c r="BA22" s="296">
        <v>0</v>
      </c>
      <c r="BB22" s="296">
        <v>55500</v>
      </c>
      <c r="BC22" s="299">
        <v>55500</v>
      </c>
      <c r="BD22" s="300">
        <v>55500</v>
      </c>
      <c r="BE22" s="295">
        <v>0</v>
      </c>
      <c r="BF22" s="296">
        <v>0</v>
      </c>
      <c r="BG22" s="297">
        <v>0</v>
      </c>
      <c r="BH22" s="301"/>
      <c r="BI22" s="296">
        <v>0</v>
      </c>
      <c r="BJ22" s="296">
        <v>0</v>
      </c>
      <c r="BK22" s="296">
        <v>0</v>
      </c>
      <c r="BL22" s="296">
        <v>0</v>
      </c>
      <c r="BM22" s="296">
        <v>0</v>
      </c>
      <c r="BN22" s="299">
        <v>0</v>
      </c>
      <c r="BO22" s="300">
        <v>0</v>
      </c>
      <c r="BP22" s="295">
        <v>0</v>
      </c>
      <c r="BQ22" s="296">
        <v>0</v>
      </c>
      <c r="BR22" s="297">
        <v>0</v>
      </c>
      <c r="BS22" s="298">
        <v>0</v>
      </c>
      <c r="BT22" s="296">
        <v>35645</v>
      </c>
      <c r="BU22" s="296">
        <v>74315</v>
      </c>
      <c r="BV22" s="296">
        <v>85705</v>
      </c>
      <c r="BW22" s="296">
        <v>75875</v>
      </c>
      <c r="BX22" s="296">
        <v>41355</v>
      </c>
      <c r="BY22" s="299">
        <v>312895</v>
      </c>
      <c r="BZ22" s="300">
        <v>312895</v>
      </c>
      <c r="CA22" s="295">
        <v>0</v>
      </c>
      <c r="CB22" s="296">
        <v>0</v>
      </c>
      <c r="CC22" s="297">
        <v>0</v>
      </c>
      <c r="CD22" s="298">
        <v>0</v>
      </c>
      <c r="CE22" s="296">
        <v>2430</v>
      </c>
      <c r="CF22" s="296">
        <v>1595</v>
      </c>
      <c r="CG22" s="296">
        <v>0</v>
      </c>
      <c r="CH22" s="296">
        <v>1160</v>
      </c>
      <c r="CI22" s="296">
        <v>0</v>
      </c>
      <c r="CJ22" s="299">
        <v>5185</v>
      </c>
      <c r="CK22" s="300">
        <v>5185</v>
      </c>
      <c r="CL22" s="295">
        <v>0</v>
      </c>
      <c r="CM22" s="296">
        <v>0</v>
      </c>
      <c r="CN22" s="297">
        <v>0</v>
      </c>
      <c r="CO22" s="298">
        <v>0</v>
      </c>
      <c r="CP22" s="296">
        <v>0</v>
      </c>
      <c r="CQ22" s="296">
        <v>0</v>
      </c>
      <c r="CR22" s="296">
        <v>0</v>
      </c>
      <c r="CS22" s="296">
        <v>0</v>
      </c>
      <c r="CT22" s="296">
        <v>0</v>
      </c>
      <c r="CU22" s="299">
        <v>0</v>
      </c>
      <c r="CV22" s="300">
        <v>0</v>
      </c>
      <c r="CW22" s="295">
        <v>0</v>
      </c>
      <c r="CX22" s="296">
        <v>0</v>
      </c>
      <c r="CY22" s="297">
        <v>0</v>
      </c>
      <c r="CZ22" s="301"/>
      <c r="DA22" s="296">
        <v>0</v>
      </c>
      <c r="DB22" s="296">
        <v>0</v>
      </c>
      <c r="DC22" s="296">
        <v>0</v>
      </c>
      <c r="DD22" s="296">
        <v>0</v>
      </c>
      <c r="DE22" s="296">
        <v>0</v>
      </c>
      <c r="DF22" s="299">
        <v>0</v>
      </c>
      <c r="DG22" s="300">
        <v>0</v>
      </c>
      <c r="DH22" s="295">
        <v>0</v>
      </c>
      <c r="DI22" s="296">
        <v>0</v>
      </c>
      <c r="DJ22" s="297">
        <v>0</v>
      </c>
      <c r="DK22" s="298">
        <v>0</v>
      </c>
      <c r="DL22" s="296">
        <v>46556</v>
      </c>
      <c r="DM22" s="296">
        <v>225283</v>
      </c>
      <c r="DN22" s="296">
        <v>1620626</v>
      </c>
      <c r="DO22" s="296">
        <v>1503772</v>
      </c>
      <c r="DP22" s="296">
        <v>1068610</v>
      </c>
      <c r="DQ22" s="299">
        <v>4464847</v>
      </c>
      <c r="DR22" s="302">
        <v>4464847</v>
      </c>
      <c r="DS22" s="295">
        <v>0</v>
      </c>
      <c r="DT22" s="296">
        <v>0</v>
      </c>
      <c r="DU22" s="297">
        <v>0</v>
      </c>
      <c r="DV22" s="301"/>
      <c r="DW22" s="296">
        <v>0</v>
      </c>
      <c r="DX22" s="296">
        <v>122700</v>
      </c>
      <c r="DY22" s="296">
        <v>1475118</v>
      </c>
      <c r="DZ22" s="296">
        <v>1331170</v>
      </c>
      <c r="EA22" s="296">
        <v>1003671</v>
      </c>
      <c r="EB22" s="299">
        <v>3932659</v>
      </c>
      <c r="EC22" s="300">
        <v>3932659</v>
      </c>
      <c r="ED22" s="295">
        <v>0</v>
      </c>
      <c r="EE22" s="296">
        <v>0</v>
      </c>
      <c r="EF22" s="297">
        <v>0</v>
      </c>
      <c r="EG22" s="301"/>
      <c r="EH22" s="296">
        <v>14277</v>
      </c>
      <c r="EI22" s="296">
        <v>24780</v>
      </c>
      <c r="EJ22" s="296">
        <v>57946</v>
      </c>
      <c r="EK22" s="296">
        <v>37340</v>
      </c>
      <c r="EL22" s="296">
        <v>6161</v>
      </c>
      <c r="EM22" s="299">
        <v>140504</v>
      </c>
      <c r="EN22" s="300">
        <v>140504</v>
      </c>
      <c r="EO22" s="295">
        <v>0</v>
      </c>
      <c r="EP22" s="296">
        <v>0</v>
      </c>
      <c r="EQ22" s="297">
        <v>0</v>
      </c>
      <c r="ER22" s="301"/>
      <c r="ES22" s="296">
        <v>0</v>
      </c>
      <c r="ET22" s="296">
        <v>0</v>
      </c>
      <c r="EU22" s="296">
        <v>0</v>
      </c>
      <c r="EV22" s="296">
        <v>0</v>
      </c>
      <c r="EW22" s="296">
        <v>0</v>
      </c>
      <c r="EX22" s="299">
        <v>0</v>
      </c>
      <c r="EY22" s="300">
        <v>0</v>
      </c>
      <c r="EZ22" s="295">
        <v>0</v>
      </c>
      <c r="FA22" s="296">
        <v>0</v>
      </c>
      <c r="FB22" s="297">
        <v>0</v>
      </c>
      <c r="FC22" s="301"/>
      <c r="FD22" s="296">
        <v>0</v>
      </c>
      <c r="FE22" s="296">
        <v>0</v>
      </c>
      <c r="FF22" s="296">
        <v>0</v>
      </c>
      <c r="FG22" s="296">
        <v>0</v>
      </c>
      <c r="FH22" s="296">
        <v>420</v>
      </c>
      <c r="FI22" s="299">
        <v>420</v>
      </c>
      <c r="FJ22" s="300">
        <v>420</v>
      </c>
      <c r="FK22" s="295">
        <v>0</v>
      </c>
      <c r="FL22" s="296">
        <v>0</v>
      </c>
      <c r="FM22" s="297">
        <v>0</v>
      </c>
      <c r="FN22" s="301"/>
      <c r="FO22" s="296">
        <v>0</v>
      </c>
      <c r="FP22" s="296">
        <v>0</v>
      </c>
      <c r="FQ22" s="296">
        <v>0</v>
      </c>
      <c r="FR22" s="296">
        <v>0</v>
      </c>
      <c r="FS22" s="296">
        <v>0</v>
      </c>
      <c r="FT22" s="299">
        <v>0</v>
      </c>
      <c r="FU22" s="300">
        <v>0</v>
      </c>
      <c r="FV22" s="295">
        <v>0</v>
      </c>
      <c r="FW22" s="296">
        <v>0</v>
      </c>
      <c r="FX22" s="297">
        <v>0</v>
      </c>
      <c r="FY22" s="298">
        <v>0</v>
      </c>
      <c r="FZ22" s="296">
        <v>29057</v>
      </c>
      <c r="GA22" s="296">
        <v>72075</v>
      </c>
      <c r="GB22" s="296">
        <v>87562</v>
      </c>
      <c r="GC22" s="296">
        <v>128460</v>
      </c>
      <c r="GD22" s="296">
        <v>58358</v>
      </c>
      <c r="GE22" s="299">
        <v>375512</v>
      </c>
      <c r="GF22" s="300">
        <v>375512</v>
      </c>
      <c r="GG22" s="295">
        <v>0</v>
      </c>
      <c r="GH22" s="296">
        <v>0</v>
      </c>
      <c r="GI22" s="297">
        <v>0</v>
      </c>
      <c r="GJ22" s="298">
        <v>0</v>
      </c>
      <c r="GK22" s="296">
        <v>3222</v>
      </c>
      <c r="GL22" s="296">
        <v>5728</v>
      </c>
      <c r="GM22" s="296">
        <v>0</v>
      </c>
      <c r="GN22" s="296">
        <v>6802</v>
      </c>
      <c r="GO22" s="296">
        <v>0</v>
      </c>
      <c r="GP22" s="299">
        <v>15752</v>
      </c>
      <c r="GQ22" s="300">
        <v>15752</v>
      </c>
      <c r="GR22" s="295">
        <v>0</v>
      </c>
      <c r="GS22" s="296">
        <v>0</v>
      </c>
      <c r="GT22" s="297">
        <v>0</v>
      </c>
      <c r="GU22" s="298">
        <v>0</v>
      </c>
      <c r="GV22" s="296">
        <v>0</v>
      </c>
      <c r="GW22" s="296">
        <v>0</v>
      </c>
      <c r="GX22" s="296">
        <v>0</v>
      </c>
      <c r="GY22" s="296">
        <v>0</v>
      </c>
      <c r="GZ22" s="296">
        <v>0</v>
      </c>
      <c r="HA22" s="299">
        <v>0</v>
      </c>
      <c r="HB22" s="300">
        <v>0</v>
      </c>
      <c r="HC22" s="295">
        <v>0</v>
      </c>
      <c r="HD22" s="296">
        <v>0</v>
      </c>
      <c r="HE22" s="297">
        <v>0</v>
      </c>
      <c r="HF22" s="301"/>
      <c r="HG22" s="296">
        <v>0</v>
      </c>
      <c r="HH22" s="296">
        <v>0</v>
      </c>
      <c r="HI22" s="296">
        <v>0</v>
      </c>
      <c r="HJ22" s="296">
        <v>0</v>
      </c>
      <c r="HK22" s="296">
        <v>0</v>
      </c>
      <c r="HL22" s="299">
        <v>0</v>
      </c>
      <c r="HM22" s="300">
        <v>0</v>
      </c>
      <c r="HN22" s="295">
        <v>0</v>
      </c>
      <c r="HO22" s="296">
        <v>0</v>
      </c>
      <c r="HP22" s="297">
        <v>0</v>
      </c>
      <c r="HQ22" s="298">
        <v>0</v>
      </c>
      <c r="HR22" s="296">
        <v>148521</v>
      </c>
      <c r="HS22" s="296">
        <v>622513</v>
      </c>
      <c r="HT22" s="296">
        <v>3266786</v>
      </c>
      <c r="HU22" s="296">
        <v>2901097</v>
      </c>
      <c r="HV22" s="296">
        <v>2103180</v>
      </c>
      <c r="HW22" s="299">
        <v>9042097</v>
      </c>
      <c r="HX22" s="300">
        <v>9042097</v>
      </c>
    </row>
    <row r="23" spans="1:232" ht="16.5" customHeight="1" x14ac:dyDescent="0.2">
      <c r="A23" s="293" t="s">
        <v>20</v>
      </c>
      <c r="B23" s="295">
        <v>0</v>
      </c>
      <c r="C23" s="296">
        <v>0</v>
      </c>
      <c r="D23" s="297">
        <v>0</v>
      </c>
      <c r="E23" s="298">
        <v>0</v>
      </c>
      <c r="F23" s="296">
        <v>176020</v>
      </c>
      <c r="G23" s="296">
        <v>349995</v>
      </c>
      <c r="H23" s="296">
        <v>1560610</v>
      </c>
      <c r="I23" s="296">
        <v>1559185</v>
      </c>
      <c r="J23" s="296">
        <v>655440</v>
      </c>
      <c r="K23" s="299">
        <v>4301250</v>
      </c>
      <c r="L23" s="300">
        <v>4301250</v>
      </c>
      <c r="M23" s="295">
        <v>0</v>
      </c>
      <c r="N23" s="296">
        <v>0</v>
      </c>
      <c r="O23" s="297">
        <v>0</v>
      </c>
      <c r="P23" s="301"/>
      <c r="Q23" s="296">
        <v>52715</v>
      </c>
      <c r="R23" s="296">
        <v>147000</v>
      </c>
      <c r="S23" s="296">
        <v>1089745</v>
      </c>
      <c r="T23" s="296">
        <v>1313990</v>
      </c>
      <c r="U23" s="296">
        <v>552635</v>
      </c>
      <c r="V23" s="299">
        <v>3156085</v>
      </c>
      <c r="W23" s="300">
        <v>3156085</v>
      </c>
      <c r="X23" s="295">
        <v>0</v>
      </c>
      <c r="Y23" s="296">
        <v>0</v>
      </c>
      <c r="Z23" s="297">
        <v>0</v>
      </c>
      <c r="AA23" s="301"/>
      <c r="AB23" s="296">
        <v>76200</v>
      </c>
      <c r="AC23" s="296">
        <v>162710</v>
      </c>
      <c r="AD23" s="296">
        <v>218380</v>
      </c>
      <c r="AE23" s="296">
        <v>186965</v>
      </c>
      <c r="AF23" s="296">
        <v>76650</v>
      </c>
      <c r="AG23" s="299">
        <v>720905</v>
      </c>
      <c r="AH23" s="300">
        <v>720905</v>
      </c>
      <c r="AI23" s="295">
        <v>0</v>
      </c>
      <c r="AJ23" s="296">
        <v>0</v>
      </c>
      <c r="AK23" s="297">
        <v>0</v>
      </c>
      <c r="AL23" s="301"/>
      <c r="AM23" s="296">
        <v>0</v>
      </c>
      <c r="AN23" s="296">
        <v>0</v>
      </c>
      <c r="AO23" s="296">
        <v>0</v>
      </c>
      <c r="AP23" s="296">
        <v>0</v>
      </c>
      <c r="AQ23" s="296">
        <v>0</v>
      </c>
      <c r="AR23" s="299">
        <v>0</v>
      </c>
      <c r="AS23" s="300">
        <v>0</v>
      </c>
      <c r="AT23" s="295">
        <v>0</v>
      </c>
      <c r="AU23" s="296">
        <v>0</v>
      </c>
      <c r="AV23" s="297">
        <v>0</v>
      </c>
      <c r="AW23" s="301"/>
      <c r="AX23" s="296">
        <v>0</v>
      </c>
      <c r="AY23" s="296">
        <v>0</v>
      </c>
      <c r="AZ23" s="296">
        <v>2550</v>
      </c>
      <c r="BA23" s="296">
        <v>0</v>
      </c>
      <c r="BB23" s="296">
        <v>850</v>
      </c>
      <c r="BC23" s="299">
        <v>3400</v>
      </c>
      <c r="BD23" s="300">
        <v>3400</v>
      </c>
      <c r="BE23" s="295">
        <v>0</v>
      </c>
      <c r="BF23" s="296">
        <v>0</v>
      </c>
      <c r="BG23" s="297">
        <v>0</v>
      </c>
      <c r="BH23" s="301"/>
      <c r="BI23" s="296">
        <v>0</v>
      </c>
      <c r="BJ23" s="296">
        <v>0</v>
      </c>
      <c r="BK23" s="296">
        <v>0</v>
      </c>
      <c r="BL23" s="296">
        <v>0</v>
      </c>
      <c r="BM23" s="296">
        <v>0</v>
      </c>
      <c r="BN23" s="299">
        <v>0</v>
      </c>
      <c r="BO23" s="300">
        <v>0</v>
      </c>
      <c r="BP23" s="295">
        <v>0</v>
      </c>
      <c r="BQ23" s="296">
        <v>0</v>
      </c>
      <c r="BR23" s="297">
        <v>0</v>
      </c>
      <c r="BS23" s="298">
        <v>0</v>
      </c>
      <c r="BT23" s="296">
        <v>47105</v>
      </c>
      <c r="BU23" s="296">
        <v>39850</v>
      </c>
      <c r="BV23" s="296">
        <v>246890</v>
      </c>
      <c r="BW23" s="296">
        <v>54615</v>
      </c>
      <c r="BX23" s="296">
        <v>25305</v>
      </c>
      <c r="BY23" s="299">
        <v>413765</v>
      </c>
      <c r="BZ23" s="300">
        <v>413765</v>
      </c>
      <c r="CA23" s="295">
        <v>0</v>
      </c>
      <c r="CB23" s="296">
        <v>0</v>
      </c>
      <c r="CC23" s="297">
        <v>0</v>
      </c>
      <c r="CD23" s="298">
        <v>0</v>
      </c>
      <c r="CE23" s="296">
        <v>0</v>
      </c>
      <c r="CF23" s="296">
        <v>435</v>
      </c>
      <c r="CG23" s="296">
        <v>3045</v>
      </c>
      <c r="CH23" s="296">
        <v>3615</v>
      </c>
      <c r="CI23" s="296">
        <v>0</v>
      </c>
      <c r="CJ23" s="299">
        <v>7095</v>
      </c>
      <c r="CK23" s="300">
        <v>7095</v>
      </c>
      <c r="CL23" s="295">
        <v>0</v>
      </c>
      <c r="CM23" s="296">
        <v>0</v>
      </c>
      <c r="CN23" s="297">
        <v>0</v>
      </c>
      <c r="CO23" s="298">
        <v>0</v>
      </c>
      <c r="CP23" s="296">
        <v>0</v>
      </c>
      <c r="CQ23" s="296">
        <v>0</v>
      </c>
      <c r="CR23" s="296">
        <v>0</v>
      </c>
      <c r="CS23" s="296">
        <v>0</v>
      </c>
      <c r="CT23" s="296">
        <v>0</v>
      </c>
      <c r="CU23" s="299">
        <v>0</v>
      </c>
      <c r="CV23" s="300">
        <v>0</v>
      </c>
      <c r="CW23" s="295">
        <v>0</v>
      </c>
      <c r="CX23" s="296">
        <v>0</v>
      </c>
      <c r="CY23" s="297">
        <v>0</v>
      </c>
      <c r="CZ23" s="301"/>
      <c r="DA23" s="296">
        <v>0</v>
      </c>
      <c r="DB23" s="296">
        <v>0</v>
      </c>
      <c r="DC23" s="296">
        <v>0</v>
      </c>
      <c r="DD23" s="296">
        <v>0</v>
      </c>
      <c r="DE23" s="296">
        <v>0</v>
      </c>
      <c r="DF23" s="299">
        <v>0</v>
      </c>
      <c r="DG23" s="300">
        <v>0</v>
      </c>
      <c r="DH23" s="295">
        <v>0</v>
      </c>
      <c r="DI23" s="296">
        <v>0</v>
      </c>
      <c r="DJ23" s="297">
        <v>0</v>
      </c>
      <c r="DK23" s="298">
        <v>0</v>
      </c>
      <c r="DL23" s="296">
        <v>171428</v>
      </c>
      <c r="DM23" s="296">
        <v>489904</v>
      </c>
      <c r="DN23" s="296">
        <v>2187299</v>
      </c>
      <c r="DO23" s="296">
        <v>1943573</v>
      </c>
      <c r="DP23" s="296">
        <v>938024</v>
      </c>
      <c r="DQ23" s="299">
        <v>5730228</v>
      </c>
      <c r="DR23" s="302">
        <v>5730228</v>
      </c>
      <c r="DS23" s="295">
        <v>0</v>
      </c>
      <c r="DT23" s="296">
        <v>0</v>
      </c>
      <c r="DU23" s="297">
        <v>0</v>
      </c>
      <c r="DV23" s="301"/>
      <c r="DW23" s="296">
        <v>60510</v>
      </c>
      <c r="DX23" s="296">
        <v>330090</v>
      </c>
      <c r="DY23" s="296">
        <v>1726492</v>
      </c>
      <c r="DZ23" s="296">
        <v>1832193</v>
      </c>
      <c r="EA23" s="296">
        <v>881424</v>
      </c>
      <c r="EB23" s="299">
        <v>4830709</v>
      </c>
      <c r="EC23" s="300">
        <v>4830709</v>
      </c>
      <c r="ED23" s="295">
        <v>0</v>
      </c>
      <c r="EE23" s="296">
        <v>0</v>
      </c>
      <c r="EF23" s="297">
        <v>0</v>
      </c>
      <c r="EG23" s="301"/>
      <c r="EH23" s="296">
        <v>12360</v>
      </c>
      <c r="EI23" s="296">
        <v>35170</v>
      </c>
      <c r="EJ23" s="296">
        <v>35317</v>
      </c>
      <c r="EK23" s="296">
        <v>2303</v>
      </c>
      <c r="EL23" s="296">
        <v>1050</v>
      </c>
      <c r="EM23" s="299">
        <v>86200</v>
      </c>
      <c r="EN23" s="300">
        <v>86200</v>
      </c>
      <c r="EO23" s="295">
        <v>0</v>
      </c>
      <c r="EP23" s="296">
        <v>0</v>
      </c>
      <c r="EQ23" s="297">
        <v>0</v>
      </c>
      <c r="ER23" s="301"/>
      <c r="ES23" s="296">
        <v>0</v>
      </c>
      <c r="ET23" s="296">
        <v>0</v>
      </c>
      <c r="EU23" s="296">
        <v>0</v>
      </c>
      <c r="EV23" s="296">
        <v>0</v>
      </c>
      <c r="EW23" s="296">
        <v>0</v>
      </c>
      <c r="EX23" s="299">
        <v>0</v>
      </c>
      <c r="EY23" s="300">
        <v>0</v>
      </c>
      <c r="EZ23" s="295">
        <v>0</v>
      </c>
      <c r="FA23" s="296">
        <v>0</v>
      </c>
      <c r="FB23" s="297">
        <v>0</v>
      </c>
      <c r="FC23" s="301"/>
      <c r="FD23" s="296">
        <v>0</v>
      </c>
      <c r="FE23" s="296">
        <v>0</v>
      </c>
      <c r="FF23" s="296">
        <v>210</v>
      </c>
      <c r="FG23" s="296">
        <v>0</v>
      </c>
      <c r="FH23" s="296">
        <v>70</v>
      </c>
      <c r="FI23" s="299">
        <v>280</v>
      </c>
      <c r="FJ23" s="300">
        <v>280</v>
      </c>
      <c r="FK23" s="295">
        <v>0</v>
      </c>
      <c r="FL23" s="296">
        <v>0</v>
      </c>
      <c r="FM23" s="297">
        <v>0</v>
      </c>
      <c r="FN23" s="301"/>
      <c r="FO23" s="296">
        <v>0</v>
      </c>
      <c r="FP23" s="296">
        <v>0</v>
      </c>
      <c r="FQ23" s="296">
        <v>0</v>
      </c>
      <c r="FR23" s="296">
        <v>0</v>
      </c>
      <c r="FS23" s="296">
        <v>0</v>
      </c>
      <c r="FT23" s="299">
        <v>0</v>
      </c>
      <c r="FU23" s="300">
        <v>0</v>
      </c>
      <c r="FV23" s="295">
        <v>0</v>
      </c>
      <c r="FW23" s="296">
        <v>0</v>
      </c>
      <c r="FX23" s="297">
        <v>0</v>
      </c>
      <c r="FY23" s="298">
        <v>0</v>
      </c>
      <c r="FZ23" s="296">
        <v>98558</v>
      </c>
      <c r="GA23" s="296">
        <v>123212</v>
      </c>
      <c r="GB23" s="296">
        <v>417748</v>
      </c>
      <c r="GC23" s="296">
        <v>105855</v>
      </c>
      <c r="GD23" s="296">
        <v>55480</v>
      </c>
      <c r="GE23" s="299">
        <v>800853</v>
      </c>
      <c r="GF23" s="300">
        <v>800853</v>
      </c>
      <c r="GG23" s="295">
        <v>0</v>
      </c>
      <c r="GH23" s="296">
        <v>0</v>
      </c>
      <c r="GI23" s="297">
        <v>0</v>
      </c>
      <c r="GJ23" s="298">
        <v>0</v>
      </c>
      <c r="GK23" s="296">
        <v>0</v>
      </c>
      <c r="GL23" s="296">
        <v>1432</v>
      </c>
      <c r="GM23" s="296">
        <v>7532</v>
      </c>
      <c r="GN23" s="296">
        <v>3222</v>
      </c>
      <c r="GO23" s="296">
        <v>0</v>
      </c>
      <c r="GP23" s="299">
        <v>12186</v>
      </c>
      <c r="GQ23" s="300">
        <v>12186</v>
      </c>
      <c r="GR23" s="295">
        <v>0</v>
      </c>
      <c r="GS23" s="296">
        <v>0</v>
      </c>
      <c r="GT23" s="297">
        <v>0</v>
      </c>
      <c r="GU23" s="298">
        <v>0</v>
      </c>
      <c r="GV23" s="296">
        <v>0</v>
      </c>
      <c r="GW23" s="296">
        <v>0</v>
      </c>
      <c r="GX23" s="296">
        <v>0</v>
      </c>
      <c r="GY23" s="296">
        <v>0</v>
      </c>
      <c r="GZ23" s="296">
        <v>0</v>
      </c>
      <c r="HA23" s="299">
        <v>0</v>
      </c>
      <c r="HB23" s="300">
        <v>0</v>
      </c>
      <c r="HC23" s="295">
        <v>0</v>
      </c>
      <c r="HD23" s="296">
        <v>0</v>
      </c>
      <c r="HE23" s="297">
        <v>0</v>
      </c>
      <c r="HF23" s="301"/>
      <c r="HG23" s="296">
        <v>0</v>
      </c>
      <c r="HH23" s="296">
        <v>0</v>
      </c>
      <c r="HI23" s="296">
        <v>0</v>
      </c>
      <c r="HJ23" s="296">
        <v>0</v>
      </c>
      <c r="HK23" s="296">
        <v>0</v>
      </c>
      <c r="HL23" s="299">
        <v>0</v>
      </c>
      <c r="HM23" s="300">
        <v>0</v>
      </c>
      <c r="HN23" s="295">
        <v>0</v>
      </c>
      <c r="HO23" s="296">
        <v>0</v>
      </c>
      <c r="HP23" s="297">
        <v>0</v>
      </c>
      <c r="HQ23" s="298">
        <v>0</v>
      </c>
      <c r="HR23" s="296">
        <v>347448</v>
      </c>
      <c r="HS23" s="296">
        <v>839899</v>
      </c>
      <c r="HT23" s="296">
        <v>3747909</v>
      </c>
      <c r="HU23" s="296">
        <v>3502758</v>
      </c>
      <c r="HV23" s="296">
        <v>1593464</v>
      </c>
      <c r="HW23" s="299">
        <v>10031478</v>
      </c>
      <c r="HX23" s="300">
        <v>10031478</v>
      </c>
    </row>
    <row r="24" spans="1:232" ht="16.5" customHeight="1" x14ac:dyDescent="0.2">
      <c r="A24" s="293" t="s">
        <v>21</v>
      </c>
      <c r="B24" s="295">
        <v>0</v>
      </c>
      <c r="C24" s="296">
        <v>0</v>
      </c>
      <c r="D24" s="297">
        <v>0</v>
      </c>
      <c r="E24" s="298">
        <v>0</v>
      </c>
      <c r="F24" s="296">
        <v>132315</v>
      </c>
      <c r="G24" s="296">
        <v>496468</v>
      </c>
      <c r="H24" s="296">
        <v>1938773</v>
      </c>
      <c r="I24" s="296">
        <v>1815435</v>
      </c>
      <c r="J24" s="296">
        <v>1255142</v>
      </c>
      <c r="K24" s="299">
        <v>5638133</v>
      </c>
      <c r="L24" s="300">
        <v>5638133</v>
      </c>
      <c r="M24" s="295">
        <v>0</v>
      </c>
      <c r="N24" s="296">
        <v>0</v>
      </c>
      <c r="O24" s="297">
        <v>0</v>
      </c>
      <c r="P24" s="301"/>
      <c r="Q24" s="296">
        <v>2550</v>
      </c>
      <c r="R24" s="296">
        <v>217595</v>
      </c>
      <c r="S24" s="296">
        <v>1531614</v>
      </c>
      <c r="T24" s="296">
        <v>1372407</v>
      </c>
      <c r="U24" s="296">
        <v>910382</v>
      </c>
      <c r="V24" s="299">
        <v>4034548</v>
      </c>
      <c r="W24" s="300">
        <v>4034548</v>
      </c>
      <c r="X24" s="295">
        <v>0</v>
      </c>
      <c r="Y24" s="296">
        <v>0</v>
      </c>
      <c r="Z24" s="297">
        <v>0</v>
      </c>
      <c r="AA24" s="301"/>
      <c r="AB24" s="296">
        <v>126215</v>
      </c>
      <c r="AC24" s="296">
        <v>245250</v>
      </c>
      <c r="AD24" s="296">
        <v>138615</v>
      </c>
      <c r="AE24" s="296">
        <v>166990</v>
      </c>
      <c r="AF24" s="296">
        <v>248035</v>
      </c>
      <c r="AG24" s="299">
        <v>925105</v>
      </c>
      <c r="AH24" s="300">
        <v>925105</v>
      </c>
      <c r="AI24" s="295">
        <v>0</v>
      </c>
      <c r="AJ24" s="296">
        <v>0</v>
      </c>
      <c r="AK24" s="297">
        <v>0</v>
      </c>
      <c r="AL24" s="301"/>
      <c r="AM24" s="296">
        <v>0</v>
      </c>
      <c r="AN24" s="296">
        <v>0</v>
      </c>
      <c r="AO24" s="296">
        <v>2550</v>
      </c>
      <c r="AP24" s="296">
        <v>31650</v>
      </c>
      <c r="AQ24" s="296">
        <v>5100</v>
      </c>
      <c r="AR24" s="299">
        <v>39300</v>
      </c>
      <c r="AS24" s="300">
        <v>39300</v>
      </c>
      <c r="AT24" s="295">
        <v>0</v>
      </c>
      <c r="AU24" s="296">
        <v>0</v>
      </c>
      <c r="AV24" s="297">
        <v>0</v>
      </c>
      <c r="AW24" s="301"/>
      <c r="AX24" s="296">
        <v>0</v>
      </c>
      <c r="AY24" s="296">
        <v>0</v>
      </c>
      <c r="AZ24" s="296">
        <v>34350</v>
      </c>
      <c r="BA24" s="296">
        <v>28950</v>
      </c>
      <c r="BB24" s="296">
        <v>28950</v>
      </c>
      <c r="BC24" s="299">
        <v>92250</v>
      </c>
      <c r="BD24" s="300">
        <v>92250</v>
      </c>
      <c r="BE24" s="295">
        <v>0</v>
      </c>
      <c r="BF24" s="296">
        <v>0</v>
      </c>
      <c r="BG24" s="297">
        <v>0</v>
      </c>
      <c r="BH24" s="301"/>
      <c r="BI24" s="296">
        <v>0</v>
      </c>
      <c r="BJ24" s="296">
        <v>0</v>
      </c>
      <c r="BK24" s="296">
        <v>0</v>
      </c>
      <c r="BL24" s="296">
        <v>0</v>
      </c>
      <c r="BM24" s="296">
        <v>0</v>
      </c>
      <c r="BN24" s="299">
        <v>0</v>
      </c>
      <c r="BO24" s="300">
        <v>0</v>
      </c>
      <c r="BP24" s="295">
        <v>0</v>
      </c>
      <c r="BQ24" s="296">
        <v>0</v>
      </c>
      <c r="BR24" s="297">
        <v>0</v>
      </c>
      <c r="BS24" s="298">
        <v>0</v>
      </c>
      <c r="BT24" s="296">
        <v>3550</v>
      </c>
      <c r="BU24" s="296">
        <v>33043</v>
      </c>
      <c r="BV24" s="296">
        <v>228084</v>
      </c>
      <c r="BW24" s="296">
        <v>215438</v>
      </c>
      <c r="BX24" s="296">
        <v>62675</v>
      </c>
      <c r="BY24" s="299">
        <v>542790</v>
      </c>
      <c r="BZ24" s="300">
        <v>542790</v>
      </c>
      <c r="CA24" s="295">
        <v>0</v>
      </c>
      <c r="CB24" s="296">
        <v>0</v>
      </c>
      <c r="CC24" s="297">
        <v>0</v>
      </c>
      <c r="CD24" s="298">
        <v>0</v>
      </c>
      <c r="CE24" s="296">
        <v>0</v>
      </c>
      <c r="CF24" s="296">
        <v>580</v>
      </c>
      <c r="CG24" s="296">
        <v>3560</v>
      </c>
      <c r="CH24" s="296">
        <v>0</v>
      </c>
      <c r="CI24" s="296">
        <v>0</v>
      </c>
      <c r="CJ24" s="299">
        <v>4140</v>
      </c>
      <c r="CK24" s="300">
        <v>4140</v>
      </c>
      <c r="CL24" s="295">
        <v>0</v>
      </c>
      <c r="CM24" s="296">
        <v>0</v>
      </c>
      <c r="CN24" s="297">
        <v>0</v>
      </c>
      <c r="CO24" s="298">
        <v>0</v>
      </c>
      <c r="CP24" s="296">
        <v>0</v>
      </c>
      <c r="CQ24" s="296">
        <v>0</v>
      </c>
      <c r="CR24" s="296">
        <v>0</v>
      </c>
      <c r="CS24" s="296">
        <v>0</v>
      </c>
      <c r="CT24" s="296">
        <v>0</v>
      </c>
      <c r="CU24" s="299">
        <v>0</v>
      </c>
      <c r="CV24" s="300">
        <v>0</v>
      </c>
      <c r="CW24" s="295">
        <v>0</v>
      </c>
      <c r="CX24" s="296">
        <v>0</v>
      </c>
      <c r="CY24" s="297">
        <v>0</v>
      </c>
      <c r="CZ24" s="301"/>
      <c r="DA24" s="296">
        <v>0</v>
      </c>
      <c r="DB24" s="296">
        <v>0</v>
      </c>
      <c r="DC24" s="296">
        <v>0</v>
      </c>
      <c r="DD24" s="296">
        <v>0</v>
      </c>
      <c r="DE24" s="296">
        <v>0</v>
      </c>
      <c r="DF24" s="299">
        <v>0</v>
      </c>
      <c r="DG24" s="300">
        <v>0</v>
      </c>
      <c r="DH24" s="295">
        <v>0</v>
      </c>
      <c r="DI24" s="296">
        <v>0</v>
      </c>
      <c r="DJ24" s="297">
        <v>0</v>
      </c>
      <c r="DK24" s="298">
        <v>0</v>
      </c>
      <c r="DL24" s="296">
        <v>26399</v>
      </c>
      <c r="DM24" s="296">
        <v>354750</v>
      </c>
      <c r="DN24" s="296">
        <v>2170375</v>
      </c>
      <c r="DO24" s="296">
        <v>2156735</v>
      </c>
      <c r="DP24" s="296">
        <v>1333495</v>
      </c>
      <c r="DQ24" s="299">
        <v>6041754</v>
      </c>
      <c r="DR24" s="302">
        <v>6041754</v>
      </c>
      <c r="DS24" s="295">
        <v>0</v>
      </c>
      <c r="DT24" s="296">
        <v>0</v>
      </c>
      <c r="DU24" s="297">
        <v>0</v>
      </c>
      <c r="DV24" s="301"/>
      <c r="DW24" s="296">
        <v>14550</v>
      </c>
      <c r="DX24" s="296">
        <v>225735</v>
      </c>
      <c r="DY24" s="296">
        <v>1798463</v>
      </c>
      <c r="DZ24" s="296">
        <v>1848821</v>
      </c>
      <c r="EA24" s="296">
        <v>1204069</v>
      </c>
      <c r="EB24" s="299">
        <v>5091638</v>
      </c>
      <c r="EC24" s="300">
        <v>5091638</v>
      </c>
      <c r="ED24" s="295">
        <v>0</v>
      </c>
      <c r="EE24" s="296">
        <v>0</v>
      </c>
      <c r="EF24" s="297">
        <v>0</v>
      </c>
      <c r="EG24" s="301"/>
      <c r="EH24" s="296">
        <v>2093</v>
      </c>
      <c r="EI24" s="296">
        <v>25350</v>
      </c>
      <c r="EJ24" s="296">
        <v>30224</v>
      </c>
      <c r="EK24" s="296">
        <v>20570</v>
      </c>
      <c r="EL24" s="296">
        <v>23947</v>
      </c>
      <c r="EM24" s="299">
        <v>102184</v>
      </c>
      <c r="EN24" s="300">
        <v>102184</v>
      </c>
      <c r="EO24" s="295">
        <v>0</v>
      </c>
      <c r="EP24" s="296">
        <v>0</v>
      </c>
      <c r="EQ24" s="297">
        <v>0</v>
      </c>
      <c r="ER24" s="301"/>
      <c r="ES24" s="296">
        <v>0</v>
      </c>
      <c r="ET24" s="296">
        <v>0</v>
      </c>
      <c r="EU24" s="296">
        <v>210</v>
      </c>
      <c r="EV24" s="296">
        <v>0</v>
      </c>
      <c r="EW24" s="296">
        <v>0</v>
      </c>
      <c r="EX24" s="299">
        <v>210</v>
      </c>
      <c r="EY24" s="300">
        <v>210</v>
      </c>
      <c r="EZ24" s="295">
        <v>0</v>
      </c>
      <c r="FA24" s="296">
        <v>0</v>
      </c>
      <c r="FB24" s="297">
        <v>0</v>
      </c>
      <c r="FC24" s="301"/>
      <c r="FD24" s="296">
        <v>0</v>
      </c>
      <c r="FE24" s="296">
        <v>0</v>
      </c>
      <c r="FF24" s="296">
        <v>11310</v>
      </c>
      <c r="FG24" s="296">
        <v>630</v>
      </c>
      <c r="FH24" s="296">
        <v>630</v>
      </c>
      <c r="FI24" s="299">
        <v>12570</v>
      </c>
      <c r="FJ24" s="300">
        <v>12570</v>
      </c>
      <c r="FK24" s="295">
        <v>0</v>
      </c>
      <c r="FL24" s="296">
        <v>0</v>
      </c>
      <c r="FM24" s="297">
        <v>0</v>
      </c>
      <c r="FN24" s="301"/>
      <c r="FO24" s="296">
        <v>0</v>
      </c>
      <c r="FP24" s="296">
        <v>0</v>
      </c>
      <c r="FQ24" s="296">
        <v>0</v>
      </c>
      <c r="FR24" s="296">
        <v>0</v>
      </c>
      <c r="FS24" s="296">
        <v>0</v>
      </c>
      <c r="FT24" s="299">
        <v>0</v>
      </c>
      <c r="FU24" s="300">
        <v>0</v>
      </c>
      <c r="FV24" s="295">
        <v>0</v>
      </c>
      <c r="FW24" s="296">
        <v>0</v>
      </c>
      <c r="FX24" s="297">
        <v>0</v>
      </c>
      <c r="FY24" s="298">
        <v>0</v>
      </c>
      <c r="FZ24" s="296">
        <v>9756</v>
      </c>
      <c r="GA24" s="296">
        <v>103623</v>
      </c>
      <c r="GB24" s="296">
        <v>323904</v>
      </c>
      <c r="GC24" s="296">
        <v>286714</v>
      </c>
      <c r="GD24" s="296">
        <v>104849</v>
      </c>
      <c r="GE24" s="299">
        <v>828846</v>
      </c>
      <c r="GF24" s="300">
        <v>828846</v>
      </c>
      <c r="GG24" s="295">
        <v>0</v>
      </c>
      <c r="GH24" s="296">
        <v>0</v>
      </c>
      <c r="GI24" s="297">
        <v>0</v>
      </c>
      <c r="GJ24" s="298">
        <v>0</v>
      </c>
      <c r="GK24" s="296">
        <v>0</v>
      </c>
      <c r="GL24" s="296">
        <v>42</v>
      </c>
      <c r="GM24" s="296">
        <v>6264</v>
      </c>
      <c r="GN24" s="296">
        <v>0</v>
      </c>
      <c r="GO24" s="296">
        <v>0</v>
      </c>
      <c r="GP24" s="299">
        <v>6306</v>
      </c>
      <c r="GQ24" s="300">
        <v>6306</v>
      </c>
      <c r="GR24" s="295">
        <v>0</v>
      </c>
      <c r="GS24" s="296">
        <v>0</v>
      </c>
      <c r="GT24" s="297">
        <v>0</v>
      </c>
      <c r="GU24" s="298">
        <v>0</v>
      </c>
      <c r="GV24" s="296">
        <v>0</v>
      </c>
      <c r="GW24" s="296">
        <v>0</v>
      </c>
      <c r="GX24" s="296">
        <v>0</v>
      </c>
      <c r="GY24" s="296">
        <v>0</v>
      </c>
      <c r="GZ24" s="296">
        <v>0</v>
      </c>
      <c r="HA24" s="299">
        <v>0</v>
      </c>
      <c r="HB24" s="300">
        <v>0</v>
      </c>
      <c r="HC24" s="295">
        <v>0</v>
      </c>
      <c r="HD24" s="296">
        <v>0</v>
      </c>
      <c r="HE24" s="297">
        <v>0</v>
      </c>
      <c r="HF24" s="301"/>
      <c r="HG24" s="296">
        <v>0</v>
      </c>
      <c r="HH24" s="296">
        <v>0</v>
      </c>
      <c r="HI24" s="296">
        <v>0</v>
      </c>
      <c r="HJ24" s="296">
        <v>0</v>
      </c>
      <c r="HK24" s="296">
        <v>0</v>
      </c>
      <c r="HL24" s="299">
        <v>0</v>
      </c>
      <c r="HM24" s="300">
        <v>0</v>
      </c>
      <c r="HN24" s="295">
        <v>0</v>
      </c>
      <c r="HO24" s="296">
        <v>0</v>
      </c>
      <c r="HP24" s="297">
        <v>0</v>
      </c>
      <c r="HQ24" s="298">
        <v>0</v>
      </c>
      <c r="HR24" s="296">
        <v>158714</v>
      </c>
      <c r="HS24" s="296">
        <v>851218</v>
      </c>
      <c r="HT24" s="296">
        <v>4109148</v>
      </c>
      <c r="HU24" s="296">
        <v>3972170</v>
      </c>
      <c r="HV24" s="296">
        <v>2588637</v>
      </c>
      <c r="HW24" s="299">
        <v>11679887</v>
      </c>
      <c r="HX24" s="300">
        <v>11679887</v>
      </c>
    </row>
    <row r="25" spans="1:232" ht="16.5" customHeight="1" x14ac:dyDescent="0.2">
      <c r="A25" s="293" t="s">
        <v>22</v>
      </c>
      <c r="B25" s="295">
        <v>0</v>
      </c>
      <c r="C25" s="296">
        <v>0</v>
      </c>
      <c r="D25" s="297">
        <v>0</v>
      </c>
      <c r="E25" s="298">
        <v>0</v>
      </c>
      <c r="F25" s="296">
        <v>54295</v>
      </c>
      <c r="G25" s="296">
        <v>402065</v>
      </c>
      <c r="H25" s="296">
        <v>712895</v>
      </c>
      <c r="I25" s="296">
        <v>927968</v>
      </c>
      <c r="J25" s="296">
        <v>555620</v>
      </c>
      <c r="K25" s="299">
        <v>2652843</v>
      </c>
      <c r="L25" s="300">
        <v>2652843</v>
      </c>
      <c r="M25" s="295">
        <v>0</v>
      </c>
      <c r="N25" s="296">
        <v>0</v>
      </c>
      <c r="O25" s="297">
        <v>0</v>
      </c>
      <c r="P25" s="301"/>
      <c r="Q25" s="296">
        <v>0</v>
      </c>
      <c r="R25" s="296">
        <v>68400</v>
      </c>
      <c r="S25" s="296">
        <v>404820</v>
      </c>
      <c r="T25" s="296">
        <v>508313</v>
      </c>
      <c r="U25" s="296">
        <v>275230</v>
      </c>
      <c r="V25" s="299">
        <v>1256763</v>
      </c>
      <c r="W25" s="300">
        <v>1256763</v>
      </c>
      <c r="X25" s="295">
        <v>0</v>
      </c>
      <c r="Y25" s="296">
        <v>0</v>
      </c>
      <c r="Z25" s="297">
        <v>0</v>
      </c>
      <c r="AA25" s="301"/>
      <c r="AB25" s="296">
        <v>51015</v>
      </c>
      <c r="AC25" s="296">
        <v>308700</v>
      </c>
      <c r="AD25" s="296">
        <v>155815</v>
      </c>
      <c r="AE25" s="296">
        <v>259595</v>
      </c>
      <c r="AF25" s="296">
        <v>220700</v>
      </c>
      <c r="AG25" s="299">
        <v>995825</v>
      </c>
      <c r="AH25" s="300">
        <v>995825</v>
      </c>
      <c r="AI25" s="295">
        <v>0</v>
      </c>
      <c r="AJ25" s="296">
        <v>0</v>
      </c>
      <c r="AK25" s="297">
        <v>0</v>
      </c>
      <c r="AL25" s="301"/>
      <c r="AM25" s="296">
        <v>0</v>
      </c>
      <c r="AN25" s="296">
        <v>0</v>
      </c>
      <c r="AO25" s="296">
        <v>0</v>
      </c>
      <c r="AP25" s="296">
        <v>0</v>
      </c>
      <c r="AQ25" s="296">
        <v>28950</v>
      </c>
      <c r="AR25" s="299">
        <v>28950</v>
      </c>
      <c r="AS25" s="300">
        <v>28950</v>
      </c>
      <c r="AT25" s="295">
        <v>0</v>
      </c>
      <c r="AU25" s="296">
        <v>0</v>
      </c>
      <c r="AV25" s="297">
        <v>0</v>
      </c>
      <c r="AW25" s="301"/>
      <c r="AX25" s="296">
        <v>0</v>
      </c>
      <c r="AY25" s="296">
        <v>0</v>
      </c>
      <c r="AZ25" s="296">
        <v>34350</v>
      </c>
      <c r="BA25" s="296">
        <v>2550</v>
      </c>
      <c r="BB25" s="296">
        <v>23465</v>
      </c>
      <c r="BC25" s="299">
        <v>60365</v>
      </c>
      <c r="BD25" s="300">
        <v>60365</v>
      </c>
      <c r="BE25" s="295">
        <v>0</v>
      </c>
      <c r="BF25" s="296">
        <v>0</v>
      </c>
      <c r="BG25" s="297">
        <v>0</v>
      </c>
      <c r="BH25" s="301"/>
      <c r="BI25" s="296">
        <v>0</v>
      </c>
      <c r="BJ25" s="296">
        <v>0</v>
      </c>
      <c r="BK25" s="296">
        <v>23850</v>
      </c>
      <c r="BL25" s="296">
        <v>118650</v>
      </c>
      <c r="BM25" s="296">
        <v>5100</v>
      </c>
      <c r="BN25" s="299">
        <v>147600</v>
      </c>
      <c r="BO25" s="300">
        <v>147600</v>
      </c>
      <c r="BP25" s="295">
        <v>0</v>
      </c>
      <c r="BQ25" s="296">
        <v>0</v>
      </c>
      <c r="BR25" s="297">
        <v>0</v>
      </c>
      <c r="BS25" s="298">
        <v>0</v>
      </c>
      <c r="BT25" s="296">
        <v>3280</v>
      </c>
      <c r="BU25" s="296">
        <v>24965</v>
      </c>
      <c r="BV25" s="296">
        <v>91390</v>
      </c>
      <c r="BW25" s="296">
        <v>38860</v>
      </c>
      <c r="BX25" s="296">
        <v>1740</v>
      </c>
      <c r="BY25" s="299">
        <v>160235</v>
      </c>
      <c r="BZ25" s="300">
        <v>160235</v>
      </c>
      <c r="CA25" s="295">
        <v>0</v>
      </c>
      <c r="CB25" s="296">
        <v>0</v>
      </c>
      <c r="CC25" s="297">
        <v>0</v>
      </c>
      <c r="CD25" s="298">
        <v>0</v>
      </c>
      <c r="CE25" s="296">
        <v>0</v>
      </c>
      <c r="CF25" s="296">
        <v>0</v>
      </c>
      <c r="CG25" s="296">
        <v>2670</v>
      </c>
      <c r="CH25" s="296">
        <v>0</v>
      </c>
      <c r="CI25" s="296">
        <v>435</v>
      </c>
      <c r="CJ25" s="299">
        <v>3105</v>
      </c>
      <c r="CK25" s="300">
        <v>3105</v>
      </c>
      <c r="CL25" s="295">
        <v>0</v>
      </c>
      <c r="CM25" s="296">
        <v>0</v>
      </c>
      <c r="CN25" s="297">
        <v>0</v>
      </c>
      <c r="CO25" s="298">
        <v>0</v>
      </c>
      <c r="CP25" s="296">
        <v>0</v>
      </c>
      <c r="CQ25" s="296">
        <v>0</v>
      </c>
      <c r="CR25" s="296">
        <v>0</v>
      </c>
      <c r="CS25" s="296">
        <v>0</v>
      </c>
      <c r="CT25" s="296">
        <v>0</v>
      </c>
      <c r="CU25" s="299">
        <v>0</v>
      </c>
      <c r="CV25" s="300">
        <v>0</v>
      </c>
      <c r="CW25" s="295">
        <v>0</v>
      </c>
      <c r="CX25" s="296">
        <v>0</v>
      </c>
      <c r="CY25" s="297">
        <v>0</v>
      </c>
      <c r="CZ25" s="301"/>
      <c r="DA25" s="296">
        <v>0</v>
      </c>
      <c r="DB25" s="296">
        <v>0</v>
      </c>
      <c r="DC25" s="296">
        <v>0</v>
      </c>
      <c r="DD25" s="296">
        <v>0</v>
      </c>
      <c r="DE25" s="296">
        <v>0</v>
      </c>
      <c r="DF25" s="299">
        <v>0</v>
      </c>
      <c r="DG25" s="300">
        <v>0</v>
      </c>
      <c r="DH25" s="295">
        <v>0</v>
      </c>
      <c r="DI25" s="296">
        <v>0</v>
      </c>
      <c r="DJ25" s="297">
        <v>0</v>
      </c>
      <c r="DK25" s="298">
        <v>0</v>
      </c>
      <c r="DL25" s="296">
        <v>3840</v>
      </c>
      <c r="DM25" s="296">
        <v>130821</v>
      </c>
      <c r="DN25" s="296">
        <v>576446</v>
      </c>
      <c r="DO25" s="296">
        <v>914648</v>
      </c>
      <c r="DP25" s="296">
        <v>438191</v>
      </c>
      <c r="DQ25" s="299">
        <v>2063946</v>
      </c>
      <c r="DR25" s="302">
        <v>2063946</v>
      </c>
      <c r="DS25" s="295">
        <v>0</v>
      </c>
      <c r="DT25" s="296">
        <v>0</v>
      </c>
      <c r="DU25" s="297">
        <v>0</v>
      </c>
      <c r="DV25" s="301"/>
      <c r="DW25" s="296">
        <v>0</v>
      </c>
      <c r="DX25" s="296">
        <v>50160</v>
      </c>
      <c r="DY25" s="296">
        <v>420609</v>
      </c>
      <c r="DZ25" s="296">
        <v>668288</v>
      </c>
      <c r="EA25" s="296">
        <v>308906</v>
      </c>
      <c r="EB25" s="299">
        <v>1447963</v>
      </c>
      <c r="EC25" s="300">
        <v>1447963</v>
      </c>
      <c r="ED25" s="295">
        <v>0</v>
      </c>
      <c r="EE25" s="296">
        <v>0</v>
      </c>
      <c r="EF25" s="297">
        <v>0</v>
      </c>
      <c r="EG25" s="301"/>
      <c r="EH25" s="296">
        <v>726</v>
      </c>
      <c r="EI25" s="296">
        <v>45780</v>
      </c>
      <c r="EJ25" s="296">
        <v>2485</v>
      </c>
      <c r="EK25" s="296">
        <v>24899</v>
      </c>
      <c r="EL25" s="296">
        <v>48064</v>
      </c>
      <c r="EM25" s="299">
        <v>121954</v>
      </c>
      <c r="EN25" s="300">
        <v>121954</v>
      </c>
      <c r="EO25" s="295">
        <v>0</v>
      </c>
      <c r="EP25" s="296">
        <v>0</v>
      </c>
      <c r="EQ25" s="297">
        <v>0</v>
      </c>
      <c r="ER25" s="301"/>
      <c r="ES25" s="296">
        <v>0</v>
      </c>
      <c r="ET25" s="296">
        <v>0</v>
      </c>
      <c r="EU25" s="296">
        <v>0</v>
      </c>
      <c r="EV25" s="296">
        <v>0</v>
      </c>
      <c r="EW25" s="296">
        <v>21300</v>
      </c>
      <c r="EX25" s="299">
        <v>21300</v>
      </c>
      <c r="EY25" s="300">
        <v>21300</v>
      </c>
      <c r="EZ25" s="295">
        <v>0</v>
      </c>
      <c r="FA25" s="296">
        <v>0</v>
      </c>
      <c r="FB25" s="297">
        <v>0</v>
      </c>
      <c r="FC25" s="301"/>
      <c r="FD25" s="296">
        <v>0</v>
      </c>
      <c r="FE25" s="296">
        <v>0</v>
      </c>
      <c r="FF25" s="296">
        <v>11310</v>
      </c>
      <c r="FG25" s="296">
        <v>210</v>
      </c>
      <c r="FH25" s="296">
        <v>10740</v>
      </c>
      <c r="FI25" s="299">
        <v>22260</v>
      </c>
      <c r="FJ25" s="300">
        <v>22260</v>
      </c>
      <c r="FK25" s="295">
        <v>0</v>
      </c>
      <c r="FL25" s="296">
        <v>0</v>
      </c>
      <c r="FM25" s="297">
        <v>0</v>
      </c>
      <c r="FN25" s="301"/>
      <c r="FO25" s="296">
        <v>0</v>
      </c>
      <c r="FP25" s="296">
        <v>0</v>
      </c>
      <c r="FQ25" s="296">
        <v>20700</v>
      </c>
      <c r="FR25" s="296">
        <v>174300</v>
      </c>
      <c r="FS25" s="296">
        <v>41400</v>
      </c>
      <c r="FT25" s="299">
        <v>236400</v>
      </c>
      <c r="FU25" s="300">
        <v>236400</v>
      </c>
      <c r="FV25" s="295">
        <v>0</v>
      </c>
      <c r="FW25" s="296">
        <v>0</v>
      </c>
      <c r="FX25" s="297">
        <v>0</v>
      </c>
      <c r="FY25" s="298">
        <v>0</v>
      </c>
      <c r="FZ25" s="296">
        <v>3114</v>
      </c>
      <c r="GA25" s="296">
        <v>34881</v>
      </c>
      <c r="GB25" s="296">
        <v>121300</v>
      </c>
      <c r="GC25" s="296">
        <v>46951</v>
      </c>
      <c r="GD25" s="296">
        <v>7760</v>
      </c>
      <c r="GE25" s="299">
        <v>214006</v>
      </c>
      <c r="GF25" s="300">
        <v>214006</v>
      </c>
      <c r="GG25" s="295">
        <v>0</v>
      </c>
      <c r="GH25" s="296">
        <v>0</v>
      </c>
      <c r="GI25" s="297">
        <v>0</v>
      </c>
      <c r="GJ25" s="298">
        <v>0</v>
      </c>
      <c r="GK25" s="296">
        <v>0</v>
      </c>
      <c r="GL25" s="296">
        <v>0</v>
      </c>
      <c r="GM25" s="296">
        <v>42</v>
      </c>
      <c r="GN25" s="296">
        <v>0</v>
      </c>
      <c r="GO25" s="296">
        <v>21</v>
      </c>
      <c r="GP25" s="299">
        <v>63</v>
      </c>
      <c r="GQ25" s="300">
        <v>63</v>
      </c>
      <c r="GR25" s="295">
        <v>0</v>
      </c>
      <c r="GS25" s="296">
        <v>0</v>
      </c>
      <c r="GT25" s="297">
        <v>0</v>
      </c>
      <c r="GU25" s="298">
        <v>0</v>
      </c>
      <c r="GV25" s="296">
        <v>0</v>
      </c>
      <c r="GW25" s="296">
        <v>0</v>
      </c>
      <c r="GX25" s="296">
        <v>0</v>
      </c>
      <c r="GY25" s="296">
        <v>0</v>
      </c>
      <c r="GZ25" s="296">
        <v>0</v>
      </c>
      <c r="HA25" s="299">
        <v>0</v>
      </c>
      <c r="HB25" s="300">
        <v>0</v>
      </c>
      <c r="HC25" s="295">
        <v>0</v>
      </c>
      <c r="HD25" s="296">
        <v>0</v>
      </c>
      <c r="HE25" s="297">
        <v>0</v>
      </c>
      <c r="HF25" s="301"/>
      <c r="HG25" s="296">
        <v>0</v>
      </c>
      <c r="HH25" s="296">
        <v>0</v>
      </c>
      <c r="HI25" s="296">
        <v>0</v>
      </c>
      <c r="HJ25" s="296">
        <v>0</v>
      </c>
      <c r="HK25" s="296">
        <v>0</v>
      </c>
      <c r="HL25" s="299">
        <v>0</v>
      </c>
      <c r="HM25" s="300">
        <v>0</v>
      </c>
      <c r="HN25" s="295">
        <v>0</v>
      </c>
      <c r="HO25" s="296">
        <v>0</v>
      </c>
      <c r="HP25" s="297">
        <v>0</v>
      </c>
      <c r="HQ25" s="298">
        <v>0</v>
      </c>
      <c r="HR25" s="296">
        <v>58135</v>
      </c>
      <c r="HS25" s="296">
        <v>532886</v>
      </c>
      <c r="HT25" s="296">
        <v>1289341</v>
      </c>
      <c r="HU25" s="296">
        <v>1842616</v>
      </c>
      <c r="HV25" s="296">
        <v>993811</v>
      </c>
      <c r="HW25" s="299">
        <v>4716789</v>
      </c>
      <c r="HX25" s="300">
        <v>4716789</v>
      </c>
    </row>
    <row r="26" spans="1:232" ht="16.5" customHeight="1" x14ac:dyDescent="0.2">
      <c r="A26" s="293" t="s">
        <v>23</v>
      </c>
      <c r="B26" s="295">
        <v>290</v>
      </c>
      <c r="C26" s="296">
        <v>580</v>
      </c>
      <c r="D26" s="297">
        <v>870</v>
      </c>
      <c r="E26" s="298">
        <v>0</v>
      </c>
      <c r="F26" s="296">
        <v>206185</v>
      </c>
      <c r="G26" s="296">
        <v>407266</v>
      </c>
      <c r="H26" s="296">
        <v>1013075</v>
      </c>
      <c r="I26" s="296">
        <v>1386213</v>
      </c>
      <c r="J26" s="296">
        <v>886094</v>
      </c>
      <c r="K26" s="299">
        <v>3898833</v>
      </c>
      <c r="L26" s="300">
        <v>3899703</v>
      </c>
      <c r="M26" s="295">
        <v>0</v>
      </c>
      <c r="N26" s="296">
        <v>0</v>
      </c>
      <c r="O26" s="297">
        <v>0</v>
      </c>
      <c r="P26" s="301"/>
      <c r="Q26" s="296">
        <v>34200</v>
      </c>
      <c r="R26" s="296">
        <v>168600</v>
      </c>
      <c r="S26" s="296">
        <v>766840</v>
      </c>
      <c r="T26" s="296">
        <v>1069740</v>
      </c>
      <c r="U26" s="296">
        <v>642745</v>
      </c>
      <c r="V26" s="299">
        <v>2682125</v>
      </c>
      <c r="W26" s="300">
        <v>2682125</v>
      </c>
      <c r="X26" s="295">
        <v>0</v>
      </c>
      <c r="Y26" s="296">
        <v>0</v>
      </c>
      <c r="Z26" s="297">
        <v>0</v>
      </c>
      <c r="AA26" s="301"/>
      <c r="AB26" s="296">
        <v>127535</v>
      </c>
      <c r="AC26" s="296">
        <v>188770</v>
      </c>
      <c r="AD26" s="296">
        <v>207345</v>
      </c>
      <c r="AE26" s="296">
        <v>192395</v>
      </c>
      <c r="AF26" s="296">
        <v>201739</v>
      </c>
      <c r="AG26" s="299">
        <v>917784</v>
      </c>
      <c r="AH26" s="300">
        <v>917784</v>
      </c>
      <c r="AI26" s="295">
        <v>0</v>
      </c>
      <c r="AJ26" s="296">
        <v>0</v>
      </c>
      <c r="AK26" s="297">
        <v>0</v>
      </c>
      <c r="AL26" s="301"/>
      <c r="AM26" s="296">
        <v>0</v>
      </c>
      <c r="AN26" s="296">
        <v>0</v>
      </c>
      <c r="AO26" s="296">
        <v>0</v>
      </c>
      <c r="AP26" s="296">
        <v>34200</v>
      </c>
      <c r="AQ26" s="296">
        <v>0</v>
      </c>
      <c r="AR26" s="299">
        <v>34200</v>
      </c>
      <c r="AS26" s="300">
        <v>34200</v>
      </c>
      <c r="AT26" s="295">
        <v>0</v>
      </c>
      <c r="AU26" s="296">
        <v>0</v>
      </c>
      <c r="AV26" s="297">
        <v>0</v>
      </c>
      <c r="AW26" s="301"/>
      <c r="AX26" s="296">
        <v>0</v>
      </c>
      <c r="AY26" s="296">
        <v>0</v>
      </c>
      <c r="AZ26" s="296">
        <v>2550</v>
      </c>
      <c r="BA26" s="296">
        <v>23850</v>
      </c>
      <c r="BB26" s="296">
        <v>0</v>
      </c>
      <c r="BC26" s="299">
        <v>26400</v>
      </c>
      <c r="BD26" s="300">
        <v>26400</v>
      </c>
      <c r="BE26" s="295">
        <v>0</v>
      </c>
      <c r="BF26" s="296">
        <v>0</v>
      </c>
      <c r="BG26" s="297">
        <v>0</v>
      </c>
      <c r="BH26" s="301"/>
      <c r="BI26" s="296">
        <v>0</v>
      </c>
      <c r="BJ26" s="296">
        <v>0</v>
      </c>
      <c r="BK26" s="296">
        <v>0</v>
      </c>
      <c r="BL26" s="296">
        <v>0</v>
      </c>
      <c r="BM26" s="296">
        <v>0</v>
      </c>
      <c r="BN26" s="299">
        <v>0</v>
      </c>
      <c r="BO26" s="300">
        <v>0</v>
      </c>
      <c r="BP26" s="295">
        <v>290</v>
      </c>
      <c r="BQ26" s="296">
        <v>580</v>
      </c>
      <c r="BR26" s="297">
        <v>870</v>
      </c>
      <c r="BS26" s="298">
        <v>0</v>
      </c>
      <c r="BT26" s="296">
        <v>44450</v>
      </c>
      <c r="BU26" s="296">
        <v>48430</v>
      </c>
      <c r="BV26" s="296">
        <v>36340</v>
      </c>
      <c r="BW26" s="296">
        <v>66028</v>
      </c>
      <c r="BX26" s="296">
        <v>41610</v>
      </c>
      <c r="BY26" s="299">
        <v>236858</v>
      </c>
      <c r="BZ26" s="300">
        <v>237728</v>
      </c>
      <c r="CA26" s="295">
        <v>0</v>
      </c>
      <c r="CB26" s="296">
        <v>0</v>
      </c>
      <c r="CC26" s="297">
        <v>0</v>
      </c>
      <c r="CD26" s="298">
        <v>0</v>
      </c>
      <c r="CE26" s="296">
        <v>0</v>
      </c>
      <c r="CF26" s="296">
        <v>1466</v>
      </c>
      <c r="CG26" s="296">
        <v>0</v>
      </c>
      <c r="CH26" s="296">
        <v>0</v>
      </c>
      <c r="CI26" s="296">
        <v>0</v>
      </c>
      <c r="CJ26" s="299">
        <v>1466</v>
      </c>
      <c r="CK26" s="300">
        <v>1466</v>
      </c>
      <c r="CL26" s="295">
        <v>0</v>
      </c>
      <c r="CM26" s="296">
        <v>0</v>
      </c>
      <c r="CN26" s="297">
        <v>0</v>
      </c>
      <c r="CO26" s="298">
        <v>0</v>
      </c>
      <c r="CP26" s="296">
        <v>0</v>
      </c>
      <c r="CQ26" s="296">
        <v>0</v>
      </c>
      <c r="CR26" s="296">
        <v>0</v>
      </c>
      <c r="CS26" s="296">
        <v>0</v>
      </c>
      <c r="CT26" s="296">
        <v>0</v>
      </c>
      <c r="CU26" s="299">
        <v>0</v>
      </c>
      <c r="CV26" s="300">
        <v>0</v>
      </c>
      <c r="CW26" s="295">
        <v>0</v>
      </c>
      <c r="CX26" s="296">
        <v>0</v>
      </c>
      <c r="CY26" s="297">
        <v>0</v>
      </c>
      <c r="CZ26" s="301"/>
      <c r="DA26" s="296">
        <v>0</v>
      </c>
      <c r="DB26" s="296">
        <v>0</v>
      </c>
      <c r="DC26" s="296">
        <v>0</v>
      </c>
      <c r="DD26" s="296">
        <v>0</v>
      </c>
      <c r="DE26" s="296">
        <v>0</v>
      </c>
      <c r="DF26" s="299">
        <v>0</v>
      </c>
      <c r="DG26" s="300">
        <v>0</v>
      </c>
      <c r="DH26" s="295">
        <v>4176</v>
      </c>
      <c r="DI26" s="296">
        <v>2784</v>
      </c>
      <c r="DJ26" s="297">
        <v>6960</v>
      </c>
      <c r="DK26" s="298">
        <v>0</v>
      </c>
      <c r="DL26" s="296">
        <v>108907</v>
      </c>
      <c r="DM26" s="296">
        <v>232252</v>
      </c>
      <c r="DN26" s="296">
        <v>887683</v>
      </c>
      <c r="DO26" s="296">
        <v>1368492</v>
      </c>
      <c r="DP26" s="296">
        <v>774588</v>
      </c>
      <c r="DQ26" s="299">
        <v>3371922</v>
      </c>
      <c r="DR26" s="302">
        <v>3378882</v>
      </c>
      <c r="DS26" s="295">
        <v>0</v>
      </c>
      <c r="DT26" s="296">
        <v>0</v>
      </c>
      <c r="DU26" s="297">
        <v>0</v>
      </c>
      <c r="DV26" s="301"/>
      <c r="DW26" s="296">
        <v>31980</v>
      </c>
      <c r="DX26" s="296">
        <v>166590</v>
      </c>
      <c r="DY26" s="296">
        <v>834366</v>
      </c>
      <c r="DZ26" s="296">
        <v>1259245</v>
      </c>
      <c r="EA26" s="296">
        <v>727721</v>
      </c>
      <c r="EB26" s="299">
        <v>3019902</v>
      </c>
      <c r="EC26" s="300">
        <v>3019902</v>
      </c>
      <c r="ED26" s="295">
        <v>0</v>
      </c>
      <c r="EE26" s="296">
        <v>0</v>
      </c>
      <c r="EF26" s="297">
        <v>0</v>
      </c>
      <c r="EG26" s="301"/>
      <c r="EH26" s="296">
        <v>22967</v>
      </c>
      <c r="EI26" s="296">
        <v>3115</v>
      </c>
      <c r="EJ26" s="296">
        <v>3360</v>
      </c>
      <c r="EK26" s="296">
        <v>13764</v>
      </c>
      <c r="EL26" s="296">
        <v>35035</v>
      </c>
      <c r="EM26" s="299">
        <v>78241</v>
      </c>
      <c r="EN26" s="300">
        <v>78241</v>
      </c>
      <c r="EO26" s="295">
        <v>0</v>
      </c>
      <c r="EP26" s="296">
        <v>0</v>
      </c>
      <c r="EQ26" s="297">
        <v>0</v>
      </c>
      <c r="ER26" s="301"/>
      <c r="ES26" s="296">
        <v>0</v>
      </c>
      <c r="ET26" s="296">
        <v>0</v>
      </c>
      <c r="EU26" s="296">
        <v>0</v>
      </c>
      <c r="EV26" s="296">
        <v>420</v>
      </c>
      <c r="EW26" s="296">
        <v>0</v>
      </c>
      <c r="EX26" s="299">
        <v>420</v>
      </c>
      <c r="EY26" s="300">
        <v>420</v>
      </c>
      <c r="EZ26" s="295">
        <v>0</v>
      </c>
      <c r="FA26" s="296">
        <v>0</v>
      </c>
      <c r="FB26" s="297">
        <v>0</v>
      </c>
      <c r="FC26" s="301"/>
      <c r="FD26" s="296">
        <v>0</v>
      </c>
      <c r="FE26" s="296">
        <v>0</v>
      </c>
      <c r="FF26" s="296">
        <v>210</v>
      </c>
      <c r="FG26" s="296">
        <v>210</v>
      </c>
      <c r="FH26" s="296">
        <v>0</v>
      </c>
      <c r="FI26" s="299">
        <v>420</v>
      </c>
      <c r="FJ26" s="300">
        <v>420</v>
      </c>
      <c r="FK26" s="295">
        <v>0</v>
      </c>
      <c r="FL26" s="296">
        <v>0</v>
      </c>
      <c r="FM26" s="297">
        <v>0</v>
      </c>
      <c r="FN26" s="301"/>
      <c r="FO26" s="296">
        <v>0</v>
      </c>
      <c r="FP26" s="296">
        <v>0</v>
      </c>
      <c r="FQ26" s="296">
        <v>0</v>
      </c>
      <c r="FR26" s="296">
        <v>0</v>
      </c>
      <c r="FS26" s="296">
        <v>0</v>
      </c>
      <c r="FT26" s="299">
        <v>0</v>
      </c>
      <c r="FU26" s="300">
        <v>0</v>
      </c>
      <c r="FV26" s="295">
        <v>4176</v>
      </c>
      <c r="FW26" s="296">
        <v>2784</v>
      </c>
      <c r="FX26" s="297">
        <v>6960</v>
      </c>
      <c r="FY26" s="298">
        <v>0</v>
      </c>
      <c r="FZ26" s="296">
        <v>53960</v>
      </c>
      <c r="GA26" s="296">
        <v>62519</v>
      </c>
      <c r="GB26" s="296">
        <v>49747</v>
      </c>
      <c r="GC26" s="296">
        <v>94853</v>
      </c>
      <c r="GD26" s="296">
        <v>11832</v>
      </c>
      <c r="GE26" s="299">
        <v>272911</v>
      </c>
      <c r="GF26" s="300">
        <v>279871</v>
      </c>
      <c r="GG26" s="295">
        <v>0</v>
      </c>
      <c r="GH26" s="296">
        <v>0</v>
      </c>
      <c r="GI26" s="297">
        <v>0</v>
      </c>
      <c r="GJ26" s="298">
        <v>0</v>
      </c>
      <c r="GK26" s="296">
        <v>0</v>
      </c>
      <c r="GL26" s="296">
        <v>28</v>
      </c>
      <c r="GM26" s="296">
        <v>0</v>
      </c>
      <c r="GN26" s="296">
        <v>0</v>
      </c>
      <c r="GO26" s="296">
        <v>0</v>
      </c>
      <c r="GP26" s="299">
        <v>28</v>
      </c>
      <c r="GQ26" s="300">
        <v>28</v>
      </c>
      <c r="GR26" s="295">
        <v>0</v>
      </c>
      <c r="GS26" s="296">
        <v>0</v>
      </c>
      <c r="GT26" s="297">
        <v>0</v>
      </c>
      <c r="GU26" s="298">
        <v>0</v>
      </c>
      <c r="GV26" s="296">
        <v>0</v>
      </c>
      <c r="GW26" s="296">
        <v>0</v>
      </c>
      <c r="GX26" s="296">
        <v>0</v>
      </c>
      <c r="GY26" s="296">
        <v>0</v>
      </c>
      <c r="GZ26" s="296">
        <v>0</v>
      </c>
      <c r="HA26" s="299">
        <v>0</v>
      </c>
      <c r="HB26" s="300">
        <v>0</v>
      </c>
      <c r="HC26" s="295">
        <v>0</v>
      </c>
      <c r="HD26" s="296">
        <v>0</v>
      </c>
      <c r="HE26" s="297">
        <v>0</v>
      </c>
      <c r="HF26" s="301"/>
      <c r="HG26" s="296">
        <v>0</v>
      </c>
      <c r="HH26" s="296">
        <v>0</v>
      </c>
      <c r="HI26" s="296">
        <v>0</v>
      </c>
      <c r="HJ26" s="296">
        <v>0</v>
      </c>
      <c r="HK26" s="296">
        <v>0</v>
      </c>
      <c r="HL26" s="299">
        <v>0</v>
      </c>
      <c r="HM26" s="300">
        <v>0</v>
      </c>
      <c r="HN26" s="295">
        <v>4466</v>
      </c>
      <c r="HO26" s="296">
        <v>3364</v>
      </c>
      <c r="HP26" s="297">
        <v>7830</v>
      </c>
      <c r="HQ26" s="298">
        <v>0</v>
      </c>
      <c r="HR26" s="296">
        <v>315092</v>
      </c>
      <c r="HS26" s="296">
        <v>639518</v>
      </c>
      <c r="HT26" s="296">
        <v>1900758</v>
      </c>
      <c r="HU26" s="296">
        <v>2754705</v>
      </c>
      <c r="HV26" s="296">
        <v>1660682</v>
      </c>
      <c r="HW26" s="299">
        <v>7270755</v>
      </c>
      <c r="HX26" s="300">
        <v>7278585</v>
      </c>
    </row>
    <row r="27" spans="1:232" ht="16.5" customHeight="1" x14ac:dyDescent="0.2">
      <c r="A27" s="293" t="s">
        <v>24</v>
      </c>
      <c r="B27" s="295">
        <v>0</v>
      </c>
      <c r="C27" s="296">
        <v>0</v>
      </c>
      <c r="D27" s="297">
        <v>0</v>
      </c>
      <c r="E27" s="298">
        <v>0</v>
      </c>
      <c r="F27" s="296">
        <v>55976</v>
      </c>
      <c r="G27" s="296">
        <v>38261</v>
      </c>
      <c r="H27" s="296">
        <v>416188</v>
      </c>
      <c r="I27" s="296">
        <v>489853</v>
      </c>
      <c r="J27" s="296">
        <v>307315</v>
      </c>
      <c r="K27" s="299">
        <v>1307593</v>
      </c>
      <c r="L27" s="300">
        <v>1307593</v>
      </c>
      <c r="M27" s="295">
        <v>0</v>
      </c>
      <c r="N27" s="296">
        <v>0</v>
      </c>
      <c r="O27" s="297">
        <v>0</v>
      </c>
      <c r="P27" s="301"/>
      <c r="Q27" s="296">
        <v>0</v>
      </c>
      <c r="R27" s="296">
        <v>0</v>
      </c>
      <c r="S27" s="296">
        <v>236785</v>
      </c>
      <c r="T27" s="296">
        <v>323535</v>
      </c>
      <c r="U27" s="296">
        <v>301145</v>
      </c>
      <c r="V27" s="299">
        <v>861465</v>
      </c>
      <c r="W27" s="300">
        <v>861465</v>
      </c>
      <c r="X27" s="295">
        <v>0</v>
      </c>
      <c r="Y27" s="296">
        <v>0</v>
      </c>
      <c r="Z27" s="297">
        <v>0</v>
      </c>
      <c r="AA27" s="301"/>
      <c r="AB27" s="296">
        <v>52301</v>
      </c>
      <c r="AC27" s="296">
        <v>10200</v>
      </c>
      <c r="AD27" s="296">
        <v>171560</v>
      </c>
      <c r="AE27" s="296">
        <v>111205</v>
      </c>
      <c r="AF27" s="296">
        <v>-1145</v>
      </c>
      <c r="AG27" s="299">
        <v>344121</v>
      </c>
      <c r="AH27" s="300">
        <v>344121</v>
      </c>
      <c r="AI27" s="295">
        <v>0</v>
      </c>
      <c r="AJ27" s="296">
        <v>0</v>
      </c>
      <c r="AK27" s="297">
        <v>0</v>
      </c>
      <c r="AL27" s="301"/>
      <c r="AM27" s="296">
        <v>0</v>
      </c>
      <c r="AN27" s="296">
        <v>0</v>
      </c>
      <c r="AO27" s="296">
        <v>0</v>
      </c>
      <c r="AP27" s="296">
        <v>0</v>
      </c>
      <c r="AQ27" s="296">
        <v>0</v>
      </c>
      <c r="AR27" s="299">
        <v>0</v>
      </c>
      <c r="AS27" s="300">
        <v>0</v>
      </c>
      <c r="AT27" s="295">
        <v>0</v>
      </c>
      <c r="AU27" s="296">
        <v>0</v>
      </c>
      <c r="AV27" s="297">
        <v>0</v>
      </c>
      <c r="AW27" s="301"/>
      <c r="AX27" s="296">
        <v>0</v>
      </c>
      <c r="AY27" s="296">
        <v>0</v>
      </c>
      <c r="AZ27" s="296">
        <v>0</v>
      </c>
      <c r="BA27" s="296">
        <v>0</v>
      </c>
      <c r="BB27" s="296">
        <v>0</v>
      </c>
      <c r="BC27" s="299">
        <v>0</v>
      </c>
      <c r="BD27" s="300">
        <v>0</v>
      </c>
      <c r="BE27" s="295">
        <v>0</v>
      </c>
      <c r="BF27" s="296">
        <v>0</v>
      </c>
      <c r="BG27" s="297">
        <v>0</v>
      </c>
      <c r="BH27" s="301"/>
      <c r="BI27" s="296">
        <v>0</v>
      </c>
      <c r="BJ27" s="296">
        <v>0</v>
      </c>
      <c r="BK27" s="296">
        <v>0</v>
      </c>
      <c r="BL27" s="296">
        <v>0</v>
      </c>
      <c r="BM27" s="296">
        <v>0</v>
      </c>
      <c r="BN27" s="299">
        <v>0</v>
      </c>
      <c r="BO27" s="300">
        <v>0</v>
      </c>
      <c r="BP27" s="295">
        <v>0</v>
      </c>
      <c r="BQ27" s="296">
        <v>0</v>
      </c>
      <c r="BR27" s="297">
        <v>0</v>
      </c>
      <c r="BS27" s="298">
        <v>0</v>
      </c>
      <c r="BT27" s="296">
        <v>1740</v>
      </c>
      <c r="BU27" s="296">
        <v>28061</v>
      </c>
      <c r="BV27" s="296">
        <v>5488</v>
      </c>
      <c r="BW27" s="296">
        <v>55075</v>
      </c>
      <c r="BX27" s="296">
        <v>0</v>
      </c>
      <c r="BY27" s="299">
        <v>90364</v>
      </c>
      <c r="BZ27" s="300">
        <v>90364</v>
      </c>
      <c r="CA27" s="295">
        <v>0</v>
      </c>
      <c r="CB27" s="296">
        <v>0</v>
      </c>
      <c r="CC27" s="297">
        <v>0</v>
      </c>
      <c r="CD27" s="298">
        <v>0</v>
      </c>
      <c r="CE27" s="296">
        <v>1935</v>
      </c>
      <c r="CF27" s="296">
        <v>0</v>
      </c>
      <c r="CG27" s="296">
        <v>2355</v>
      </c>
      <c r="CH27" s="296">
        <v>38</v>
      </c>
      <c r="CI27" s="296">
        <v>7315</v>
      </c>
      <c r="CJ27" s="299">
        <v>11643</v>
      </c>
      <c r="CK27" s="300">
        <v>11643</v>
      </c>
      <c r="CL27" s="295">
        <v>0</v>
      </c>
      <c r="CM27" s="296">
        <v>0</v>
      </c>
      <c r="CN27" s="297">
        <v>0</v>
      </c>
      <c r="CO27" s="298">
        <v>0</v>
      </c>
      <c r="CP27" s="296">
        <v>0</v>
      </c>
      <c r="CQ27" s="296">
        <v>0</v>
      </c>
      <c r="CR27" s="296">
        <v>0</v>
      </c>
      <c r="CS27" s="296">
        <v>0</v>
      </c>
      <c r="CT27" s="296">
        <v>0</v>
      </c>
      <c r="CU27" s="299">
        <v>0</v>
      </c>
      <c r="CV27" s="300">
        <v>0</v>
      </c>
      <c r="CW27" s="295">
        <v>0</v>
      </c>
      <c r="CX27" s="296">
        <v>0</v>
      </c>
      <c r="CY27" s="297">
        <v>0</v>
      </c>
      <c r="CZ27" s="301"/>
      <c r="DA27" s="296">
        <v>0</v>
      </c>
      <c r="DB27" s="296">
        <v>0</v>
      </c>
      <c r="DC27" s="296">
        <v>0</v>
      </c>
      <c r="DD27" s="296">
        <v>0</v>
      </c>
      <c r="DE27" s="296">
        <v>0</v>
      </c>
      <c r="DF27" s="299">
        <v>0</v>
      </c>
      <c r="DG27" s="300">
        <v>0</v>
      </c>
      <c r="DH27" s="295">
        <v>0</v>
      </c>
      <c r="DI27" s="296">
        <v>0</v>
      </c>
      <c r="DJ27" s="297">
        <v>0</v>
      </c>
      <c r="DK27" s="298">
        <v>0</v>
      </c>
      <c r="DL27" s="296">
        <v>36263</v>
      </c>
      <c r="DM27" s="296">
        <v>43368</v>
      </c>
      <c r="DN27" s="296">
        <v>370912</v>
      </c>
      <c r="DO27" s="296">
        <v>704743</v>
      </c>
      <c r="DP27" s="296">
        <v>515092</v>
      </c>
      <c r="DQ27" s="299">
        <v>1670378</v>
      </c>
      <c r="DR27" s="302">
        <v>1670378</v>
      </c>
      <c r="DS27" s="295">
        <v>0</v>
      </c>
      <c r="DT27" s="296">
        <v>0</v>
      </c>
      <c r="DU27" s="297">
        <v>0</v>
      </c>
      <c r="DV27" s="301"/>
      <c r="DW27" s="296">
        <v>0</v>
      </c>
      <c r="DX27" s="296">
        <v>0</v>
      </c>
      <c r="DY27" s="296">
        <v>321950</v>
      </c>
      <c r="DZ27" s="296">
        <v>591601</v>
      </c>
      <c r="EA27" s="296">
        <v>515406</v>
      </c>
      <c r="EB27" s="299">
        <v>1428957</v>
      </c>
      <c r="EC27" s="300">
        <v>1428957</v>
      </c>
      <c r="ED27" s="295">
        <v>0</v>
      </c>
      <c r="EE27" s="296">
        <v>0</v>
      </c>
      <c r="EF27" s="297">
        <v>0</v>
      </c>
      <c r="EG27" s="301"/>
      <c r="EH27" s="296">
        <v>32016</v>
      </c>
      <c r="EI27" s="296">
        <v>21510</v>
      </c>
      <c r="EJ27" s="296">
        <v>44006</v>
      </c>
      <c r="EK27" s="296">
        <v>42573</v>
      </c>
      <c r="EL27" s="296">
        <v>-377</v>
      </c>
      <c r="EM27" s="299">
        <v>139728</v>
      </c>
      <c r="EN27" s="300">
        <v>139728</v>
      </c>
      <c r="EO27" s="295">
        <v>0</v>
      </c>
      <c r="EP27" s="296">
        <v>0</v>
      </c>
      <c r="EQ27" s="297">
        <v>0</v>
      </c>
      <c r="ER27" s="301"/>
      <c r="ES27" s="296">
        <v>0</v>
      </c>
      <c r="ET27" s="296">
        <v>0</v>
      </c>
      <c r="EU27" s="296">
        <v>0</v>
      </c>
      <c r="EV27" s="296">
        <v>0</v>
      </c>
      <c r="EW27" s="296">
        <v>0</v>
      </c>
      <c r="EX27" s="299">
        <v>0</v>
      </c>
      <c r="EY27" s="300">
        <v>0</v>
      </c>
      <c r="EZ27" s="295">
        <v>0</v>
      </c>
      <c r="FA27" s="296">
        <v>0</v>
      </c>
      <c r="FB27" s="297">
        <v>0</v>
      </c>
      <c r="FC27" s="301"/>
      <c r="FD27" s="296">
        <v>0</v>
      </c>
      <c r="FE27" s="296">
        <v>0</v>
      </c>
      <c r="FF27" s="296">
        <v>0</v>
      </c>
      <c r="FG27" s="296">
        <v>0</v>
      </c>
      <c r="FH27" s="296">
        <v>0</v>
      </c>
      <c r="FI27" s="299">
        <v>0</v>
      </c>
      <c r="FJ27" s="300">
        <v>0</v>
      </c>
      <c r="FK27" s="295">
        <v>0</v>
      </c>
      <c r="FL27" s="296">
        <v>0</v>
      </c>
      <c r="FM27" s="297">
        <v>0</v>
      </c>
      <c r="FN27" s="301"/>
      <c r="FO27" s="296">
        <v>0</v>
      </c>
      <c r="FP27" s="296">
        <v>0</v>
      </c>
      <c r="FQ27" s="296">
        <v>0</v>
      </c>
      <c r="FR27" s="296">
        <v>0</v>
      </c>
      <c r="FS27" s="296">
        <v>0</v>
      </c>
      <c r="FT27" s="299">
        <v>0</v>
      </c>
      <c r="FU27" s="300">
        <v>0</v>
      </c>
      <c r="FV27" s="295">
        <v>0</v>
      </c>
      <c r="FW27" s="296">
        <v>0</v>
      </c>
      <c r="FX27" s="297">
        <v>0</v>
      </c>
      <c r="FY27" s="298">
        <v>0</v>
      </c>
      <c r="FZ27" s="296">
        <v>4212</v>
      </c>
      <c r="GA27" s="296">
        <v>21858</v>
      </c>
      <c r="GB27" s="296">
        <v>4914</v>
      </c>
      <c r="GC27" s="296">
        <v>70562</v>
      </c>
      <c r="GD27" s="296">
        <v>0</v>
      </c>
      <c r="GE27" s="299">
        <v>101546</v>
      </c>
      <c r="GF27" s="300">
        <v>101546</v>
      </c>
      <c r="GG27" s="295">
        <v>0</v>
      </c>
      <c r="GH27" s="296">
        <v>0</v>
      </c>
      <c r="GI27" s="297">
        <v>0</v>
      </c>
      <c r="GJ27" s="298">
        <v>0</v>
      </c>
      <c r="GK27" s="296">
        <v>35</v>
      </c>
      <c r="GL27" s="296">
        <v>0</v>
      </c>
      <c r="GM27" s="296">
        <v>42</v>
      </c>
      <c r="GN27" s="296">
        <v>7</v>
      </c>
      <c r="GO27" s="296">
        <v>63</v>
      </c>
      <c r="GP27" s="299">
        <v>147</v>
      </c>
      <c r="GQ27" s="300">
        <v>147</v>
      </c>
      <c r="GR27" s="295">
        <v>0</v>
      </c>
      <c r="GS27" s="296">
        <v>0</v>
      </c>
      <c r="GT27" s="297">
        <v>0</v>
      </c>
      <c r="GU27" s="298">
        <v>0</v>
      </c>
      <c r="GV27" s="296">
        <v>0</v>
      </c>
      <c r="GW27" s="296">
        <v>0</v>
      </c>
      <c r="GX27" s="296">
        <v>0</v>
      </c>
      <c r="GY27" s="296">
        <v>0</v>
      </c>
      <c r="GZ27" s="296">
        <v>0</v>
      </c>
      <c r="HA27" s="299">
        <v>0</v>
      </c>
      <c r="HB27" s="300">
        <v>0</v>
      </c>
      <c r="HC27" s="295">
        <v>0</v>
      </c>
      <c r="HD27" s="296">
        <v>0</v>
      </c>
      <c r="HE27" s="297">
        <v>0</v>
      </c>
      <c r="HF27" s="301"/>
      <c r="HG27" s="296">
        <v>0</v>
      </c>
      <c r="HH27" s="296">
        <v>0</v>
      </c>
      <c r="HI27" s="296">
        <v>0</v>
      </c>
      <c r="HJ27" s="296">
        <v>0</v>
      </c>
      <c r="HK27" s="296">
        <v>0</v>
      </c>
      <c r="HL27" s="299">
        <v>0</v>
      </c>
      <c r="HM27" s="300">
        <v>0</v>
      </c>
      <c r="HN27" s="295">
        <v>0</v>
      </c>
      <c r="HO27" s="296">
        <v>0</v>
      </c>
      <c r="HP27" s="297">
        <v>0</v>
      </c>
      <c r="HQ27" s="298">
        <v>0</v>
      </c>
      <c r="HR27" s="296">
        <v>92239</v>
      </c>
      <c r="HS27" s="296">
        <v>81629</v>
      </c>
      <c r="HT27" s="296">
        <v>787100</v>
      </c>
      <c r="HU27" s="296">
        <v>1194596</v>
      </c>
      <c r="HV27" s="296">
        <v>822407</v>
      </c>
      <c r="HW27" s="299">
        <v>2977971</v>
      </c>
      <c r="HX27" s="300">
        <v>2977971</v>
      </c>
    </row>
    <row r="28" spans="1:232" ht="16.5" customHeight="1" x14ac:dyDescent="0.2">
      <c r="A28" s="293" t="s">
        <v>25</v>
      </c>
      <c r="B28" s="295">
        <v>0</v>
      </c>
      <c r="C28" s="296">
        <v>0</v>
      </c>
      <c r="D28" s="297">
        <v>0</v>
      </c>
      <c r="E28" s="298">
        <v>0</v>
      </c>
      <c r="F28" s="296">
        <v>135715</v>
      </c>
      <c r="G28" s="296">
        <v>196134</v>
      </c>
      <c r="H28" s="296">
        <v>557885</v>
      </c>
      <c r="I28" s="296">
        <v>870162</v>
      </c>
      <c r="J28" s="296">
        <v>595729</v>
      </c>
      <c r="K28" s="299">
        <v>2355625</v>
      </c>
      <c r="L28" s="300">
        <v>2355625</v>
      </c>
      <c r="M28" s="295">
        <v>0</v>
      </c>
      <c r="N28" s="296">
        <v>0</v>
      </c>
      <c r="O28" s="297">
        <v>0</v>
      </c>
      <c r="P28" s="301"/>
      <c r="Q28" s="296">
        <v>26400</v>
      </c>
      <c r="R28" s="296">
        <v>41850</v>
      </c>
      <c r="S28" s="296">
        <v>484540</v>
      </c>
      <c r="T28" s="296">
        <v>598295</v>
      </c>
      <c r="U28" s="296">
        <v>487890</v>
      </c>
      <c r="V28" s="299">
        <v>1638975</v>
      </c>
      <c r="W28" s="300">
        <v>1638975</v>
      </c>
      <c r="X28" s="295">
        <v>0</v>
      </c>
      <c r="Y28" s="296">
        <v>0</v>
      </c>
      <c r="Z28" s="297">
        <v>0</v>
      </c>
      <c r="AA28" s="301"/>
      <c r="AB28" s="296">
        <v>109315</v>
      </c>
      <c r="AC28" s="296">
        <v>135205</v>
      </c>
      <c r="AD28" s="296">
        <v>63150</v>
      </c>
      <c r="AE28" s="296">
        <v>263200</v>
      </c>
      <c r="AF28" s="296">
        <v>79979</v>
      </c>
      <c r="AG28" s="299">
        <v>650849</v>
      </c>
      <c r="AH28" s="300">
        <v>650849</v>
      </c>
      <c r="AI28" s="295">
        <v>0</v>
      </c>
      <c r="AJ28" s="296">
        <v>0</v>
      </c>
      <c r="AK28" s="297">
        <v>0</v>
      </c>
      <c r="AL28" s="301"/>
      <c r="AM28" s="296">
        <v>0</v>
      </c>
      <c r="AN28" s="296">
        <v>0</v>
      </c>
      <c r="AO28" s="296">
        <v>0</v>
      </c>
      <c r="AP28" s="296">
        <v>0</v>
      </c>
      <c r="AQ28" s="296">
        <v>0</v>
      </c>
      <c r="AR28" s="299">
        <v>0</v>
      </c>
      <c r="AS28" s="300">
        <v>0</v>
      </c>
      <c r="AT28" s="295">
        <v>0</v>
      </c>
      <c r="AU28" s="296">
        <v>0</v>
      </c>
      <c r="AV28" s="297">
        <v>0</v>
      </c>
      <c r="AW28" s="301"/>
      <c r="AX28" s="296">
        <v>0</v>
      </c>
      <c r="AY28" s="296">
        <v>0</v>
      </c>
      <c r="AZ28" s="296">
        <v>0</v>
      </c>
      <c r="BA28" s="296">
        <v>0</v>
      </c>
      <c r="BB28" s="296">
        <v>0</v>
      </c>
      <c r="BC28" s="299">
        <v>0</v>
      </c>
      <c r="BD28" s="300">
        <v>0</v>
      </c>
      <c r="BE28" s="295">
        <v>0</v>
      </c>
      <c r="BF28" s="296">
        <v>0</v>
      </c>
      <c r="BG28" s="297">
        <v>0</v>
      </c>
      <c r="BH28" s="301"/>
      <c r="BI28" s="296">
        <v>0</v>
      </c>
      <c r="BJ28" s="296">
        <v>0</v>
      </c>
      <c r="BK28" s="296">
        <v>0</v>
      </c>
      <c r="BL28" s="296">
        <v>0</v>
      </c>
      <c r="BM28" s="296">
        <v>0</v>
      </c>
      <c r="BN28" s="299">
        <v>0</v>
      </c>
      <c r="BO28" s="300">
        <v>0</v>
      </c>
      <c r="BP28" s="295">
        <v>0</v>
      </c>
      <c r="BQ28" s="296">
        <v>0</v>
      </c>
      <c r="BR28" s="297">
        <v>0</v>
      </c>
      <c r="BS28" s="298">
        <v>0</v>
      </c>
      <c r="BT28" s="296">
        <v>0</v>
      </c>
      <c r="BU28" s="296">
        <v>19079</v>
      </c>
      <c r="BV28" s="296">
        <v>10195</v>
      </c>
      <c r="BW28" s="296">
        <v>4677</v>
      </c>
      <c r="BX28" s="296">
        <v>26410</v>
      </c>
      <c r="BY28" s="299">
        <v>60361</v>
      </c>
      <c r="BZ28" s="300">
        <v>60361</v>
      </c>
      <c r="CA28" s="295">
        <v>0</v>
      </c>
      <c r="CB28" s="296">
        <v>0</v>
      </c>
      <c r="CC28" s="297">
        <v>0</v>
      </c>
      <c r="CD28" s="298">
        <v>0</v>
      </c>
      <c r="CE28" s="296">
        <v>0</v>
      </c>
      <c r="CF28" s="296">
        <v>0</v>
      </c>
      <c r="CG28" s="296">
        <v>0</v>
      </c>
      <c r="CH28" s="296">
        <v>3990</v>
      </c>
      <c r="CI28" s="296">
        <v>1450</v>
      </c>
      <c r="CJ28" s="299">
        <v>5440</v>
      </c>
      <c r="CK28" s="300">
        <v>5440</v>
      </c>
      <c r="CL28" s="295">
        <v>0</v>
      </c>
      <c r="CM28" s="296">
        <v>0</v>
      </c>
      <c r="CN28" s="297">
        <v>0</v>
      </c>
      <c r="CO28" s="298">
        <v>0</v>
      </c>
      <c r="CP28" s="296">
        <v>0</v>
      </c>
      <c r="CQ28" s="296">
        <v>0</v>
      </c>
      <c r="CR28" s="296">
        <v>0</v>
      </c>
      <c r="CS28" s="296">
        <v>0</v>
      </c>
      <c r="CT28" s="296">
        <v>0</v>
      </c>
      <c r="CU28" s="299">
        <v>0</v>
      </c>
      <c r="CV28" s="300">
        <v>0</v>
      </c>
      <c r="CW28" s="295">
        <v>0</v>
      </c>
      <c r="CX28" s="296">
        <v>0</v>
      </c>
      <c r="CY28" s="297">
        <v>0</v>
      </c>
      <c r="CZ28" s="301"/>
      <c r="DA28" s="296">
        <v>0</v>
      </c>
      <c r="DB28" s="296">
        <v>0</v>
      </c>
      <c r="DC28" s="296">
        <v>0</v>
      </c>
      <c r="DD28" s="296">
        <v>0</v>
      </c>
      <c r="DE28" s="296">
        <v>0</v>
      </c>
      <c r="DF28" s="299">
        <v>0</v>
      </c>
      <c r="DG28" s="300">
        <v>0</v>
      </c>
      <c r="DH28" s="295">
        <v>0</v>
      </c>
      <c r="DI28" s="296">
        <v>0</v>
      </c>
      <c r="DJ28" s="297">
        <v>0</v>
      </c>
      <c r="DK28" s="298">
        <v>0</v>
      </c>
      <c r="DL28" s="296">
        <v>59360</v>
      </c>
      <c r="DM28" s="296">
        <v>150267</v>
      </c>
      <c r="DN28" s="296">
        <v>653812</v>
      </c>
      <c r="DO28" s="296">
        <v>681180</v>
      </c>
      <c r="DP28" s="296">
        <v>429584</v>
      </c>
      <c r="DQ28" s="299">
        <v>1974203</v>
      </c>
      <c r="DR28" s="302">
        <v>1974203</v>
      </c>
      <c r="DS28" s="295">
        <v>0</v>
      </c>
      <c r="DT28" s="296">
        <v>0</v>
      </c>
      <c r="DU28" s="297">
        <v>0</v>
      </c>
      <c r="DV28" s="301"/>
      <c r="DW28" s="296">
        <v>41760</v>
      </c>
      <c r="DX28" s="296">
        <v>99720</v>
      </c>
      <c r="DY28" s="296">
        <v>624906</v>
      </c>
      <c r="DZ28" s="296">
        <v>624736</v>
      </c>
      <c r="EA28" s="296">
        <v>404784</v>
      </c>
      <c r="EB28" s="299">
        <v>1795906</v>
      </c>
      <c r="EC28" s="300">
        <v>1795906</v>
      </c>
      <c r="ED28" s="295">
        <v>0</v>
      </c>
      <c r="EE28" s="296">
        <v>0</v>
      </c>
      <c r="EF28" s="297">
        <v>0</v>
      </c>
      <c r="EG28" s="301"/>
      <c r="EH28" s="296">
        <v>17600</v>
      </c>
      <c r="EI28" s="296">
        <v>14985</v>
      </c>
      <c r="EJ28" s="296">
        <v>630</v>
      </c>
      <c r="EK28" s="296">
        <v>45774</v>
      </c>
      <c r="EL28" s="296">
        <v>6285</v>
      </c>
      <c r="EM28" s="299">
        <v>85274</v>
      </c>
      <c r="EN28" s="300">
        <v>85274</v>
      </c>
      <c r="EO28" s="295">
        <v>0</v>
      </c>
      <c r="EP28" s="296">
        <v>0</v>
      </c>
      <c r="EQ28" s="297">
        <v>0</v>
      </c>
      <c r="ER28" s="301"/>
      <c r="ES28" s="296">
        <v>0</v>
      </c>
      <c r="ET28" s="296">
        <v>0</v>
      </c>
      <c r="EU28" s="296">
        <v>0</v>
      </c>
      <c r="EV28" s="296">
        <v>0</v>
      </c>
      <c r="EW28" s="296">
        <v>0</v>
      </c>
      <c r="EX28" s="299">
        <v>0</v>
      </c>
      <c r="EY28" s="300">
        <v>0</v>
      </c>
      <c r="EZ28" s="295">
        <v>0</v>
      </c>
      <c r="FA28" s="296">
        <v>0</v>
      </c>
      <c r="FB28" s="297">
        <v>0</v>
      </c>
      <c r="FC28" s="301"/>
      <c r="FD28" s="296">
        <v>0</v>
      </c>
      <c r="FE28" s="296">
        <v>0</v>
      </c>
      <c r="FF28" s="296">
        <v>0</v>
      </c>
      <c r="FG28" s="296">
        <v>0</v>
      </c>
      <c r="FH28" s="296">
        <v>0</v>
      </c>
      <c r="FI28" s="299">
        <v>0</v>
      </c>
      <c r="FJ28" s="300">
        <v>0</v>
      </c>
      <c r="FK28" s="295">
        <v>0</v>
      </c>
      <c r="FL28" s="296">
        <v>0</v>
      </c>
      <c r="FM28" s="297">
        <v>0</v>
      </c>
      <c r="FN28" s="301"/>
      <c r="FO28" s="296">
        <v>0</v>
      </c>
      <c r="FP28" s="296">
        <v>0</v>
      </c>
      <c r="FQ28" s="296">
        <v>0</v>
      </c>
      <c r="FR28" s="296">
        <v>0</v>
      </c>
      <c r="FS28" s="296">
        <v>0</v>
      </c>
      <c r="FT28" s="299">
        <v>0</v>
      </c>
      <c r="FU28" s="300">
        <v>0</v>
      </c>
      <c r="FV28" s="295">
        <v>0</v>
      </c>
      <c r="FW28" s="296">
        <v>0</v>
      </c>
      <c r="FX28" s="297">
        <v>0</v>
      </c>
      <c r="FY28" s="298">
        <v>0</v>
      </c>
      <c r="FZ28" s="296">
        <v>0</v>
      </c>
      <c r="GA28" s="296">
        <v>35562</v>
      </c>
      <c r="GB28" s="296">
        <v>28276</v>
      </c>
      <c r="GC28" s="296">
        <v>10670</v>
      </c>
      <c r="GD28" s="296">
        <v>18515</v>
      </c>
      <c r="GE28" s="299">
        <v>93023</v>
      </c>
      <c r="GF28" s="300">
        <v>93023</v>
      </c>
      <c r="GG28" s="295">
        <v>0</v>
      </c>
      <c r="GH28" s="296">
        <v>0</v>
      </c>
      <c r="GI28" s="297">
        <v>0</v>
      </c>
      <c r="GJ28" s="298">
        <v>0</v>
      </c>
      <c r="GK28" s="296">
        <v>0</v>
      </c>
      <c r="GL28" s="296">
        <v>0</v>
      </c>
      <c r="GM28" s="296">
        <v>0</v>
      </c>
      <c r="GN28" s="296">
        <v>0</v>
      </c>
      <c r="GO28" s="296">
        <v>0</v>
      </c>
      <c r="GP28" s="299">
        <v>0</v>
      </c>
      <c r="GQ28" s="300">
        <v>0</v>
      </c>
      <c r="GR28" s="295">
        <v>0</v>
      </c>
      <c r="GS28" s="296">
        <v>0</v>
      </c>
      <c r="GT28" s="297">
        <v>0</v>
      </c>
      <c r="GU28" s="298">
        <v>0</v>
      </c>
      <c r="GV28" s="296">
        <v>0</v>
      </c>
      <c r="GW28" s="296">
        <v>0</v>
      </c>
      <c r="GX28" s="296">
        <v>0</v>
      </c>
      <c r="GY28" s="296">
        <v>0</v>
      </c>
      <c r="GZ28" s="296">
        <v>0</v>
      </c>
      <c r="HA28" s="299">
        <v>0</v>
      </c>
      <c r="HB28" s="300">
        <v>0</v>
      </c>
      <c r="HC28" s="295">
        <v>0</v>
      </c>
      <c r="HD28" s="296">
        <v>0</v>
      </c>
      <c r="HE28" s="297">
        <v>0</v>
      </c>
      <c r="HF28" s="301"/>
      <c r="HG28" s="296">
        <v>0</v>
      </c>
      <c r="HH28" s="296">
        <v>0</v>
      </c>
      <c r="HI28" s="296">
        <v>0</v>
      </c>
      <c r="HJ28" s="296">
        <v>0</v>
      </c>
      <c r="HK28" s="296">
        <v>0</v>
      </c>
      <c r="HL28" s="299">
        <v>0</v>
      </c>
      <c r="HM28" s="300">
        <v>0</v>
      </c>
      <c r="HN28" s="295">
        <v>0</v>
      </c>
      <c r="HO28" s="296">
        <v>0</v>
      </c>
      <c r="HP28" s="297">
        <v>0</v>
      </c>
      <c r="HQ28" s="298">
        <v>0</v>
      </c>
      <c r="HR28" s="296">
        <v>195075</v>
      </c>
      <c r="HS28" s="296">
        <v>346401</v>
      </c>
      <c r="HT28" s="296">
        <v>1211697</v>
      </c>
      <c r="HU28" s="296">
        <v>1551342</v>
      </c>
      <c r="HV28" s="296">
        <v>1025313</v>
      </c>
      <c r="HW28" s="299">
        <v>4329828</v>
      </c>
      <c r="HX28" s="300">
        <v>4329828</v>
      </c>
    </row>
    <row r="29" spans="1:232" ht="16.5" customHeight="1" x14ac:dyDescent="0.2">
      <c r="A29" s="293" t="s">
        <v>26</v>
      </c>
      <c r="B29" s="295">
        <v>0</v>
      </c>
      <c r="C29" s="296">
        <v>2030</v>
      </c>
      <c r="D29" s="297">
        <v>2030</v>
      </c>
      <c r="E29" s="298">
        <v>0</v>
      </c>
      <c r="F29" s="296">
        <v>34200</v>
      </c>
      <c r="G29" s="296">
        <v>188249</v>
      </c>
      <c r="H29" s="296">
        <v>468540</v>
      </c>
      <c r="I29" s="296">
        <v>790938</v>
      </c>
      <c r="J29" s="296">
        <v>347689</v>
      </c>
      <c r="K29" s="299">
        <v>1829616</v>
      </c>
      <c r="L29" s="300">
        <v>1831646</v>
      </c>
      <c r="M29" s="295">
        <v>0</v>
      </c>
      <c r="N29" s="296">
        <v>0</v>
      </c>
      <c r="O29" s="297">
        <v>0</v>
      </c>
      <c r="P29" s="301"/>
      <c r="Q29" s="296">
        <v>0</v>
      </c>
      <c r="R29" s="296">
        <v>32850</v>
      </c>
      <c r="S29" s="296">
        <v>268050</v>
      </c>
      <c r="T29" s="296">
        <v>665360</v>
      </c>
      <c r="U29" s="296">
        <v>325675</v>
      </c>
      <c r="V29" s="299">
        <v>1291935</v>
      </c>
      <c r="W29" s="300">
        <v>1291935</v>
      </c>
      <c r="X29" s="295">
        <v>0</v>
      </c>
      <c r="Y29" s="296">
        <v>0</v>
      </c>
      <c r="Z29" s="297">
        <v>0</v>
      </c>
      <c r="AA29" s="301"/>
      <c r="AB29" s="296">
        <v>34200</v>
      </c>
      <c r="AC29" s="296">
        <v>143115</v>
      </c>
      <c r="AD29" s="296">
        <v>187200</v>
      </c>
      <c r="AE29" s="296">
        <v>115225</v>
      </c>
      <c r="AF29" s="296">
        <v>2550</v>
      </c>
      <c r="AG29" s="299">
        <v>482290</v>
      </c>
      <c r="AH29" s="300">
        <v>482290</v>
      </c>
      <c r="AI29" s="295">
        <v>0</v>
      </c>
      <c r="AJ29" s="296">
        <v>0</v>
      </c>
      <c r="AK29" s="297">
        <v>0</v>
      </c>
      <c r="AL29" s="301"/>
      <c r="AM29" s="296">
        <v>0</v>
      </c>
      <c r="AN29" s="296">
        <v>0</v>
      </c>
      <c r="AO29" s="296">
        <v>0</v>
      </c>
      <c r="AP29" s="296">
        <v>0</v>
      </c>
      <c r="AQ29" s="296">
        <v>2550</v>
      </c>
      <c r="AR29" s="299">
        <v>2550</v>
      </c>
      <c r="AS29" s="300">
        <v>2550</v>
      </c>
      <c r="AT29" s="295">
        <v>0</v>
      </c>
      <c r="AU29" s="296">
        <v>0</v>
      </c>
      <c r="AV29" s="297">
        <v>0</v>
      </c>
      <c r="AW29" s="301"/>
      <c r="AX29" s="296">
        <v>0</v>
      </c>
      <c r="AY29" s="296">
        <v>0</v>
      </c>
      <c r="AZ29" s="296">
        <v>0</v>
      </c>
      <c r="BA29" s="296">
        <v>0</v>
      </c>
      <c r="BB29" s="296">
        <v>2550</v>
      </c>
      <c r="BC29" s="299">
        <v>2550</v>
      </c>
      <c r="BD29" s="300">
        <v>2550</v>
      </c>
      <c r="BE29" s="295">
        <v>0</v>
      </c>
      <c r="BF29" s="296">
        <v>0</v>
      </c>
      <c r="BG29" s="297">
        <v>0</v>
      </c>
      <c r="BH29" s="301"/>
      <c r="BI29" s="296">
        <v>0</v>
      </c>
      <c r="BJ29" s="296">
        <v>2550</v>
      </c>
      <c r="BK29" s="296">
        <v>0</v>
      </c>
      <c r="BL29" s="296">
        <v>0</v>
      </c>
      <c r="BM29" s="296">
        <v>0</v>
      </c>
      <c r="BN29" s="299">
        <v>2550</v>
      </c>
      <c r="BO29" s="300">
        <v>2550</v>
      </c>
      <c r="BP29" s="295">
        <v>0</v>
      </c>
      <c r="BQ29" s="296">
        <v>2030</v>
      </c>
      <c r="BR29" s="297">
        <v>2030</v>
      </c>
      <c r="BS29" s="298">
        <v>0</v>
      </c>
      <c r="BT29" s="296">
        <v>0</v>
      </c>
      <c r="BU29" s="296">
        <v>7479</v>
      </c>
      <c r="BV29" s="296">
        <v>13190</v>
      </c>
      <c r="BW29" s="296">
        <v>9318</v>
      </c>
      <c r="BX29" s="296">
        <v>14264</v>
      </c>
      <c r="BY29" s="299">
        <v>44251</v>
      </c>
      <c r="BZ29" s="300">
        <v>46281</v>
      </c>
      <c r="CA29" s="295">
        <v>0</v>
      </c>
      <c r="CB29" s="296">
        <v>0</v>
      </c>
      <c r="CC29" s="297">
        <v>0</v>
      </c>
      <c r="CD29" s="298">
        <v>0</v>
      </c>
      <c r="CE29" s="296">
        <v>0</v>
      </c>
      <c r="CF29" s="296">
        <v>2255</v>
      </c>
      <c r="CG29" s="296">
        <v>100</v>
      </c>
      <c r="CH29" s="296">
        <v>1035</v>
      </c>
      <c r="CI29" s="296">
        <v>100</v>
      </c>
      <c r="CJ29" s="299">
        <v>3490</v>
      </c>
      <c r="CK29" s="300">
        <v>3490</v>
      </c>
      <c r="CL29" s="295">
        <v>0</v>
      </c>
      <c r="CM29" s="296">
        <v>0</v>
      </c>
      <c r="CN29" s="297">
        <v>0</v>
      </c>
      <c r="CO29" s="298">
        <v>0</v>
      </c>
      <c r="CP29" s="296">
        <v>0</v>
      </c>
      <c r="CQ29" s="296">
        <v>0</v>
      </c>
      <c r="CR29" s="296">
        <v>0</v>
      </c>
      <c r="CS29" s="296">
        <v>0</v>
      </c>
      <c r="CT29" s="296">
        <v>0</v>
      </c>
      <c r="CU29" s="299">
        <v>0</v>
      </c>
      <c r="CV29" s="300">
        <v>0</v>
      </c>
      <c r="CW29" s="295">
        <v>0</v>
      </c>
      <c r="CX29" s="296">
        <v>0</v>
      </c>
      <c r="CY29" s="297">
        <v>0</v>
      </c>
      <c r="CZ29" s="301"/>
      <c r="DA29" s="296">
        <v>0</v>
      </c>
      <c r="DB29" s="296">
        <v>0</v>
      </c>
      <c r="DC29" s="296">
        <v>0</v>
      </c>
      <c r="DD29" s="296">
        <v>0</v>
      </c>
      <c r="DE29" s="296">
        <v>0</v>
      </c>
      <c r="DF29" s="299">
        <v>0</v>
      </c>
      <c r="DG29" s="300">
        <v>0</v>
      </c>
      <c r="DH29" s="295">
        <v>0</v>
      </c>
      <c r="DI29" s="296">
        <v>9744</v>
      </c>
      <c r="DJ29" s="297">
        <v>9744</v>
      </c>
      <c r="DK29" s="298">
        <v>0</v>
      </c>
      <c r="DL29" s="296">
        <v>420</v>
      </c>
      <c r="DM29" s="296">
        <v>127625</v>
      </c>
      <c r="DN29" s="296">
        <v>457831</v>
      </c>
      <c r="DO29" s="296">
        <v>849647</v>
      </c>
      <c r="DP29" s="296">
        <v>517425</v>
      </c>
      <c r="DQ29" s="299">
        <v>1952948</v>
      </c>
      <c r="DR29" s="302">
        <v>1962692</v>
      </c>
      <c r="DS29" s="295">
        <v>0</v>
      </c>
      <c r="DT29" s="296">
        <v>0</v>
      </c>
      <c r="DU29" s="297">
        <v>0</v>
      </c>
      <c r="DV29" s="301"/>
      <c r="DW29" s="296">
        <v>0</v>
      </c>
      <c r="DX29" s="296">
        <v>75180</v>
      </c>
      <c r="DY29" s="296">
        <v>401340</v>
      </c>
      <c r="DZ29" s="296">
        <v>812825</v>
      </c>
      <c r="EA29" s="296">
        <v>479421</v>
      </c>
      <c r="EB29" s="299">
        <v>1768766</v>
      </c>
      <c r="EC29" s="300">
        <v>1768766</v>
      </c>
      <c r="ED29" s="295">
        <v>0</v>
      </c>
      <c r="EE29" s="296">
        <v>0</v>
      </c>
      <c r="EF29" s="297">
        <v>0</v>
      </c>
      <c r="EG29" s="301"/>
      <c r="EH29" s="296">
        <v>420</v>
      </c>
      <c r="EI29" s="296">
        <v>23589</v>
      </c>
      <c r="EJ29" s="296">
        <v>35449</v>
      </c>
      <c r="EK29" s="296">
        <v>21894</v>
      </c>
      <c r="EL29" s="296">
        <v>210</v>
      </c>
      <c r="EM29" s="299">
        <v>81562</v>
      </c>
      <c r="EN29" s="300">
        <v>81562</v>
      </c>
      <c r="EO29" s="295">
        <v>0</v>
      </c>
      <c r="EP29" s="296">
        <v>0</v>
      </c>
      <c r="EQ29" s="297">
        <v>0</v>
      </c>
      <c r="ER29" s="301"/>
      <c r="ES29" s="296">
        <v>0</v>
      </c>
      <c r="ET29" s="296">
        <v>0</v>
      </c>
      <c r="EU29" s="296">
        <v>0</v>
      </c>
      <c r="EV29" s="296">
        <v>0</v>
      </c>
      <c r="EW29" s="296">
        <v>210</v>
      </c>
      <c r="EX29" s="299">
        <v>210</v>
      </c>
      <c r="EY29" s="300">
        <v>210</v>
      </c>
      <c r="EZ29" s="295">
        <v>0</v>
      </c>
      <c r="FA29" s="296">
        <v>0</v>
      </c>
      <c r="FB29" s="297">
        <v>0</v>
      </c>
      <c r="FC29" s="301"/>
      <c r="FD29" s="296">
        <v>0</v>
      </c>
      <c r="FE29" s="296">
        <v>0</v>
      </c>
      <c r="FF29" s="296">
        <v>0</v>
      </c>
      <c r="FG29" s="296">
        <v>0</v>
      </c>
      <c r="FH29" s="296">
        <v>210</v>
      </c>
      <c r="FI29" s="299">
        <v>210</v>
      </c>
      <c r="FJ29" s="300">
        <v>210</v>
      </c>
      <c r="FK29" s="295">
        <v>0</v>
      </c>
      <c r="FL29" s="296">
        <v>0</v>
      </c>
      <c r="FM29" s="297">
        <v>0</v>
      </c>
      <c r="FN29" s="301"/>
      <c r="FO29" s="296">
        <v>0</v>
      </c>
      <c r="FP29" s="296">
        <v>20880</v>
      </c>
      <c r="FQ29" s="296">
        <v>0</v>
      </c>
      <c r="FR29" s="296">
        <v>0</v>
      </c>
      <c r="FS29" s="296">
        <v>0</v>
      </c>
      <c r="FT29" s="299">
        <v>20880</v>
      </c>
      <c r="FU29" s="300">
        <v>20880</v>
      </c>
      <c r="FV29" s="295">
        <v>0</v>
      </c>
      <c r="FW29" s="296">
        <v>9744</v>
      </c>
      <c r="FX29" s="297">
        <v>9744</v>
      </c>
      <c r="FY29" s="298">
        <v>0</v>
      </c>
      <c r="FZ29" s="296">
        <v>0</v>
      </c>
      <c r="GA29" s="296">
        <v>7955</v>
      </c>
      <c r="GB29" s="296">
        <v>21028</v>
      </c>
      <c r="GC29" s="296">
        <v>14823</v>
      </c>
      <c r="GD29" s="296">
        <v>32662</v>
      </c>
      <c r="GE29" s="299">
        <v>76468</v>
      </c>
      <c r="GF29" s="300">
        <v>86212</v>
      </c>
      <c r="GG29" s="295">
        <v>0</v>
      </c>
      <c r="GH29" s="296">
        <v>0</v>
      </c>
      <c r="GI29" s="297">
        <v>0</v>
      </c>
      <c r="GJ29" s="298">
        <v>0</v>
      </c>
      <c r="GK29" s="296">
        <v>0</v>
      </c>
      <c r="GL29" s="296">
        <v>21</v>
      </c>
      <c r="GM29" s="296">
        <v>14</v>
      </c>
      <c r="GN29" s="296">
        <v>105</v>
      </c>
      <c r="GO29" s="296">
        <v>4712</v>
      </c>
      <c r="GP29" s="299">
        <v>4852</v>
      </c>
      <c r="GQ29" s="300">
        <v>4852</v>
      </c>
      <c r="GR29" s="295">
        <v>0</v>
      </c>
      <c r="GS29" s="296">
        <v>0</v>
      </c>
      <c r="GT29" s="297">
        <v>0</v>
      </c>
      <c r="GU29" s="298">
        <v>0</v>
      </c>
      <c r="GV29" s="296">
        <v>0</v>
      </c>
      <c r="GW29" s="296">
        <v>0</v>
      </c>
      <c r="GX29" s="296">
        <v>0</v>
      </c>
      <c r="GY29" s="296">
        <v>0</v>
      </c>
      <c r="GZ29" s="296">
        <v>0</v>
      </c>
      <c r="HA29" s="299">
        <v>0</v>
      </c>
      <c r="HB29" s="300">
        <v>0</v>
      </c>
      <c r="HC29" s="295">
        <v>0</v>
      </c>
      <c r="HD29" s="296">
        <v>0</v>
      </c>
      <c r="HE29" s="297">
        <v>0</v>
      </c>
      <c r="HF29" s="301"/>
      <c r="HG29" s="296">
        <v>0</v>
      </c>
      <c r="HH29" s="296">
        <v>0</v>
      </c>
      <c r="HI29" s="296">
        <v>0</v>
      </c>
      <c r="HJ29" s="296">
        <v>0</v>
      </c>
      <c r="HK29" s="296">
        <v>0</v>
      </c>
      <c r="HL29" s="299">
        <v>0</v>
      </c>
      <c r="HM29" s="300">
        <v>0</v>
      </c>
      <c r="HN29" s="295">
        <v>0</v>
      </c>
      <c r="HO29" s="296">
        <v>11774</v>
      </c>
      <c r="HP29" s="297">
        <v>11774</v>
      </c>
      <c r="HQ29" s="298">
        <v>0</v>
      </c>
      <c r="HR29" s="296">
        <v>34620</v>
      </c>
      <c r="HS29" s="296">
        <v>315874</v>
      </c>
      <c r="HT29" s="296">
        <v>926371</v>
      </c>
      <c r="HU29" s="296">
        <v>1640585</v>
      </c>
      <c r="HV29" s="296">
        <v>865114</v>
      </c>
      <c r="HW29" s="299">
        <v>3782564</v>
      </c>
      <c r="HX29" s="300">
        <v>3794338</v>
      </c>
    </row>
    <row r="30" spans="1:232" ht="16.5" customHeight="1" x14ac:dyDescent="0.2">
      <c r="A30" s="293" t="s">
        <v>27</v>
      </c>
      <c r="B30" s="295">
        <v>0</v>
      </c>
      <c r="C30" s="296">
        <v>6715</v>
      </c>
      <c r="D30" s="297">
        <v>6715</v>
      </c>
      <c r="E30" s="298">
        <v>0</v>
      </c>
      <c r="F30" s="296">
        <v>77320</v>
      </c>
      <c r="G30" s="296">
        <v>155840</v>
      </c>
      <c r="H30" s="296">
        <v>573705</v>
      </c>
      <c r="I30" s="296">
        <v>652880</v>
      </c>
      <c r="J30" s="296">
        <v>365175</v>
      </c>
      <c r="K30" s="299">
        <v>1824920</v>
      </c>
      <c r="L30" s="300">
        <v>1831635</v>
      </c>
      <c r="M30" s="295">
        <v>0</v>
      </c>
      <c r="N30" s="296">
        <v>0</v>
      </c>
      <c r="O30" s="297">
        <v>0</v>
      </c>
      <c r="P30" s="301"/>
      <c r="Q30" s="296">
        <v>34200</v>
      </c>
      <c r="R30" s="296">
        <v>31650</v>
      </c>
      <c r="S30" s="296">
        <v>374130</v>
      </c>
      <c r="T30" s="296">
        <v>467675</v>
      </c>
      <c r="U30" s="296">
        <v>320370</v>
      </c>
      <c r="V30" s="299">
        <v>1228025</v>
      </c>
      <c r="W30" s="300">
        <v>1228025</v>
      </c>
      <c r="X30" s="295">
        <v>0</v>
      </c>
      <c r="Y30" s="296">
        <v>0</v>
      </c>
      <c r="Z30" s="297">
        <v>0</v>
      </c>
      <c r="AA30" s="301"/>
      <c r="AB30" s="296">
        <v>26400</v>
      </c>
      <c r="AC30" s="296">
        <v>123900</v>
      </c>
      <c r="AD30" s="296">
        <v>107850</v>
      </c>
      <c r="AE30" s="296">
        <v>129000</v>
      </c>
      <c r="AF30" s="296">
        <v>34200</v>
      </c>
      <c r="AG30" s="299">
        <v>421350</v>
      </c>
      <c r="AH30" s="300">
        <v>421350</v>
      </c>
      <c r="AI30" s="295">
        <v>0</v>
      </c>
      <c r="AJ30" s="296">
        <v>0</v>
      </c>
      <c r="AK30" s="297">
        <v>0</v>
      </c>
      <c r="AL30" s="301"/>
      <c r="AM30" s="296">
        <v>0</v>
      </c>
      <c r="AN30" s="296">
        <v>0</v>
      </c>
      <c r="AO30" s="296">
        <v>0</v>
      </c>
      <c r="AP30" s="296">
        <v>0</v>
      </c>
      <c r="AQ30" s="296">
        <v>0</v>
      </c>
      <c r="AR30" s="299">
        <v>0</v>
      </c>
      <c r="AS30" s="300">
        <v>0</v>
      </c>
      <c r="AT30" s="295">
        <v>0</v>
      </c>
      <c r="AU30" s="296">
        <v>0</v>
      </c>
      <c r="AV30" s="297">
        <v>0</v>
      </c>
      <c r="AW30" s="301"/>
      <c r="AX30" s="296">
        <v>0</v>
      </c>
      <c r="AY30" s="296">
        <v>0</v>
      </c>
      <c r="AZ30" s="296">
        <v>0</v>
      </c>
      <c r="BA30" s="296">
        <v>0</v>
      </c>
      <c r="BB30" s="296">
        <v>0</v>
      </c>
      <c r="BC30" s="299">
        <v>0</v>
      </c>
      <c r="BD30" s="300">
        <v>0</v>
      </c>
      <c r="BE30" s="295">
        <v>0</v>
      </c>
      <c r="BF30" s="296">
        <v>0</v>
      </c>
      <c r="BG30" s="297">
        <v>0</v>
      </c>
      <c r="BH30" s="301"/>
      <c r="BI30" s="296">
        <v>0</v>
      </c>
      <c r="BJ30" s="296">
        <v>0</v>
      </c>
      <c r="BK30" s="296">
        <v>60600</v>
      </c>
      <c r="BL30" s="296">
        <v>7650</v>
      </c>
      <c r="BM30" s="296">
        <v>0</v>
      </c>
      <c r="BN30" s="299">
        <v>68250</v>
      </c>
      <c r="BO30" s="300">
        <v>68250</v>
      </c>
      <c r="BP30" s="295">
        <v>0</v>
      </c>
      <c r="BQ30" s="296">
        <v>0</v>
      </c>
      <c r="BR30" s="297">
        <v>0</v>
      </c>
      <c r="BS30" s="298">
        <v>0</v>
      </c>
      <c r="BT30" s="296">
        <v>16720</v>
      </c>
      <c r="BU30" s="296">
        <v>290</v>
      </c>
      <c r="BV30" s="296">
        <v>31125</v>
      </c>
      <c r="BW30" s="296">
        <v>48120</v>
      </c>
      <c r="BX30" s="296">
        <v>5900</v>
      </c>
      <c r="BY30" s="299">
        <v>102155</v>
      </c>
      <c r="BZ30" s="300">
        <v>102155</v>
      </c>
      <c r="CA30" s="295">
        <v>0</v>
      </c>
      <c r="CB30" s="296">
        <v>6715</v>
      </c>
      <c r="CC30" s="297">
        <v>6715</v>
      </c>
      <c r="CD30" s="298">
        <v>0</v>
      </c>
      <c r="CE30" s="296">
        <v>0</v>
      </c>
      <c r="CF30" s="296">
        <v>0</v>
      </c>
      <c r="CG30" s="296">
        <v>0</v>
      </c>
      <c r="CH30" s="296">
        <v>435</v>
      </c>
      <c r="CI30" s="296">
        <v>4705</v>
      </c>
      <c r="CJ30" s="299">
        <v>5140</v>
      </c>
      <c r="CK30" s="300">
        <v>11855</v>
      </c>
      <c r="CL30" s="295">
        <v>0</v>
      </c>
      <c r="CM30" s="296">
        <v>0</v>
      </c>
      <c r="CN30" s="297">
        <v>0</v>
      </c>
      <c r="CO30" s="298">
        <v>0</v>
      </c>
      <c r="CP30" s="296">
        <v>0</v>
      </c>
      <c r="CQ30" s="296">
        <v>0</v>
      </c>
      <c r="CR30" s="296">
        <v>0</v>
      </c>
      <c r="CS30" s="296">
        <v>0</v>
      </c>
      <c r="CT30" s="296">
        <v>0</v>
      </c>
      <c r="CU30" s="299">
        <v>0</v>
      </c>
      <c r="CV30" s="300">
        <v>0</v>
      </c>
      <c r="CW30" s="295">
        <v>0</v>
      </c>
      <c r="CX30" s="296">
        <v>0</v>
      </c>
      <c r="CY30" s="297">
        <v>0</v>
      </c>
      <c r="CZ30" s="301"/>
      <c r="DA30" s="296">
        <v>0</v>
      </c>
      <c r="DB30" s="296">
        <v>0</v>
      </c>
      <c r="DC30" s="296">
        <v>0</v>
      </c>
      <c r="DD30" s="296">
        <v>0</v>
      </c>
      <c r="DE30" s="296">
        <v>0</v>
      </c>
      <c r="DF30" s="299">
        <v>0</v>
      </c>
      <c r="DG30" s="300">
        <v>0</v>
      </c>
      <c r="DH30" s="295">
        <v>0</v>
      </c>
      <c r="DI30" s="296">
        <v>10602</v>
      </c>
      <c r="DJ30" s="297">
        <v>10602</v>
      </c>
      <c r="DK30" s="298">
        <v>0</v>
      </c>
      <c r="DL30" s="296">
        <v>67486</v>
      </c>
      <c r="DM30" s="296">
        <v>98780</v>
      </c>
      <c r="DN30" s="296">
        <v>589452</v>
      </c>
      <c r="DO30" s="296">
        <v>647646</v>
      </c>
      <c r="DP30" s="296">
        <v>349909</v>
      </c>
      <c r="DQ30" s="299">
        <v>1753273</v>
      </c>
      <c r="DR30" s="302">
        <v>1763875</v>
      </c>
      <c r="DS30" s="295">
        <v>0</v>
      </c>
      <c r="DT30" s="296">
        <v>0</v>
      </c>
      <c r="DU30" s="297">
        <v>0</v>
      </c>
      <c r="DV30" s="301"/>
      <c r="DW30" s="296">
        <v>29100</v>
      </c>
      <c r="DX30" s="296">
        <v>14550</v>
      </c>
      <c r="DY30" s="296">
        <v>343040</v>
      </c>
      <c r="DZ30" s="296">
        <v>459780</v>
      </c>
      <c r="EA30" s="296">
        <v>345560</v>
      </c>
      <c r="EB30" s="299">
        <v>1192030</v>
      </c>
      <c r="EC30" s="300">
        <v>1192030</v>
      </c>
      <c r="ED30" s="295">
        <v>0</v>
      </c>
      <c r="EE30" s="296">
        <v>0</v>
      </c>
      <c r="EF30" s="297">
        <v>0</v>
      </c>
      <c r="EG30" s="301"/>
      <c r="EH30" s="296">
        <v>21090</v>
      </c>
      <c r="EI30" s="296">
        <v>82290</v>
      </c>
      <c r="EJ30" s="296">
        <v>113700</v>
      </c>
      <c r="EK30" s="296">
        <v>68580</v>
      </c>
      <c r="EL30" s="296">
        <v>420</v>
      </c>
      <c r="EM30" s="299">
        <v>286080</v>
      </c>
      <c r="EN30" s="300">
        <v>286080</v>
      </c>
      <c r="EO30" s="295">
        <v>0</v>
      </c>
      <c r="EP30" s="296">
        <v>0</v>
      </c>
      <c r="EQ30" s="297">
        <v>0</v>
      </c>
      <c r="ER30" s="301"/>
      <c r="ES30" s="296">
        <v>0</v>
      </c>
      <c r="ET30" s="296">
        <v>0</v>
      </c>
      <c r="EU30" s="296">
        <v>0</v>
      </c>
      <c r="EV30" s="296">
        <v>0</v>
      </c>
      <c r="EW30" s="296">
        <v>0</v>
      </c>
      <c r="EX30" s="299">
        <v>0</v>
      </c>
      <c r="EY30" s="300">
        <v>0</v>
      </c>
      <c r="EZ30" s="295">
        <v>0</v>
      </c>
      <c r="FA30" s="296">
        <v>0</v>
      </c>
      <c r="FB30" s="297">
        <v>0</v>
      </c>
      <c r="FC30" s="301"/>
      <c r="FD30" s="296">
        <v>0</v>
      </c>
      <c r="FE30" s="296">
        <v>0</v>
      </c>
      <c r="FF30" s="296">
        <v>0</v>
      </c>
      <c r="FG30" s="296">
        <v>0</v>
      </c>
      <c r="FH30" s="296">
        <v>0</v>
      </c>
      <c r="FI30" s="299">
        <v>0</v>
      </c>
      <c r="FJ30" s="300">
        <v>0</v>
      </c>
      <c r="FK30" s="295">
        <v>0</v>
      </c>
      <c r="FL30" s="296">
        <v>0</v>
      </c>
      <c r="FM30" s="297">
        <v>0</v>
      </c>
      <c r="FN30" s="301"/>
      <c r="FO30" s="296">
        <v>0</v>
      </c>
      <c r="FP30" s="296">
        <v>0</v>
      </c>
      <c r="FQ30" s="296">
        <v>98220</v>
      </c>
      <c r="FR30" s="296">
        <v>62640</v>
      </c>
      <c r="FS30" s="296">
        <v>0</v>
      </c>
      <c r="FT30" s="299">
        <v>160860</v>
      </c>
      <c r="FU30" s="300">
        <v>160860</v>
      </c>
      <c r="FV30" s="295">
        <v>0</v>
      </c>
      <c r="FW30" s="296">
        <v>0</v>
      </c>
      <c r="FX30" s="297">
        <v>0</v>
      </c>
      <c r="FY30" s="298">
        <v>0</v>
      </c>
      <c r="FZ30" s="296">
        <v>17296</v>
      </c>
      <c r="GA30" s="296">
        <v>1940</v>
      </c>
      <c r="GB30" s="296">
        <v>34492</v>
      </c>
      <c r="GC30" s="296">
        <v>55214</v>
      </c>
      <c r="GD30" s="296">
        <v>3880</v>
      </c>
      <c r="GE30" s="299">
        <v>112822</v>
      </c>
      <c r="GF30" s="300">
        <v>112822</v>
      </c>
      <c r="GG30" s="295">
        <v>0</v>
      </c>
      <c r="GH30" s="296">
        <v>10602</v>
      </c>
      <c r="GI30" s="297">
        <v>10602</v>
      </c>
      <c r="GJ30" s="298">
        <v>0</v>
      </c>
      <c r="GK30" s="296">
        <v>0</v>
      </c>
      <c r="GL30" s="296">
        <v>0</v>
      </c>
      <c r="GM30" s="296">
        <v>0</v>
      </c>
      <c r="GN30" s="296">
        <v>1432</v>
      </c>
      <c r="GO30" s="296">
        <v>49</v>
      </c>
      <c r="GP30" s="299">
        <v>1481</v>
      </c>
      <c r="GQ30" s="300">
        <v>12083</v>
      </c>
      <c r="GR30" s="295">
        <v>0</v>
      </c>
      <c r="GS30" s="296">
        <v>0</v>
      </c>
      <c r="GT30" s="297">
        <v>0</v>
      </c>
      <c r="GU30" s="298">
        <v>0</v>
      </c>
      <c r="GV30" s="296">
        <v>0</v>
      </c>
      <c r="GW30" s="296">
        <v>0</v>
      </c>
      <c r="GX30" s="296">
        <v>0</v>
      </c>
      <c r="GY30" s="296">
        <v>0</v>
      </c>
      <c r="GZ30" s="296">
        <v>0</v>
      </c>
      <c r="HA30" s="299">
        <v>0</v>
      </c>
      <c r="HB30" s="300">
        <v>0</v>
      </c>
      <c r="HC30" s="295">
        <v>0</v>
      </c>
      <c r="HD30" s="296">
        <v>0</v>
      </c>
      <c r="HE30" s="297">
        <v>0</v>
      </c>
      <c r="HF30" s="301"/>
      <c r="HG30" s="296">
        <v>0</v>
      </c>
      <c r="HH30" s="296">
        <v>0</v>
      </c>
      <c r="HI30" s="296">
        <v>0</v>
      </c>
      <c r="HJ30" s="296">
        <v>0</v>
      </c>
      <c r="HK30" s="296">
        <v>0</v>
      </c>
      <c r="HL30" s="299">
        <v>0</v>
      </c>
      <c r="HM30" s="300">
        <v>0</v>
      </c>
      <c r="HN30" s="295">
        <v>0</v>
      </c>
      <c r="HO30" s="296">
        <v>17317</v>
      </c>
      <c r="HP30" s="297">
        <v>17317</v>
      </c>
      <c r="HQ30" s="298">
        <v>0</v>
      </c>
      <c r="HR30" s="296">
        <v>144806</v>
      </c>
      <c r="HS30" s="296">
        <v>254620</v>
      </c>
      <c r="HT30" s="296">
        <v>1163157</v>
      </c>
      <c r="HU30" s="296">
        <v>1300526</v>
      </c>
      <c r="HV30" s="296">
        <v>715084</v>
      </c>
      <c r="HW30" s="299">
        <v>3578193</v>
      </c>
      <c r="HX30" s="300">
        <v>3595510</v>
      </c>
    </row>
    <row r="31" spans="1:232" ht="16.5" customHeight="1" x14ac:dyDescent="0.2">
      <c r="A31" s="293" t="s">
        <v>28</v>
      </c>
      <c r="B31" s="295">
        <v>0</v>
      </c>
      <c r="C31" s="296">
        <v>0</v>
      </c>
      <c r="D31" s="297">
        <v>0</v>
      </c>
      <c r="E31" s="298">
        <v>0</v>
      </c>
      <c r="F31" s="296">
        <v>0</v>
      </c>
      <c r="G31" s="296">
        <v>34800</v>
      </c>
      <c r="H31" s="296">
        <v>273900</v>
      </c>
      <c r="I31" s="296">
        <v>178552</v>
      </c>
      <c r="J31" s="296">
        <v>93395</v>
      </c>
      <c r="K31" s="299">
        <v>580647</v>
      </c>
      <c r="L31" s="300">
        <v>580647</v>
      </c>
      <c r="M31" s="295">
        <v>0</v>
      </c>
      <c r="N31" s="296">
        <v>0</v>
      </c>
      <c r="O31" s="297">
        <v>0</v>
      </c>
      <c r="P31" s="301"/>
      <c r="Q31" s="296">
        <v>0</v>
      </c>
      <c r="R31" s="296">
        <v>29700</v>
      </c>
      <c r="S31" s="296">
        <v>186750</v>
      </c>
      <c r="T31" s="296">
        <v>107280</v>
      </c>
      <c r="U31" s="296">
        <v>91200</v>
      </c>
      <c r="V31" s="299">
        <v>414930</v>
      </c>
      <c r="W31" s="300">
        <v>414930</v>
      </c>
      <c r="X31" s="295">
        <v>0</v>
      </c>
      <c r="Y31" s="296">
        <v>0</v>
      </c>
      <c r="Z31" s="297">
        <v>0</v>
      </c>
      <c r="AA31" s="301"/>
      <c r="AB31" s="296">
        <v>0</v>
      </c>
      <c r="AC31" s="296">
        <v>5100</v>
      </c>
      <c r="AD31" s="296">
        <v>55500</v>
      </c>
      <c r="AE31" s="296">
        <v>70437</v>
      </c>
      <c r="AF31" s="296">
        <v>1055</v>
      </c>
      <c r="AG31" s="299">
        <v>132092</v>
      </c>
      <c r="AH31" s="300">
        <v>132092</v>
      </c>
      <c r="AI31" s="295">
        <v>0</v>
      </c>
      <c r="AJ31" s="296">
        <v>0</v>
      </c>
      <c r="AK31" s="297">
        <v>0</v>
      </c>
      <c r="AL31" s="301"/>
      <c r="AM31" s="296">
        <v>0</v>
      </c>
      <c r="AN31" s="296">
        <v>0</v>
      </c>
      <c r="AO31" s="296">
        <v>0</v>
      </c>
      <c r="AP31" s="296">
        <v>0</v>
      </c>
      <c r="AQ31" s="296">
        <v>0</v>
      </c>
      <c r="AR31" s="299">
        <v>0</v>
      </c>
      <c r="AS31" s="300">
        <v>0</v>
      </c>
      <c r="AT31" s="295">
        <v>0</v>
      </c>
      <c r="AU31" s="296">
        <v>0</v>
      </c>
      <c r="AV31" s="297">
        <v>0</v>
      </c>
      <c r="AW31" s="301"/>
      <c r="AX31" s="296">
        <v>0</v>
      </c>
      <c r="AY31" s="296">
        <v>0</v>
      </c>
      <c r="AZ31" s="296">
        <v>0</v>
      </c>
      <c r="BA31" s="296">
        <v>0</v>
      </c>
      <c r="BB31" s="296">
        <v>0</v>
      </c>
      <c r="BC31" s="299">
        <v>0</v>
      </c>
      <c r="BD31" s="300">
        <v>0</v>
      </c>
      <c r="BE31" s="295">
        <v>0</v>
      </c>
      <c r="BF31" s="296">
        <v>0</v>
      </c>
      <c r="BG31" s="297">
        <v>0</v>
      </c>
      <c r="BH31" s="301"/>
      <c r="BI31" s="296">
        <v>0</v>
      </c>
      <c r="BJ31" s="296">
        <v>0</v>
      </c>
      <c r="BK31" s="296">
        <v>31650</v>
      </c>
      <c r="BL31" s="296">
        <v>0</v>
      </c>
      <c r="BM31" s="296">
        <v>0</v>
      </c>
      <c r="BN31" s="299">
        <v>31650</v>
      </c>
      <c r="BO31" s="300">
        <v>31650</v>
      </c>
      <c r="BP31" s="295">
        <v>0</v>
      </c>
      <c r="BQ31" s="296">
        <v>0</v>
      </c>
      <c r="BR31" s="297">
        <v>0</v>
      </c>
      <c r="BS31" s="298">
        <v>0</v>
      </c>
      <c r="BT31" s="296">
        <v>0</v>
      </c>
      <c r="BU31" s="296">
        <v>0</v>
      </c>
      <c r="BV31" s="296">
        <v>0</v>
      </c>
      <c r="BW31" s="296">
        <v>835</v>
      </c>
      <c r="BX31" s="296">
        <v>0</v>
      </c>
      <c r="BY31" s="299">
        <v>835</v>
      </c>
      <c r="BZ31" s="300">
        <v>835</v>
      </c>
      <c r="CA31" s="295">
        <v>0</v>
      </c>
      <c r="CB31" s="296">
        <v>0</v>
      </c>
      <c r="CC31" s="297">
        <v>0</v>
      </c>
      <c r="CD31" s="298">
        <v>0</v>
      </c>
      <c r="CE31" s="296">
        <v>0</v>
      </c>
      <c r="CF31" s="296">
        <v>0</v>
      </c>
      <c r="CG31" s="296">
        <v>0</v>
      </c>
      <c r="CH31" s="296">
        <v>0</v>
      </c>
      <c r="CI31" s="296">
        <v>1140</v>
      </c>
      <c r="CJ31" s="299">
        <v>1140</v>
      </c>
      <c r="CK31" s="300">
        <v>1140</v>
      </c>
      <c r="CL31" s="295">
        <v>0</v>
      </c>
      <c r="CM31" s="296">
        <v>0</v>
      </c>
      <c r="CN31" s="297">
        <v>0</v>
      </c>
      <c r="CO31" s="298">
        <v>0</v>
      </c>
      <c r="CP31" s="296">
        <v>0</v>
      </c>
      <c r="CQ31" s="296">
        <v>0</v>
      </c>
      <c r="CR31" s="296">
        <v>0</v>
      </c>
      <c r="CS31" s="296">
        <v>0</v>
      </c>
      <c r="CT31" s="296">
        <v>0</v>
      </c>
      <c r="CU31" s="299">
        <v>0</v>
      </c>
      <c r="CV31" s="300">
        <v>0</v>
      </c>
      <c r="CW31" s="295">
        <v>0</v>
      </c>
      <c r="CX31" s="296">
        <v>0</v>
      </c>
      <c r="CY31" s="297">
        <v>0</v>
      </c>
      <c r="CZ31" s="301"/>
      <c r="DA31" s="296">
        <v>0</v>
      </c>
      <c r="DB31" s="296">
        <v>0</v>
      </c>
      <c r="DC31" s="296">
        <v>0</v>
      </c>
      <c r="DD31" s="296">
        <v>0</v>
      </c>
      <c r="DE31" s="296">
        <v>0</v>
      </c>
      <c r="DF31" s="299">
        <v>0</v>
      </c>
      <c r="DG31" s="300">
        <v>0</v>
      </c>
      <c r="DH31" s="295">
        <v>0</v>
      </c>
      <c r="DI31" s="296">
        <v>0</v>
      </c>
      <c r="DJ31" s="297">
        <v>0</v>
      </c>
      <c r="DK31" s="298">
        <v>0</v>
      </c>
      <c r="DL31" s="296">
        <v>0</v>
      </c>
      <c r="DM31" s="296">
        <v>45720</v>
      </c>
      <c r="DN31" s="296">
        <v>154080</v>
      </c>
      <c r="DO31" s="296">
        <v>157894</v>
      </c>
      <c r="DP31" s="296">
        <v>80581</v>
      </c>
      <c r="DQ31" s="299">
        <v>438275</v>
      </c>
      <c r="DR31" s="302">
        <v>438275</v>
      </c>
      <c r="DS31" s="295">
        <v>0</v>
      </c>
      <c r="DT31" s="296">
        <v>0</v>
      </c>
      <c r="DU31" s="297">
        <v>0</v>
      </c>
      <c r="DV31" s="301"/>
      <c r="DW31" s="296">
        <v>0</v>
      </c>
      <c r="DX31" s="296">
        <v>14100</v>
      </c>
      <c r="DY31" s="296">
        <v>118080</v>
      </c>
      <c r="DZ31" s="296">
        <v>129450</v>
      </c>
      <c r="EA31" s="296">
        <v>79500</v>
      </c>
      <c r="EB31" s="299">
        <v>341130</v>
      </c>
      <c r="EC31" s="300">
        <v>341130</v>
      </c>
      <c r="ED31" s="295">
        <v>0</v>
      </c>
      <c r="EE31" s="296">
        <v>0</v>
      </c>
      <c r="EF31" s="297">
        <v>0</v>
      </c>
      <c r="EG31" s="301"/>
      <c r="EH31" s="296">
        <v>0</v>
      </c>
      <c r="EI31" s="296">
        <v>31620</v>
      </c>
      <c r="EJ31" s="296">
        <v>420</v>
      </c>
      <c r="EK31" s="296">
        <v>21774</v>
      </c>
      <c r="EL31" s="296">
        <v>7</v>
      </c>
      <c r="EM31" s="299">
        <v>53821</v>
      </c>
      <c r="EN31" s="300">
        <v>53821</v>
      </c>
      <c r="EO31" s="295">
        <v>0</v>
      </c>
      <c r="EP31" s="296">
        <v>0</v>
      </c>
      <c r="EQ31" s="297">
        <v>0</v>
      </c>
      <c r="ER31" s="301"/>
      <c r="ES31" s="296">
        <v>0</v>
      </c>
      <c r="ET31" s="296">
        <v>0</v>
      </c>
      <c r="EU31" s="296">
        <v>0</v>
      </c>
      <c r="EV31" s="296">
        <v>0</v>
      </c>
      <c r="EW31" s="296">
        <v>0</v>
      </c>
      <c r="EX31" s="299">
        <v>0</v>
      </c>
      <c r="EY31" s="300">
        <v>0</v>
      </c>
      <c r="EZ31" s="295">
        <v>0</v>
      </c>
      <c r="FA31" s="296">
        <v>0</v>
      </c>
      <c r="FB31" s="297">
        <v>0</v>
      </c>
      <c r="FC31" s="301"/>
      <c r="FD31" s="296">
        <v>0</v>
      </c>
      <c r="FE31" s="296">
        <v>0</v>
      </c>
      <c r="FF31" s="296">
        <v>0</v>
      </c>
      <c r="FG31" s="296">
        <v>0</v>
      </c>
      <c r="FH31" s="296">
        <v>0</v>
      </c>
      <c r="FI31" s="299">
        <v>0</v>
      </c>
      <c r="FJ31" s="300">
        <v>0</v>
      </c>
      <c r="FK31" s="295">
        <v>0</v>
      </c>
      <c r="FL31" s="296">
        <v>0</v>
      </c>
      <c r="FM31" s="297">
        <v>0</v>
      </c>
      <c r="FN31" s="301"/>
      <c r="FO31" s="296">
        <v>0</v>
      </c>
      <c r="FP31" s="296">
        <v>0</v>
      </c>
      <c r="FQ31" s="296">
        <v>35580</v>
      </c>
      <c r="FR31" s="296">
        <v>0</v>
      </c>
      <c r="FS31" s="296">
        <v>0</v>
      </c>
      <c r="FT31" s="299">
        <v>35580</v>
      </c>
      <c r="FU31" s="300">
        <v>35580</v>
      </c>
      <c r="FV31" s="295">
        <v>0</v>
      </c>
      <c r="FW31" s="296">
        <v>0</v>
      </c>
      <c r="FX31" s="297">
        <v>0</v>
      </c>
      <c r="FY31" s="298">
        <v>0</v>
      </c>
      <c r="FZ31" s="296">
        <v>0</v>
      </c>
      <c r="GA31" s="296">
        <v>0</v>
      </c>
      <c r="GB31" s="296">
        <v>0</v>
      </c>
      <c r="GC31" s="296">
        <v>6670</v>
      </c>
      <c r="GD31" s="296">
        <v>0</v>
      </c>
      <c r="GE31" s="299">
        <v>6670</v>
      </c>
      <c r="GF31" s="300">
        <v>6670</v>
      </c>
      <c r="GG31" s="295">
        <v>0</v>
      </c>
      <c r="GH31" s="296">
        <v>0</v>
      </c>
      <c r="GI31" s="297">
        <v>0</v>
      </c>
      <c r="GJ31" s="298">
        <v>0</v>
      </c>
      <c r="GK31" s="296">
        <v>0</v>
      </c>
      <c r="GL31" s="296">
        <v>0</v>
      </c>
      <c r="GM31" s="296">
        <v>0</v>
      </c>
      <c r="GN31" s="296">
        <v>0</v>
      </c>
      <c r="GO31" s="296">
        <v>1074</v>
      </c>
      <c r="GP31" s="299">
        <v>1074</v>
      </c>
      <c r="GQ31" s="300">
        <v>1074</v>
      </c>
      <c r="GR31" s="295">
        <v>0</v>
      </c>
      <c r="GS31" s="296">
        <v>0</v>
      </c>
      <c r="GT31" s="297">
        <v>0</v>
      </c>
      <c r="GU31" s="298">
        <v>0</v>
      </c>
      <c r="GV31" s="296">
        <v>0</v>
      </c>
      <c r="GW31" s="296">
        <v>0</v>
      </c>
      <c r="GX31" s="296">
        <v>0</v>
      </c>
      <c r="GY31" s="296">
        <v>0</v>
      </c>
      <c r="GZ31" s="296">
        <v>0</v>
      </c>
      <c r="HA31" s="299">
        <v>0</v>
      </c>
      <c r="HB31" s="300">
        <v>0</v>
      </c>
      <c r="HC31" s="295">
        <v>0</v>
      </c>
      <c r="HD31" s="296">
        <v>0</v>
      </c>
      <c r="HE31" s="297">
        <v>0</v>
      </c>
      <c r="HF31" s="301"/>
      <c r="HG31" s="296">
        <v>0</v>
      </c>
      <c r="HH31" s="296">
        <v>0</v>
      </c>
      <c r="HI31" s="296">
        <v>0</v>
      </c>
      <c r="HJ31" s="296">
        <v>0</v>
      </c>
      <c r="HK31" s="296">
        <v>0</v>
      </c>
      <c r="HL31" s="299">
        <v>0</v>
      </c>
      <c r="HM31" s="300">
        <v>0</v>
      </c>
      <c r="HN31" s="295">
        <v>0</v>
      </c>
      <c r="HO31" s="296">
        <v>0</v>
      </c>
      <c r="HP31" s="297">
        <v>0</v>
      </c>
      <c r="HQ31" s="298">
        <v>0</v>
      </c>
      <c r="HR31" s="296">
        <v>0</v>
      </c>
      <c r="HS31" s="296">
        <v>80520</v>
      </c>
      <c r="HT31" s="296">
        <v>427980</v>
      </c>
      <c r="HU31" s="296">
        <v>336446</v>
      </c>
      <c r="HV31" s="296">
        <v>173976</v>
      </c>
      <c r="HW31" s="299">
        <v>1018922</v>
      </c>
      <c r="HX31" s="300">
        <v>1018922</v>
      </c>
    </row>
    <row r="32" spans="1:232" ht="16.5" customHeight="1" x14ac:dyDescent="0.2">
      <c r="A32" s="293" t="s">
        <v>29</v>
      </c>
      <c r="B32" s="295">
        <v>0</v>
      </c>
      <c r="C32" s="296">
        <v>0</v>
      </c>
      <c r="D32" s="297">
        <v>0</v>
      </c>
      <c r="E32" s="298">
        <v>0</v>
      </c>
      <c r="F32" s="296">
        <v>0</v>
      </c>
      <c r="G32" s="296">
        <v>152600</v>
      </c>
      <c r="H32" s="296">
        <v>304678</v>
      </c>
      <c r="I32" s="296">
        <v>532205</v>
      </c>
      <c r="J32" s="296">
        <v>191785</v>
      </c>
      <c r="K32" s="299">
        <v>1181268</v>
      </c>
      <c r="L32" s="300">
        <v>1181268</v>
      </c>
      <c r="M32" s="295">
        <v>0</v>
      </c>
      <c r="N32" s="296">
        <v>0</v>
      </c>
      <c r="O32" s="297">
        <v>0</v>
      </c>
      <c r="P32" s="301"/>
      <c r="Q32" s="296">
        <v>0</v>
      </c>
      <c r="R32" s="296">
        <v>0</v>
      </c>
      <c r="S32" s="296">
        <v>185400</v>
      </c>
      <c r="T32" s="296">
        <v>249480</v>
      </c>
      <c r="U32" s="296">
        <v>155700</v>
      </c>
      <c r="V32" s="299">
        <v>590580</v>
      </c>
      <c r="W32" s="300">
        <v>590580</v>
      </c>
      <c r="X32" s="295">
        <v>0</v>
      </c>
      <c r="Y32" s="296">
        <v>0</v>
      </c>
      <c r="Z32" s="297">
        <v>0</v>
      </c>
      <c r="AA32" s="301"/>
      <c r="AB32" s="296">
        <v>0</v>
      </c>
      <c r="AC32" s="296">
        <v>111340</v>
      </c>
      <c r="AD32" s="296">
        <v>59625</v>
      </c>
      <c r="AE32" s="296">
        <v>81105</v>
      </c>
      <c r="AF32" s="296">
        <v>2550</v>
      </c>
      <c r="AG32" s="299">
        <v>254620</v>
      </c>
      <c r="AH32" s="300">
        <v>254620</v>
      </c>
      <c r="AI32" s="295">
        <v>0</v>
      </c>
      <c r="AJ32" s="296">
        <v>0</v>
      </c>
      <c r="AK32" s="297">
        <v>0</v>
      </c>
      <c r="AL32" s="301"/>
      <c r="AM32" s="296">
        <v>0</v>
      </c>
      <c r="AN32" s="296">
        <v>0</v>
      </c>
      <c r="AO32" s="296">
        <v>0</v>
      </c>
      <c r="AP32" s="296">
        <v>0</v>
      </c>
      <c r="AQ32" s="296">
        <v>0</v>
      </c>
      <c r="AR32" s="299">
        <v>0</v>
      </c>
      <c r="AS32" s="300">
        <v>0</v>
      </c>
      <c r="AT32" s="295">
        <v>0</v>
      </c>
      <c r="AU32" s="296">
        <v>0</v>
      </c>
      <c r="AV32" s="297">
        <v>0</v>
      </c>
      <c r="AW32" s="301"/>
      <c r="AX32" s="296">
        <v>0</v>
      </c>
      <c r="AY32" s="296">
        <v>0</v>
      </c>
      <c r="AZ32" s="296">
        <v>0</v>
      </c>
      <c r="BA32" s="296">
        <v>0</v>
      </c>
      <c r="BB32" s="296">
        <v>0</v>
      </c>
      <c r="BC32" s="299">
        <v>0</v>
      </c>
      <c r="BD32" s="300">
        <v>0</v>
      </c>
      <c r="BE32" s="295">
        <v>0</v>
      </c>
      <c r="BF32" s="296">
        <v>0</v>
      </c>
      <c r="BG32" s="297">
        <v>0</v>
      </c>
      <c r="BH32" s="301"/>
      <c r="BI32" s="296">
        <v>0</v>
      </c>
      <c r="BJ32" s="296">
        <v>18450</v>
      </c>
      <c r="BK32" s="296">
        <v>5440</v>
      </c>
      <c r="BL32" s="296">
        <v>189900</v>
      </c>
      <c r="BM32" s="296">
        <v>31650</v>
      </c>
      <c r="BN32" s="299">
        <v>245440</v>
      </c>
      <c r="BO32" s="300">
        <v>245440</v>
      </c>
      <c r="BP32" s="295">
        <v>0</v>
      </c>
      <c r="BQ32" s="296">
        <v>0</v>
      </c>
      <c r="BR32" s="297">
        <v>0</v>
      </c>
      <c r="BS32" s="298">
        <v>0</v>
      </c>
      <c r="BT32" s="296">
        <v>0</v>
      </c>
      <c r="BU32" s="296">
        <v>19640</v>
      </c>
      <c r="BV32" s="296">
        <v>53923</v>
      </c>
      <c r="BW32" s="296">
        <v>11720</v>
      </c>
      <c r="BX32" s="296">
        <v>1885</v>
      </c>
      <c r="BY32" s="299">
        <v>87168</v>
      </c>
      <c r="BZ32" s="300">
        <v>87168</v>
      </c>
      <c r="CA32" s="295">
        <v>0</v>
      </c>
      <c r="CB32" s="296">
        <v>0</v>
      </c>
      <c r="CC32" s="297">
        <v>0</v>
      </c>
      <c r="CD32" s="298">
        <v>0</v>
      </c>
      <c r="CE32" s="296">
        <v>0</v>
      </c>
      <c r="CF32" s="296">
        <v>3170</v>
      </c>
      <c r="CG32" s="296">
        <v>290</v>
      </c>
      <c r="CH32" s="296">
        <v>0</v>
      </c>
      <c r="CI32" s="296">
        <v>0</v>
      </c>
      <c r="CJ32" s="299">
        <v>3460</v>
      </c>
      <c r="CK32" s="300">
        <v>3460</v>
      </c>
      <c r="CL32" s="295">
        <v>0</v>
      </c>
      <c r="CM32" s="296">
        <v>0</v>
      </c>
      <c r="CN32" s="297">
        <v>0</v>
      </c>
      <c r="CO32" s="298">
        <v>0</v>
      </c>
      <c r="CP32" s="296">
        <v>0</v>
      </c>
      <c r="CQ32" s="296">
        <v>0</v>
      </c>
      <c r="CR32" s="296">
        <v>0</v>
      </c>
      <c r="CS32" s="296">
        <v>0</v>
      </c>
      <c r="CT32" s="296">
        <v>0</v>
      </c>
      <c r="CU32" s="299">
        <v>0</v>
      </c>
      <c r="CV32" s="300">
        <v>0</v>
      </c>
      <c r="CW32" s="295">
        <v>0</v>
      </c>
      <c r="CX32" s="296">
        <v>0</v>
      </c>
      <c r="CY32" s="297">
        <v>0</v>
      </c>
      <c r="CZ32" s="301"/>
      <c r="DA32" s="296">
        <v>0</v>
      </c>
      <c r="DB32" s="296">
        <v>0</v>
      </c>
      <c r="DC32" s="296">
        <v>0</v>
      </c>
      <c r="DD32" s="296">
        <v>0</v>
      </c>
      <c r="DE32" s="296">
        <v>0</v>
      </c>
      <c r="DF32" s="299">
        <v>0</v>
      </c>
      <c r="DG32" s="300">
        <v>0</v>
      </c>
      <c r="DH32" s="295">
        <v>0</v>
      </c>
      <c r="DI32" s="296">
        <v>0</v>
      </c>
      <c r="DJ32" s="297">
        <v>0</v>
      </c>
      <c r="DK32" s="298">
        <v>0</v>
      </c>
      <c r="DL32" s="296">
        <v>0</v>
      </c>
      <c r="DM32" s="296">
        <v>93024</v>
      </c>
      <c r="DN32" s="296">
        <v>256752</v>
      </c>
      <c r="DO32" s="296">
        <v>489714</v>
      </c>
      <c r="DP32" s="296">
        <v>161187</v>
      </c>
      <c r="DQ32" s="299">
        <v>1000677</v>
      </c>
      <c r="DR32" s="302">
        <v>1000677</v>
      </c>
      <c r="DS32" s="295">
        <v>0</v>
      </c>
      <c r="DT32" s="296">
        <v>0</v>
      </c>
      <c r="DU32" s="297">
        <v>0</v>
      </c>
      <c r="DV32" s="301"/>
      <c r="DW32" s="296">
        <v>0</v>
      </c>
      <c r="DX32" s="296">
        <v>0</v>
      </c>
      <c r="DY32" s="296">
        <v>161340</v>
      </c>
      <c r="DZ32" s="296">
        <v>263505</v>
      </c>
      <c r="EA32" s="296">
        <v>119430</v>
      </c>
      <c r="EB32" s="299">
        <v>544275</v>
      </c>
      <c r="EC32" s="300">
        <v>544275</v>
      </c>
      <c r="ED32" s="295">
        <v>0</v>
      </c>
      <c r="EE32" s="296">
        <v>0</v>
      </c>
      <c r="EF32" s="297">
        <v>0</v>
      </c>
      <c r="EG32" s="301"/>
      <c r="EH32" s="296">
        <v>0</v>
      </c>
      <c r="EI32" s="296">
        <v>46528</v>
      </c>
      <c r="EJ32" s="296">
        <v>495</v>
      </c>
      <c r="EK32" s="296">
        <v>840</v>
      </c>
      <c r="EL32" s="296">
        <v>210</v>
      </c>
      <c r="EM32" s="299">
        <v>48073</v>
      </c>
      <c r="EN32" s="300">
        <v>48073</v>
      </c>
      <c r="EO32" s="295">
        <v>0</v>
      </c>
      <c r="EP32" s="296">
        <v>0</v>
      </c>
      <c r="EQ32" s="297">
        <v>0</v>
      </c>
      <c r="ER32" s="301"/>
      <c r="ES32" s="296">
        <v>0</v>
      </c>
      <c r="ET32" s="296">
        <v>0</v>
      </c>
      <c r="EU32" s="296">
        <v>0</v>
      </c>
      <c r="EV32" s="296">
        <v>0</v>
      </c>
      <c r="EW32" s="296">
        <v>0</v>
      </c>
      <c r="EX32" s="299">
        <v>0</v>
      </c>
      <c r="EY32" s="300">
        <v>0</v>
      </c>
      <c r="EZ32" s="295">
        <v>0</v>
      </c>
      <c r="FA32" s="296">
        <v>0</v>
      </c>
      <c r="FB32" s="297">
        <v>0</v>
      </c>
      <c r="FC32" s="301"/>
      <c r="FD32" s="296">
        <v>0</v>
      </c>
      <c r="FE32" s="296">
        <v>0</v>
      </c>
      <c r="FF32" s="296">
        <v>0</v>
      </c>
      <c r="FG32" s="296">
        <v>0</v>
      </c>
      <c r="FH32" s="296">
        <v>0</v>
      </c>
      <c r="FI32" s="299">
        <v>0</v>
      </c>
      <c r="FJ32" s="300">
        <v>0</v>
      </c>
      <c r="FK32" s="295">
        <v>0</v>
      </c>
      <c r="FL32" s="296">
        <v>0</v>
      </c>
      <c r="FM32" s="297">
        <v>0</v>
      </c>
      <c r="FN32" s="301"/>
      <c r="FO32" s="296">
        <v>0</v>
      </c>
      <c r="FP32" s="296">
        <v>34800</v>
      </c>
      <c r="FQ32" s="296">
        <v>44544</v>
      </c>
      <c r="FR32" s="296">
        <v>213480</v>
      </c>
      <c r="FS32" s="296">
        <v>35580</v>
      </c>
      <c r="FT32" s="299">
        <v>328404</v>
      </c>
      <c r="FU32" s="300">
        <v>328404</v>
      </c>
      <c r="FV32" s="295">
        <v>0</v>
      </c>
      <c r="FW32" s="296">
        <v>0</v>
      </c>
      <c r="FX32" s="297">
        <v>0</v>
      </c>
      <c r="FY32" s="298">
        <v>0</v>
      </c>
      <c r="FZ32" s="296">
        <v>0</v>
      </c>
      <c r="GA32" s="296">
        <v>11640</v>
      </c>
      <c r="GB32" s="296">
        <v>50352</v>
      </c>
      <c r="GC32" s="296">
        <v>11889</v>
      </c>
      <c r="GD32" s="296">
        <v>5967</v>
      </c>
      <c r="GE32" s="299">
        <v>79848</v>
      </c>
      <c r="GF32" s="300">
        <v>79848</v>
      </c>
      <c r="GG32" s="295">
        <v>0</v>
      </c>
      <c r="GH32" s="296">
        <v>0</v>
      </c>
      <c r="GI32" s="297">
        <v>0</v>
      </c>
      <c r="GJ32" s="298">
        <v>0</v>
      </c>
      <c r="GK32" s="296">
        <v>0</v>
      </c>
      <c r="GL32" s="296">
        <v>56</v>
      </c>
      <c r="GM32" s="296">
        <v>21</v>
      </c>
      <c r="GN32" s="296">
        <v>0</v>
      </c>
      <c r="GO32" s="296">
        <v>0</v>
      </c>
      <c r="GP32" s="299">
        <v>77</v>
      </c>
      <c r="GQ32" s="300">
        <v>77</v>
      </c>
      <c r="GR32" s="295">
        <v>0</v>
      </c>
      <c r="GS32" s="296">
        <v>0</v>
      </c>
      <c r="GT32" s="297">
        <v>0</v>
      </c>
      <c r="GU32" s="298">
        <v>0</v>
      </c>
      <c r="GV32" s="296">
        <v>0</v>
      </c>
      <c r="GW32" s="296">
        <v>0</v>
      </c>
      <c r="GX32" s="296">
        <v>0</v>
      </c>
      <c r="GY32" s="296">
        <v>0</v>
      </c>
      <c r="GZ32" s="296">
        <v>0</v>
      </c>
      <c r="HA32" s="299">
        <v>0</v>
      </c>
      <c r="HB32" s="300">
        <v>0</v>
      </c>
      <c r="HC32" s="295">
        <v>0</v>
      </c>
      <c r="HD32" s="296">
        <v>0</v>
      </c>
      <c r="HE32" s="297">
        <v>0</v>
      </c>
      <c r="HF32" s="301"/>
      <c r="HG32" s="296">
        <v>0</v>
      </c>
      <c r="HH32" s="296">
        <v>0</v>
      </c>
      <c r="HI32" s="296">
        <v>0</v>
      </c>
      <c r="HJ32" s="296">
        <v>0</v>
      </c>
      <c r="HK32" s="296">
        <v>0</v>
      </c>
      <c r="HL32" s="299">
        <v>0</v>
      </c>
      <c r="HM32" s="300">
        <v>0</v>
      </c>
      <c r="HN32" s="295">
        <v>0</v>
      </c>
      <c r="HO32" s="296">
        <v>0</v>
      </c>
      <c r="HP32" s="297">
        <v>0</v>
      </c>
      <c r="HQ32" s="298">
        <v>0</v>
      </c>
      <c r="HR32" s="296">
        <v>0</v>
      </c>
      <c r="HS32" s="296">
        <v>245624</v>
      </c>
      <c r="HT32" s="296">
        <v>561430</v>
      </c>
      <c r="HU32" s="296">
        <v>1021919</v>
      </c>
      <c r="HV32" s="296">
        <v>352972</v>
      </c>
      <c r="HW32" s="299">
        <v>2181945</v>
      </c>
      <c r="HX32" s="300">
        <v>2181945</v>
      </c>
    </row>
    <row r="33" spans="1:232" ht="16.5" customHeight="1" x14ac:dyDescent="0.2">
      <c r="A33" s="293" t="s">
        <v>30</v>
      </c>
      <c r="B33" s="295">
        <v>0</v>
      </c>
      <c r="C33" s="296">
        <v>0</v>
      </c>
      <c r="D33" s="297">
        <v>0</v>
      </c>
      <c r="E33" s="298">
        <v>0</v>
      </c>
      <c r="F33" s="296">
        <v>60090</v>
      </c>
      <c r="G33" s="296">
        <v>50830</v>
      </c>
      <c r="H33" s="296">
        <v>236612</v>
      </c>
      <c r="I33" s="296">
        <v>313855</v>
      </c>
      <c r="J33" s="296">
        <v>260680</v>
      </c>
      <c r="K33" s="299">
        <v>922067</v>
      </c>
      <c r="L33" s="300">
        <v>922067</v>
      </c>
      <c r="M33" s="295">
        <v>0</v>
      </c>
      <c r="N33" s="296">
        <v>0</v>
      </c>
      <c r="O33" s="297">
        <v>0</v>
      </c>
      <c r="P33" s="301"/>
      <c r="Q33" s="296">
        <v>2550</v>
      </c>
      <c r="R33" s="296">
        <v>26400</v>
      </c>
      <c r="S33" s="296">
        <v>197400</v>
      </c>
      <c r="T33" s="296">
        <v>156670</v>
      </c>
      <c r="U33" s="296">
        <v>258300</v>
      </c>
      <c r="V33" s="299">
        <v>641320</v>
      </c>
      <c r="W33" s="300">
        <v>641320</v>
      </c>
      <c r="X33" s="295">
        <v>0</v>
      </c>
      <c r="Y33" s="296">
        <v>0</v>
      </c>
      <c r="Z33" s="297">
        <v>0</v>
      </c>
      <c r="AA33" s="301"/>
      <c r="AB33" s="296">
        <v>58050</v>
      </c>
      <c r="AC33" s="296">
        <v>23850</v>
      </c>
      <c r="AD33" s="296">
        <v>36750</v>
      </c>
      <c r="AE33" s="296">
        <v>157185</v>
      </c>
      <c r="AF33" s="296">
        <v>2380</v>
      </c>
      <c r="AG33" s="299">
        <v>278215</v>
      </c>
      <c r="AH33" s="300">
        <v>278215</v>
      </c>
      <c r="AI33" s="295">
        <v>0</v>
      </c>
      <c r="AJ33" s="296">
        <v>0</v>
      </c>
      <c r="AK33" s="297">
        <v>0</v>
      </c>
      <c r="AL33" s="301"/>
      <c r="AM33" s="296">
        <v>0</v>
      </c>
      <c r="AN33" s="296">
        <v>0</v>
      </c>
      <c r="AO33" s="296">
        <v>0</v>
      </c>
      <c r="AP33" s="296">
        <v>0</v>
      </c>
      <c r="AQ33" s="296">
        <v>0</v>
      </c>
      <c r="AR33" s="299">
        <v>0</v>
      </c>
      <c r="AS33" s="300">
        <v>0</v>
      </c>
      <c r="AT33" s="295">
        <v>0</v>
      </c>
      <c r="AU33" s="296">
        <v>0</v>
      </c>
      <c r="AV33" s="297">
        <v>0</v>
      </c>
      <c r="AW33" s="301"/>
      <c r="AX33" s="296">
        <v>0</v>
      </c>
      <c r="AY33" s="296">
        <v>0</v>
      </c>
      <c r="AZ33" s="296">
        <v>0</v>
      </c>
      <c r="BA33" s="296">
        <v>0</v>
      </c>
      <c r="BB33" s="296">
        <v>0</v>
      </c>
      <c r="BC33" s="299">
        <v>0</v>
      </c>
      <c r="BD33" s="300">
        <v>0</v>
      </c>
      <c r="BE33" s="295">
        <v>0</v>
      </c>
      <c r="BF33" s="296">
        <v>0</v>
      </c>
      <c r="BG33" s="297">
        <v>0</v>
      </c>
      <c r="BH33" s="301"/>
      <c r="BI33" s="296">
        <v>0</v>
      </c>
      <c r="BJ33" s="296">
        <v>0</v>
      </c>
      <c r="BK33" s="296">
        <v>0</v>
      </c>
      <c r="BL33" s="296">
        <v>0</v>
      </c>
      <c r="BM33" s="296">
        <v>0</v>
      </c>
      <c r="BN33" s="299">
        <v>0</v>
      </c>
      <c r="BO33" s="300">
        <v>0</v>
      </c>
      <c r="BP33" s="295">
        <v>0</v>
      </c>
      <c r="BQ33" s="296">
        <v>0</v>
      </c>
      <c r="BR33" s="297">
        <v>0</v>
      </c>
      <c r="BS33" s="298">
        <v>0</v>
      </c>
      <c r="BT33" s="296">
        <v>-510</v>
      </c>
      <c r="BU33" s="296">
        <v>580</v>
      </c>
      <c r="BV33" s="296">
        <v>2462</v>
      </c>
      <c r="BW33" s="296">
        <v>0</v>
      </c>
      <c r="BX33" s="296">
        <v>0</v>
      </c>
      <c r="BY33" s="299">
        <v>2532</v>
      </c>
      <c r="BZ33" s="300">
        <v>2532</v>
      </c>
      <c r="CA33" s="295">
        <v>0</v>
      </c>
      <c r="CB33" s="296">
        <v>0</v>
      </c>
      <c r="CC33" s="297">
        <v>0</v>
      </c>
      <c r="CD33" s="298">
        <v>0</v>
      </c>
      <c r="CE33" s="296">
        <v>0</v>
      </c>
      <c r="CF33" s="296">
        <v>0</v>
      </c>
      <c r="CG33" s="296">
        <v>0</v>
      </c>
      <c r="CH33" s="296">
        <v>0</v>
      </c>
      <c r="CI33" s="296">
        <v>0</v>
      </c>
      <c r="CJ33" s="299">
        <v>0</v>
      </c>
      <c r="CK33" s="300">
        <v>0</v>
      </c>
      <c r="CL33" s="295">
        <v>0</v>
      </c>
      <c r="CM33" s="296">
        <v>0</v>
      </c>
      <c r="CN33" s="297">
        <v>0</v>
      </c>
      <c r="CO33" s="298">
        <v>0</v>
      </c>
      <c r="CP33" s="296">
        <v>0</v>
      </c>
      <c r="CQ33" s="296">
        <v>0</v>
      </c>
      <c r="CR33" s="296">
        <v>0</v>
      </c>
      <c r="CS33" s="296">
        <v>0</v>
      </c>
      <c r="CT33" s="296">
        <v>0</v>
      </c>
      <c r="CU33" s="299">
        <v>0</v>
      </c>
      <c r="CV33" s="300">
        <v>0</v>
      </c>
      <c r="CW33" s="295">
        <v>0</v>
      </c>
      <c r="CX33" s="296">
        <v>0</v>
      </c>
      <c r="CY33" s="297">
        <v>0</v>
      </c>
      <c r="CZ33" s="301"/>
      <c r="DA33" s="296">
        <v>0</v>
      </c>
      <c r="DB33" s="296">
        <v>0</v>
      </c>
      <c r="DC33" s="296">
        <v>0</v>
      </c>
      <c r="DD33" s="296">
        <v>0</v>
      </c>
      <c r="DE33" s="296">
        <v>0</v>
      </c>
      <c r="DF33" s="299">
        <v>0</v>
      </c>
      <c r="DG33" s="300">
        <v>0</v>
      </c>
      <c r="DH33" s="295">
        <v>0</v>
      </c>
      <c r="DI33" s="296">
        <v>0</v>
      </c>
      <c r="DJ33" s="297">
        <v>0</v>
      </c>
      <c r="DK33" s="298">
        <v>0</v>
      </c>
      <c r="DL33" s="296">
        <v>31196</v>
      </c>
      <c r="DM33" s="296">
        <v>41256</v>
      </c>
      <c r="DN33" s="296">
        <v>311970</v>
      </c>
      <c r="DO33" s="296">
        <v>230547</v>
      </c>
      <c r="DP33" s="296">
        <v>249029</v>
      </c>
      <c r="DQ33" s="299">
        <v>863998</v>
      </c>
      <c r="DR33" s="302">
        <v>863998</v>
      </c>
      <c r="DS33" s="295">
        <v>0</v>
      </c>
      <c r="DT33" s="296">
        <v>0</v>
      </c>
      <c r="DU33" s="297">
        <v>0</v>
      </c>
      <c r="DV33" s="301"/>
      <c r="DW33" s="296">
        <v>20880</v>
      </c>
      <c r="DX33" s="296">
        <v>35430</v>
      </c>
      <c r="DY33" s="296">
        <v>293370</v>
      </c>
      <c r="DZ33" s="296">
        <v>217770</v>
      </c>
      <c r="EA33" s="296">
        <v>248833</v>
      </c>
      <c r="EB33" s="299">
        <v>816283</v>
      </c>
      <c r="EC33" s="300">
        <v>816283</v>
      </c>
      <c r="ED33" s="295">
        <v>0</v>
      </c>
      <c r="EE33" s="296">
        <v>0</v>
      </c>
      <c r="EF33" s="297">
        <v>0</v>
      </c>
      <c r="EG33" s="301"/>
      <c r="EH33" s="296">
        <v>8827</v>
      </c>
      <c r="EI33" s="296">
        <v>210</v>
      </c>
      <c r="EJ33" s="296">
        <v>11160</v>
      </c>
      <c r="EK33" s="296">
        <v>12777</v>
      </c>
      <c r="EL33" s="296">
        <v>196</v>
      </c>
      <c r="EM33" s="299">
        <v>33170</v>
      </c>
      <c r="EN33" s="300">
        <v>33170</v>
      </c>
      <c r="EO33" s="295">
        <v>0</v>
      </c>
      <c r="EP33" s="296">
        <v>0</v>
      </c>
      <c r="EQ33" s="297">
        <v>0</v>
      </c>
      <c r="ER33" s="301"/>
      <c r="ES33" s="296">
        <v>0</v>
      </c>
      <c r="ET33" s="296">
        <v>0</v>
      </c>
      <c r="EU33" s="296">
        <v>0</v>
      </c>
      <c r="EV33" s="296">
        <v>0</v>
      </c>
      <c r="EW33" s="296">
        <v>0</v>
      </c>
      <c r="EX33" s="299">
        <v>0</v>
      </c>
      <c r="EY33" s="300">
        <v>0</v>
      </c>
      <c r="EZ33" s="295">
        <v>0</v>
      </c>
      <c r="FA33" s="296">
        <v>0</v>
      </c>
      <c r="FB33" s="297">
        <v>0</v>
      </c>
      <c r="FC33" s="301"/>
      <c r="FD33" s="296">
        <v>0</v>
      </c>
      <c r="FE33" s="296">
        <v>0</v>
      </c>
      <c r="FF33" s="296">
        <v>0</v>
      </c>
      <c r="FG33" s="296">
        <v>0</v>
      </c>
      <c r="FH33" s="296">
        <v>0</v>
      </c>
      <c r="FI33" s="299">
        <v>0</v>
      </c>
      <c r="FJ33" s="300">
        <v>0</v>
      </c>
      <c r="FK33" s="295">
        <v>0</v>
      </c>
      <c r="FL33" s="296">
        <v>0</v>
      </c>
      <c r="FM33" s="297">
        <v>0</v>
      </c>
      <c r="FN33" s="301"/>
      <c r="FO33" s="296">
        <v>0</v>
      </c>
      <c r="FP33" s="296">
        <v>0</v>
      </c>
      <c r="FQ33" s="296">
        <v>0</v>
      </c>
      <c r="FR33" s="296">
        <v>0</v>
      </c>
      <c r="FS33" s="296">
        <v>0</v>
      </c>
      <c r="FT33" s="299">
        <v>0</v>
      </c>
      <c r="FU33" s="300">
        <v>0</v>
      </c>
      <c r="FV33" s="295">
        <v>0</v>
      </c>
      <c r="FW33" s="296">
        <v>0</v>
      </c>
      <c r="FX33" s="297">
        <v>0</v>
      </c>
      <c r="FY33" s="298">
        <v>0</v>
      </c>
      <c r="FZ33" s="296">
        <v>1489</v>
      </c>
      <c r="GA33" s="296">
        <v>5616</v>
      </c>
      <c r="GB33" s="296">
        <v>7440</v>
      </c>
      <c r="GC33" s="296">
        <v>0</v>
      </c>
      <c r="GD33" s="296">
        <v>0</v>
      </c>
      <c r="GE33" s="299">
        <v>14545</v>
      </c>
      <c r="GF33" s="300">
        <v>14545</v>
      </c>
      <c r="GG33" s="295">
        <v>0</v>
      </c>
      <c r="GH33" s="296">
        <v>0</v>
      </c>
      <c r="GI33" s="297">
        <v>0</v>
      </c>
      <c r="GJ33" s="298">
        <v>0</v>
      </c>
      <c r="GK33" s="296">
        <v>0</v>
      </c>
      <c r="GL33" s="296">
        <v>0</v>
      </c>
      <c r="GM33" s="296">
        <v>0</v>
      </c>
      <c r="GN33" s="296">
        <v>0</v>
      </c>
      <c r="GO33" s="296">
        <v>0</v>
      </c>
      <c r="GP33" s="299">
        <v>0</v>
      </c>
      <c r="GQ33" s="300">
        <v>0</v>
      </c>
      <c r="GR33" s="295">
        <v>0</v>
      </c>
      <c r="GS33" s="296">
        <v>0</v>
      </c>
      <c r="GT33" s="297">
        <v>0</v>
      </c>
      <c r="GU33" s="298">
        <v>0</v>
      </c>
      <c r="GV33" s="296">
        <v>0</v>
      </c>
      <c r="GW33" s="296">
        <v>0</v>
      </c>
      <c r="GX33" s="296">
        <v>0</v>
      </c>
      <c r="GY33" s="296">
        <v>0</v>
      </c>
      <c r="GZ33" s="296">
        <v>0</v>
      </c>
      <c r="HA33" s="299">
        <v>0</v>
      </c>
      <c r="HB33" s="300">
        <v>0</v>
      </c>
      <c r="HC33" s="295">
        <v>0</v>
      </c>
      <c r="HD33" s="296">
        <v>0</v>
      </c>
      <c r="HE33" s="297">
        <v>0</v>
      </c>
      <c r="HF33" s="301"/>
      <c r="HG33" s="296">
        <v>0</v>
      </c>
      <c r="HH33" s="296">
        <v>0</v>
      </c>
      <c r="HI33" s="296">
        <v>0</v>
      </c>
      <c r="HJ33" s="296">
        <v>0</v>
      </c>
      <c r="HK33" s="296">
        <v>0</v>
      </c>
      <c r="HL33" s="299">
        <v>0</v>
      </c>
      <c r="HM33" s="300">
        <v>0</v>
      </c>
      <c r="HN33" s="295">
        <v>0</v>
      </c>
      <c r="HO33" s="296">
        <v>0</v>
      </c>
      <c r="HP33" s="297">
        <v>0</v>
      </c>
      <c r="HQ33" s="298">
        <v>0</v>
      </c>
      <c r="HR33" s="296">
        <v>91286</v>
      </c>
      <c r="HS33" s="296">
        <v>92086</v>
      </c>
      <c r="HT33" s="296">
        <v>548582</v>
      </c>
      <c r="HU33" s="296">
        <v>544402</v>
      </c>
      <c r="HV33" s="296">
        <v>509709</v>
      </c>
      <c r="HW33" s="299">
        <v>1786065</v>
      </c>
      <c r="HX33" s="300">
        <v>1786065</v>
      </c>
    </row>
    <row r="34" spans="1:232" ht="16.5" customHeight="1" x14ac:dyDescent="0.2">
      <c r="A34" s="293" t="s">
        <v>31</v>
      </c>
      <c r="B34" s="295">
        <v>0</v>
      </c>
      <c r="C34" s="296">
        <v>0</v>
      </c>
      <c r="D34" s="297">
        <v>0</v>
      </c>
      <c r="E34" s="298">
        <v>0</v>
      </c>
      <c r="F34" s="296">
        <v>24720</v>
      </c>
      <c r="G34" s="296">
        <v>113215</v>
      </c>
      <c r="H34" s="296">
        <v>261630</v>
      </c>
      <c r="I34" s="296">
        <v>129440</v>
      </c>
      <c r="J34" s="296">
        <v>211820</v>
      </c>
      <c r="K34" s="299">
        <v>740825</v>
      </c>
      <c r="L34" s="300">
        <v>740825</v>
      </c>
      <c r="M34" s="295">
        <v>0</v>
      </c>
      <c r="N34" s="296">
        <v>0</v>
      </c>
      <c r="O34" s="297">
        <v>0</v>
      </c>
      <c r="P34" s="301"/>
      <c r="Q34" s="296">
        <v>0</v>
      </c>
      <c r="R34" s="296">
        <v>0</v>
      </c>
      <c r="S34" s="296">
        <v>199950</v>
      </c>
      <c r="T34" s="296">
        <v>119240</v>
      </c>
      <c r="U34" s="296">
        <v>175765</v>
      </c>
      <c r="V34" s="299">
        <v>494955</v>
      </c>
      <c r="W34" s="300">
        <v>494955</v>
      </c>
      <c r="X34" s="295">
        <v>0</v>
      </c>
      <c r="Y34" s="296">
        <v>0</v>
      </c>
      <c r="Z34" s="297">
        <v>0</v>
      </c>
      <c r="AA34" s="301"/>
      <c r="AB34" s="296">
        <v>23850</v>
      </c>
      <c r="AC34" s="296">
        <v>94800</v>
      </c>
      <c r="AD34" s="296">
        <v>37685</v>
      </c>
      <c r="AE34" s="296">
        <v>10200</v>
      </c>
      <c r="AF34" s="296">
        <v>0</v>
      </c>
      <c r="AG34" s="299">
        <v>166535</v>
      </c>
      <c r="AH34" s="300">
        <v>166535</v>
      </c>
      <c r="AI34" s="295">
        <v>0</v>
      </c>
      <c r="AJ34" s="296">
        <v>0</v>
      </c>
      <c r="AK34" s="297">
        <v>0</v>
      </c>
      <c r="AL34" s="301"/>
      <c r="AM34" s="296">
        <v>0</v>
      </c>
      <c r="AN34" s="296">
        <v>0</v>
      </c>
      <c r="AO34" s="296">
        <v>0</v>
      </c>
      <c r="AP34" s="296">
        <v>0</v>
      </c>
      <c r="AQ34" s="296">
        <v>0</v>
      </c>
      <c r="AR34" s="299">
        <v>0</v>
      </c>
      <c r="AS34" s="300">
        <v>0</v>
      </c>
      <c r="AT34" s="295">
        <v>0</v>
      </c>
      <c r="AU34" s="296">
        <v>0</v>
      </c>
      <c r="AV34" s="297">
        <v>0</v>
      </c>
      <c r="AW34" s="301"/>
      <c r="AX34" s="296">
        <v>0</v>
      </c>
      <c r="AY34" s="296">
        <v>0</v>
      </c>
      <c r="AZ34" s="296">
        <v>0</v>
      </c>
      <c r="BA34" s="296">
        <v>0</v>
      </c>
      <c r="BB34" s="296">
        <v>31650</v>
      </c>
      <c r="BC34" s="299">
        <v>31650</v>
      </c>
      <c r="BD34" s="300">
        <v>31650</v>
      </c>
      <c r="BE34" s="295">
        <v>0</v>
      </c>
      <c r="BF34" s="296">
        <v>0</v>
      </c>
      <c r="BG34" s="297">
        <v>0</v>
      </c>
      <c r="BH34" s="301"/>
      <c r="BI34" s="296">
        <v>0</v>
      </c>
      <c r="BJ34" s="296">
        <v>0</v>
      </c>
      <c r="BK34" s="296">
        <v>0</v>
      </c>
      <c r="BL34" s="296">
        <v>0</v>
      </c>
      <c r="BM34" s="296">
        <v>0</v>
      </c>
      <c r="BN34" s="299">
        <v>0</v>
      </c>
      <c r="BO34" s="300">
        <v>0</v>
      </c>
      <c r="BP34" s="295">
        <v>0</v>
      </c>
      <c r="BQ34" s="296">
        <v>0</v>
      </c>
      <c r="BR34" s="297">
        <v>0</v>
      </c>
      <c r="BS34" s="298">
        <v>0</v>
      </c>
      <c r="BT34" s="296">
        <v>870</v>
      </c>
      <c r="BU34" s="296">
        <v>17980</v>
      </c>
      <c r="BV34" s="296">
        <v>23995</v>
      </c>
      <c r="BW34" s="296">
        <v>0</v>
      </c>
      <c r="BX34" s="296">
        <v>4405</v>
      </c>
      <c r="BY34" s="299">
        <v>47250</v>
      </c>
      <c r="BZ34" s="300">
        <v>47250</v>
      </c>
      <c r="CA34" s="295">
        <v>0</v>
      </c>
      <c r="CB34" s="296">
        <v>0</v>
      </c>
      <c r="CC34" s="297">
        <v>0</v>
      </c>
      <c r="CD34" s="298">
        <v>0</v>
      </c>
      <c r="CE34" s="296">
        <v>0</v>
      </c>
      <c r="CF34" s="296">
        <v>435</v>
      </c>
      <c r="CG34" s="296">
        <v>0</v>
      </c>
      <c r="CH34" s="296">
        <v>0</v>
      </c>
      <c r="CI34" s="296">
        <v>0</v>
      </c>
      <c r="CJ34" s="299">
        <v>435</v>
      </c>
      <c r="CK34" s="300">
        <v>435</v>
      </c>
      <c r="CL34" s="295">
        <v>0</v>
      </c>
      <c r="CM34" s="296">
        <v>0</v>
      </c>
      <c r="CN34" s="297">
        <v>0</v>
      </c>
      <c r="CO34" s="298">
        <v>0</v>
      </c>
      <c r="CP34" s="296">
        <v>0</v>
      </c>
      <c r="CQ34" s="296">
        <v>0</v>
      </c>
      <c r="CR34" s="296">
        <v>0</v>
      </c>
      <c r="CS34" s="296">
        <v>0</v>
      </c>
      <c r="CT34" s="296">
        <v>0</v>
      </c>
      <c r="CU34" s="299">
        <v>0</v>
      </c>
      <c r="CV34" s="300">
        <v>0</v>
      </c>
      <c r="CW34" s="295">
        <v>0</v>
      </c>
      <c r="CX34" s="296">
        <v>0</v>
      </c>
      <c r="CY34" s="297">
        <v>0</v>
      </c>
      <c r="CZ34" s="301"/>
      <c r="DA34" s="296">
        <v>0</v>
      </c>
      <c r="DB34" s="296">
        <v>0</v>
      </c>
      <c r="DC34" s="296">
        <v>0</v>
      </c>
      <c r="DD34" s="296">
        <v>0</v>
      </c>
      <c r="DE34" s="296">
        <v>0</v>
      </c>
      <c r="DF34" s="299">
        <v>0</v>
      </c>
      <c r="DG34" s="300">
        <v>0</v>
      </c>
      <c r="DH34" s="295">
        <v>0</v>
      </c>
      <c r="DI34" s="296">
        <v>0</v>
      </c>
      <c r="DJ34" s="297">
        <v>0</v>
      </c>
      <c r="DK34" s="298">
        <v>0</v>
      </c>
      <c r="DL34" s="296">
        <v>3018</v>
      </c>
      <c r="DM34" s="296">
        <v>26179</v>
      </c>
      <c r="DN34" s="296">
        <v>360276</v>
      </c>
      <c r="DO34" s="296">
        <v>227260</v>
      </c>
      <c r="DP34" s="296">
        <v>214473</v>
      </c>
      <c r="DQ34" s="299">
        <v>831206</v>
      </c>
      <c r="DR34" s="302">
        <v>831206</v>
      </c>
      <c r="DS34" s="295">
        <v>0</v>
      </c>
      <c r="DT34" s="296">
        <v>0</v>
      </c>
      <c r="DU34" s="297">
        <v>0</v>
      </c>
      <c r="DV34" s="301"/>
      <c r="DW34" s="296">
        <v>0</v>
      </c>
      <c r="DX34" s="296">
        <v>0</v>
      </c>
      <c r="DY34" s="296">
        <v>292530</v>
      </c>
      <c r="DZ34" s="296">
        <v>226420</v>
      </c>
      <c r="EA34" s="296">
        <v>172745</v>
      </c>
      <c r="EB34" s="299">
        <v>691695</v>
      </c>
      <c r="EC34" s="300">
        <v>691695</v>
      </c>
      <c r="ED34" s="295">
        <v>0</v>
      </c>
      <c r="EE34" s="296">
        <v>0</v>
      </c>
      <c r="EF34" s="297">
        <v>0</v>
      </c>
      <c r="EG34" s="301"/>
      <c r="EH34" s="296">
        <v>210</v>
      </c>
      <c r="EI34" s="296">
        <v>1230</v>
      </c>
      <c r="EJ34" s="296">
        <v>677</v>
      </c>
      <c r="EK34" s="296">
        <v>840</v>
      </c>
      <c r="EL34" s="296">
        <v>0</v>
      </c>
      <c r="EM34" s="299">
        <v>2957</v>
      </c>
      <c r="EN34" s="300">
        <v>2957</v>
      </c>
      <c r="EO34" s="295">
        <v>0</v>
      </c>
      <c r="EP34" s="296">
        <v>0</v>
      </c>
      <c r="EQ34" s="297">
        <v>0</v>
      </c>
      <c r="ER34" s="301"/>
      <c r="ES34" s="296">
        <v>0</v>
      </c>
      <c r="ET34" s="296">
        <v>0</v>
      </c>
      <c r="EU34" s="296">
        <v>0</v>
      </c>
      <c r="EV34" s="296">
        <v>0</v>
      </c>
      <c r="EW34" s="296">
        <v>0</v>
      </c>
      <c r="EX34" s="299">
        <v>0</v>
      </c>
      <c r="EY34" s="300">
        <v>0</v>
      </c>
      <c r="EZ34" s="295">
        <v>0</v>
      </c>
      <c r="FA34" s="296">
        <v>0</v>
      </c>
      <c r="FB34" s="297">
        <v>0</v>
      </c>
      <c r="FC34" s="301"/>
      <c r="FD34" s="296">
        <v>0</v>
      </c>
      <c r="FE34" s="296">
        <v>0</v>
      </c>
      <c r="FF34" s="296">
        <v>0</v>
      </c>
      <c r="FG34" s="296">
        <v>0</v>
      </c>
      <c r="FH34" s="296">
        <v>35340</v>
      </c>
      <c r="FI34" s="299">
        <v>35340</v>
      </c>
      <c r="FJ34" s="300">
        <v>35340</v>
      </c>
      <c r="FK34" s="295">
        <v>0</v>
      </c>
      <c r="FL34" s="296">
        <v>0</v>
      </c>
      <c r="FM34" s="297">
        <v>0</v>
      </c>
      <c r="FN34" s="301"/>
      <c r="FO34" s="296">
        <v>0</v>
      </c>
      <c r="FP34" s="296">
        <v>0</v>
      </c>
      <c r="FQ34" s="296">
        <v>0</v>
      </c>
      <c r="FR34" s="296">
        <v>0</v>
      </c>
      <c r="FS34" s="296">
        <v>0</v>
      </c>
      <c r="FT34" s="299">
        <v>0</v>
      </c>
      <c r="FU34" s="300">
        <v>0</v>
      </c>
      <c r="FV34" s="295">
        <v>0</v>
      </c>
      <c r="FW34" s="296">
        <v>0</v>
      </c>
      <c r="FX34" s="297">
        <v>0</v>
      </c>
      <c r="FY34" s="298">
        <v>0</v>
      </c>
      <c r="FZ34" s="296">
        <v>2808</v>
      </c>
      <c r="GA34" s="296">
        <v>23517</v>
      </c>
      <c r="GB34" s="296">
        <v>67069</v>
      </c>
      <c r="GC34" s="296">
        <v>0</v>
      </c>
      <c r="GD34" s="296">
        <v>6388</v>
      </c>
      <c r="GE34" s="299">
        <v>99782</v>
      </c>
      <c r="GF34" s="300">
        <v>99782</v>
      </c>
      <c r="GG34" s="295">
        <v>0</v>
      </c>
      <c r="GH34" s="296">
        <v>0</v>
      </c>
      <c r="GI34" s="297">
        <v>0</v>
      </c>
      <c r="GJ34" s="298">
        <v>0</v>
      </c>
      <c r="GK34" s="296">
        <v>0</v>
      </c>
      <c r="GL34" s="296">
        <v>1432</v>
      </c>
      <c r="GM34" s="296">
        <v>0</v>
      </c>
      <c r="GN34" s="296">
        <v>0</v>
      </c>
      <c r="GO34" s="296">
        <v>0</v>
      </c>
      <c r="GP34" s="299">
        <v>1432</v>
      </c>
      <c r="GQ34" s="300">
        <v>1432</v>
      </c>
      <c r="GR34" s="295">
        <v>0</v>
      </c>
      <c r="GS34" s="296">
        <v>0</v>
      </c>
      <c r="GT34" s="297">
        <v>0</v>
      </c>
      <c r="GU34" s="298">
        <v>0</v>
      </c>
      <c r="GV34" s="296">
        <v>0</v>
      </c>
      <c r="GW34" s="296">
        <v>0</v>
      </c>
      <c r="GX34" s="296">
        <v>0</v>
      </c>
      <c r="GY34" s="296">
        <v>0</v>
      </c>
      <c r="GZ34" s="296">
        <v>0</v>
      </c>
      <c r="HA34" s="299">
        <v>0</v>
      </c>
      <c r="HB34" s="300">
        <v>0</v>
      </c>
      <c r="HC34" s="295">
        <v>0</v>
      </c>
      <c r="HD34" s="296">
        <v>0</v>
      </c>
      <c r="HE34" s="297">
        <v>0</v>
      </c>
      <c r="HF34" s="301"/>
      <c r="HG34" s="296">
        <v>0</v>
      </c>
      <c r="HH34" s="296">
        <v>0</v>
      </c>
      <c r="HI34" s="296">
        <v>0</v>
      </c>
      <c r="HJ34" s="296">
        <v>0</v>
      </c>
      <c r="HK34" s="296">
        <v>0</v>
      </c>
      <c r="HL34" s="299">
        <v>0</v>
      </c>
      <c r="HM34" s="300">
        <v>0</v>
      </c>
      <c r="HN34" s="295">
        <v>0</v>
      </c>
      <c r="HO34" s="296">
        <v>0</v>
      </c>
      <c r="HP34" s="297">
        <v>0</v>
      </c>
      <c r="HQ34" s="298">
        <v>0</v>
      </c>
      <c r="HR34" s="296">
        <v>27738</v>
      </c>
      <c r="HS34" s="296">
        <v>139394</v>
      </c>
      <c r="HT34" s="296">
        <v>621906</v>
      </c>
      <c r="HU34" s="296">
        <v>356700</v>
      </c>
      <c r="HV34" s="296">
        <v>426293</v>
      </c>
      <c r="HW34" s="299">
        <v>1572031</v>
      </c>
      <c r="HX34" s="300">
        <v>1572031</v>
      </c>
    </row>
    <row r="35" spans="1:232" ht="16.5" customHeight="1" x14ac:dyDescent="0.2">
      <c r="A35" s="293" t="s">
        <v>32</v>
      </c>
      <c r="B35" s="295">
        <v>0</v>
      </c>
      <c r="C35" s="296">
        <v>0</v>
      </c>
      <c r="D35" s="297">
        <v>0</v>
      </c>
      <c r="E35" s="298">
        <v>0</v>
      </c>
      <c r="F35" s="296">
        <v>2550</v>
      </c>
      <c r="G35" s="296">
        <v>108035</v>
      </c>
      <c r="H35" s="296">
        <v>396545</v>
      </c>
      <c r="I35" s="296">
        <v>367315</v>
      </c>
      <c r="J35" s="296">
        <v>154445</v>
      </c>
      <c r="K35" s="299">
        <v>1028890</v>
      </c>
      <c r="L35" s="300">
        <v>1028890</v>
      </c>
      <c r="M35" s="295">
        <v>0</v>
      </c>
      <c r="N35" s="296">
        <v>0</v>
      </c>
      <c r="O35" s="297">
        <v>0</v>
      </c>
      <c r="P35" s="301"/>
      <c r="Q35" s="296">
        <v>0</v>
      </c>
      <c r="R35" s="296">
        <v>28625</v>
      </c>
      <c r="S35" s="296">
        <v>134400</v>
      </c>
      <c r="T35" s="296">
        <v>193050</v>
      </c>
      <c r="U35" s="296">
        <v>23850</v>
      </c>
      <c r="V35" s="299">
        <v>379925</v>
      </c>
      <c r="W35" s="300">
        <v>379925</v>
      </c>
      <c r="X35" s="295">
        <v>0</v>
      </c>
      <c r="Y35" s="296">
        <v>0</v>
      </c>
      <c r="Z35" s="297">
        <v>0</v>
      </c>
      <c r="AA35" s="301"/>
      <c r="AB35" s="296">
        <v>2550</v>
      </c>
      <c r="AC35" s="296">
        <v>71100</v>
      </c>
      <c r="AD35" s="296">
        <v>41850</v>
      </c>
      <c r="AE35" s="296">
        <v>142500</v>
      </c>
      <c r="AF35" s="296">
        <v>104195</v>
      </c>
      <c r="AG35" s="299">
        <v>362195</v>
      </c>
      <c r="AH35" s="300">
        <v>362195</v>
      </c>
      <c r="AI35" s="295">
        <v>0</v>
      </c>
      <c r="AJ35" s="296">
        <v>0</v>
      </c>
      <c r="AK35" s="297">
        <v>0</v>
      </c>
      <c r="AL35" s="301"/>
      <c r="AM35" s="296">
        <v>0</v>
      </c>
      <c r="AN35" s="296">
        <v>0</v>
      </c>
      <c r="AO35" s="296">
        <v>0</v>
      </c>
      <c r="AP35" s="296">
        <v>0</v>
      </c>
      <c r="AQ35" s="296">
        <v>0</v>
      </c>
      <c r="AR35" s="299">
        <v>0</v>
      </c>
      <c r="AS35" s="300">
        <v>0</v>
      </c>
      <c r="AT35" s="295">
        <v>0</v>
      </c>
      <c r="AU35" s="296">
        <v>0</v>
      </c>
      <c r="AV35" s="297">
        <v>0</v>
      </c>
      <c r="AW35" s="301"/>
      <c r="AX35" s="296">
        <v>0</v>
      </c>
      <c r="AY35" s="296">
        <v>0</v>
      </c>
      <c r="AZ35" s="296">
        <v>0</v>
      </c>
      <c r="BA35" s="296">
        <v>0</v>
      </c>
      <c r="BB35" s="296">
        <v>0</v>
      </c>
      <c r="BC35" s="299">
        <v>0</v>
      </c>
      <c r="BD35" s="300">
        <v>0</v>
      </c>
      <c r="BE35" s="295">
        <v>0</v>
      </c>
      <c r="BF35" s="296">
        <v>0</v>
      </c>
      <c r="BG35" s="297">
        <v>0</v>
      </c>
      <c r="BH35" s="301"/>
      <c r="BI35" s="296">
        <v>0</v>
      </c>
      <c r="BJ35" s="296">
        <v>0</v>
      </c>
      <c r="BK35" s="296">
        <v>216630</v>
      </c>
      <c r="BL35" s="296">
        <v>31500</v>
      </c>
      <c r="BM35" s="296">
        <v>26400</v>
      </c>
      <c r="BN35" s="299">
        <v>274530</v>
      </c>
      <c r="BO35" s="300">
        <v>274530</v>
      </c>
      <c r="BP35" s="295">
        <v>0</v>
      </c>
      <c r="BQ35" s="296">
        <v>0</v>
      </c>
      <c r="BR35" s="297">
        <v>0</v>
      </c>
      <c r="BS35" s="298">
        <v>0</v>
      </c>
      <c r="BT35" s="296">
        <v>0</v>
      </c>
      <c r="BU35" s="296">
        <v>8310</v>
      </c>
      <c r="BV35" s="296">
        <v>3665</v>
      </c>
      <c r="BW35" s="296">
        <v>0</v>
      </c>
      <c r="BX35" s="296">
        <v>0</v>
      </c>
      <c r="BY35" s="299">
        <v>11975</v>
      </c>
      <c r="BZ35" s="300">
        <v>11975</v>
      </c>
      <c r="CA35" s="295">
        <v>0</v>
      </c>
      <c r="CB35" s="296">
        <v>0</v>
      </c>
      <c r="CC35" s="297">
        <v>0</v>
      </c>
      <c r="CD35" s="298">
        <v>0</v>
      </c>
      <c r="CE35" s="296">
        <v>0</v>
      </c>
      <c r="CF35" s="296">
        <v>0</v>
      </c>
      <c r="CG35" s="296">
        <v>0</v>
      </c>
      <c r="CH35" s="296">
        <v>265</v>
      </c>
      <c r="CI35" s="296">
        <v>0</v>
      </c>
      <c r="CJ35" s="299">
        <v>265</v>
      </c>
      <c r="CK35" s="300">
        <v>265</v>
      </c>
      <c r="CL35" s="295">
        <v>0</v>
      </c>
      <c r="CM35" s="296">
        <v>0</v>
      </c>
      <c r="CN35" s="297">
        <v>0</v>
      </c>
      <c r="CO35" s="298">
        <v>0</v>
      </c>
      <c r="CP35" s="296">
        <v>0</v>
      </c>
      <c r="CQ35" s="296">
        <v>0</v>
      </c>
      <c r="CR35" s="296">
        <v>0</v>
      </c>
      <c r="CS35" s="296">
        <v>0</v>
      </c>
      <c r="CT35" s="296">
        <v>0</v>
      </c>
      <c r="CU35" s="299">
        <v>0</v>
      </c>
      <c r="CV35" s="300">
        <v>0</v>
      </c>
      <c r="CW35" s="295">
        <v>0</v>
      </c>
      <c r="CX35" s="296">
        <v>0</v>
      </c>
      <c r="CY35" s="297">
        <v>0</v>
      </c>
      <c r="CZ35" s="301"/>
      <c r="DA35" s="296">
        <v>0</v>
      </c>
      <c r="DB35" s="296">
        <v>0</v>
      </c>
      <c r="DC35" s="296">
        <v>0</v>
      </c>
      <c r="DD35" s="296">
        <v>0</v>
      </c>
      <c r="DE35" s="296">
        <v>0</v>
      </c>
      <c r="DF35" s="299">
        <v>0</v>
      </c>
      <c r="DG35" s="300">
        <v>0</v>
      </c>
      <c r="DH35" s="295">
        <v>0</v>
      </c>
      <c r="DI35" s="296">
        <v>0</v>
      </c>
      <c r="DJ35" s="297">
        <v>0</v>
      </c>
      <c r="DK35" s="298">
        <v>0</v>
      </c>
      <c r="DL35" s="296">
        <v>210</v>
      </c>
      <c r="DM35" s="296">
        <v>43745</v>
      </c>
      <c r="DN35" s="296">
        <v>346091</v>
      </c>
      <c r="DO35" s="296">
        <v>316541</v>
      </c>
      <c r="DP35" s="296">
        <v>77217</v>
      </c>
      <c r="DQ35" s="299">
        <v>783804</v>
      </c>
      <c r="DR35" s="302">
        <v>783804</v>
      </c>
      <c r="DS35" s="295">
        <v>0</v>
      </c>
      <c r="DT35" s="296">
        <v>0</v>
      </c>
      <c r="DU35" s="297">
        <v>0</v>
      </c>
      <c r="DV35" s="301"/>
      <c r="DW35" s="296">
        <v>0</v>
      </c>
      <c r="DX35" s="296">
        <v>25530</v>
      </c>
      <c r="DY35" s="296">
        <v>153690</v>
      </c>
      <c r="DZ35" s="296">
        <v>259980</v>
      </c>
      <c r="EA35" s="296">
        <v>20880</v>
      </c>
      <c r="EB35" s="299">
        <v>460080</v>
      </c>
      <c r="EC35" s="300">
        <v>460080</v>
      </c>
      <c r="ED35" s="295">
        <v>0</v>
      </c>
      <c r="EE35" s="296">
        <v>0</v>
      </c>
      <c r="EF35" s="297">
        <v>0</v>
      </c>
      <c r="EG35" s="301"/>
      <c r="EH35" s="296">
        <v>210</v>
      </c>
      <c r="EI35" s="296">
        <v>11910</v>
      </c>
      <c r="EJ35" s="296">
        <v>22110</v>
      </c>
      <c r="EK35" s="296">
        <v>12180</v>
      </c>
      <c r="EL35" s="296">
        <v>34307</v>
      </c>
      <c r="EM35" s="299">
        <v>80717</v>
      </c>
      <c r="EN35" s="300">
        <v>80717</v>
      </c>
      <c r="EO35" s="295">
        <v>0</v>
      </c>
      <c r="EP35" s="296">
        <v>0</v>
      </c>
      <c r="EQ35" s="297">
        <v>0</v>
      </c>
      <c r="ER35" s="301"/>
      <c r="ES35" s="296">
        <v>0</v>
      </c>
      <c r="ET35" s="296">
        <v>0</v>
      </c>
      <c r="EU35" s="296">
        <v>0</v>
      </c>
      <c r="EV35" s="296">
        <v>0</v>
      </c>
      <c r="EW35" s="296">
        <v>0</v>
      </c>
      <c r="EX35" s="299">
        <v>0</v>
      </c>
      <c r="EY35" s="300">
        <v>0</v>
      </c>
      <c r="EZ35" s="295">
        <v>0</v>
      </c>
      <c r="FA35" s="296">
        <v>0</v>
      </c>
      <c r="FB35" s="297">
        <v>0</v>
      </c>
      <c r="FC35" s="301"/>
      <c r="FD35" s="296">
        <v>0</v>
      </c>
      <c r="FE35" s="296">
        <v>0</v>
      </c>
      <c r="FF35" s="296">
        <v>0</v>
      </c>
      <c r="FG35" s="296">
        <v>0</v>
      </c>
      <c r="FH35" s="296">
        <v>0</v>
      </c>
      <c r="FI35" s="299">
        <v>0</v>
      </c>
      <c r="FJ35" s="300">
        <v>0</v>
      </c>
      <c r="FK35" s="295">
        <v>0</v>
      </c>
      <c r="FL35" s="296">
        <v>0</v>
      </c>
      <c r="FM35" s="297">
        <v>0</v>
      </c>
      <c r="FN35" s="301"/>
      <c r="FO35" s="296">
        <v>0</v>
      </c>
      <c r="FP35" s="296">
        <v>0</v>
      </c>
      <c r="FQ35" s="296">
        <v>164369</v>
      </c>
      <c r="FR35" s="296">
        <v>42120</v>
      </c>
      <c r="FS35" s="296">
        <v>21060</v>
      </c>
      <c r="FT35" s="299">
        <v>227549</v>
      </c>
      <c r="FU35" s="300">
        <v>227549</v>
      </c>
      <c r="FV35" s="295">
        <v>0</v>
      </c>
      <c r="FW35" s="296">
        <v>0</v>
      </c>
      <c r="FX35" s="297">
        <v>0</v>
      </c>
      <c r="FY35" s="298">
        <v>0</v>
      </c>
      <c r="FZ35" s="296">
        <v>0</v>
      </c>
      <c r="GA35" s="296">
        <v>6305</v>
      </c>
      <c r="GB35" s="296">
        <v>5922</v>
      </c>
      <c r="GC35" s="296">
        <v>1187</v>
      </c>
      <c r="GD35" s="296">
        <v>970</v>
      </c>
      <c r="GE35" s="299">
        <v>14384</v>
      </c>
      <c r="GF35" s="300">
        <v>14384</v>
      </c>
      <c r="GG35" s="295">
        <v>0</v>
      </c>
      <c r="GH35" s="296">
        <v>0</v>
      </c>
      <c r="GI35" s="297">
        <v>0</v>
      </c>
      <c r="GJ35" s="298">
        <v>0</v>
      </c>
      <c r="GK35" s="296">
        <v>0</v>
      </c>
      <c r="GL35" s="296">
        <v>0</v>
      </c>
      <c r="GM35" s="296">
        <v>0</v>
      </c>
      <c r="GN35" s="296">
        <v>1074</v>
      </c>
      <c r="GO35" s="296">
        <v>0</v>
      </c>
      <c r="GP35" s="299">
        <v>1074</v>
      </c>
      <c r="GQ35" s="300">
        <v>1074</v>
      </c>
      <c r="GR35" s="295">
        <v>0</v>
      </c>
      <c r="GS35" s="296">
        <v>0</v>
      </c>
      <c r="GT35" s="297">
        <v>0</v>
      </c>
      <c r="GU35" s="298">
        <v>0</v>
      </c>
      <c r="GV35" s="296">
        <v>0</v>
      </c>
      <c r="GW35" s="296">
        <v>0</v>
      </c>
      <c r="GX35" s="296">
        <v>0</v>
      </c>
      <c r="GY35" s="296">
        <v>0</v>
      </c>
      <c r="GZ35" s="296">
        <v>0</v>
      </c>
      <c r="HA35" s="299">
        <v>0</v>
      </c>
      <c r="HB35" s="300">
        <v>0</v>
      </c>
      <c r="HC35" s="295">
        <v>0</v>
      </c>
      <c r="HD35" s="296">
        <v>0</v>
      </c>
      <c r="HE35" s="297">
        <v>0</v>
      </c>
      <c r="HF35" s="301"/>
      <c r="HG35" s="296">
        <v>0</v>
      </c>
      <c r="HH35" s="296">
        <v>0</v>
      </c>
      <c r="HI35" s="296">
        <v>0</v>
      </c>
      <c r="HJ35" s="296">
        <v>0</v>
      </c>
      <c r="HK35" s="296">
        <v>0</v>
      </c>
      <c r="HL35" s="299">
        <v>0</v>
      </c>
      <c r="HM35" s="300">
        <v>0</v>
      </c>
      <c r="HN35" s="295">
        <v>0</v>
      </c>
      <c r="HO35" s="296">
        <v>0</v>
      </c>
      <c r="HP35" s="297">
        <v>0</v>
      </c>
      <c r="HQ35" s="298">
        <v>0</v>
      </c>
      <c r="HR35" s="296">
        <v>2760</v>
      </c>
      <c r="HS35" s="296">
        <v>151780</v>
      </c>
      <c r="HT35" s="296">
        <v>742636</v>
      </c>
      <c r="HU35" s="296">
        <v>683856</v>
      </c>
      <c r="HV35" s="296">
        <v>231662</v>
      </c>
      <c r="HW35" s="299">
        <v>1812694</v>
      </c>
      <c r="HX35" s="300">
        <v>1812694</v>
      </c>
    </row>
    <row r="36" spans="1:232" ht="16.5" customHeight="1" x14ac:dyDescent="0.2">
      <c r="A36" s="293" t="s">
        <v>33</v>
      </c>
      <c r="B36" s="295">
        <v>0</v>
      </c>
      <c r="C36" s="296">
        <v>0</v>
      </c>
      <c r="D36" s="297">
        <v>0</v>
      </c>
      <c r="E36" s="298">
        <v>0</v>
      </c>
      <c r="F36" s="296">
        <v>65990</v>
      </c>
      <c r="G36" s="296">
        <v>96725</v>
      </c>
      <c r="H36" s="296">
        <v>592455</v>
      </c>
      <c r="I36" s="296">
        <v>625342</v>
      </c>
      <c r="J36" s="296">
        <v>439315</v>
      </c>
      <c r="K36" s="299">
        <v>1819827</v>
      </c>
      <c r="L36" s="300">
        <v>1819827</v>
      </c>
      <c r="M36" s="295">
        <v>0</v>
      </c>
      <c r="N36" s="296">
        <v>0</v>
      </c>
      <c r="O36" s="297">
        <v>0</v>
      </c>
      <c r="P36" s="301"/>
      <c r="Q36" s="296">
        <v>0</v>
      </c>
      <c r="R36" s="296">
        <v>26400</v>
      </c>
      <c r="S36" s="296">
        <v>310870</v>
      </c>
      <c r="T36" s="296">
        <v>390372</v>
      </c>
      <c r="U36" s="296">
        <v>341450</v>
      </c>
      <c r="V36" s="299">
        <v>1069092</v>
      </c>
      <c r="W36" s="300">
        <v>1069092</v>
      </c>
      <c r="X36" s="295">
        <v>0</v>
      </c>
      <c r="Y36" s="296">
        <v>0</v>
      </c>
      <c r="Z36" s="297">
        <v>0</v>
      </c>
      <c r="AA36" s="301"/>
      <c r="AB36" s="296">
        <v>41850</v>
      </c>
      <c r="AC36" s="296">
        <v>29035</v>
      </c>
      <c r="AD36" s="296">
        <v>157125</v>
      </c>
      <c r="AE36" s="296">
        <v>139350</v>
      </c>
      <c r="AF36" s="296">
        <v>2550</v>
      </c>
      <c r="AG36" s="299">
        <v>369910</v>
      </c>
      <c r="AH36" s="300">
        <v>369910</v>
      </c>
      <c r="AI36" s="295">
        <v>0</v>
      </c>
      <c r="AJ36" s="296">
        <v>0</v>
      </c>
      <c r="AK36" s="297">
        <v>0</v>
      </c>
      <c r="AL36" s="301"/>
      <c r="AM36" s="296">
        <v>0</v>
      </c>
      <c r="AN36" s="296">
        <v>0</v>
      </c>
      <c r="AO36" s="296">
        <v>0</v>
      </c>
      <c r="AP36" s="296">
        <v>0</v>
      </c>
      <c r="AQ36" s="296">
        <v>0</v>
      </c>
      <c r="AR36" s="299">
        <v>0</v>
      </c>
      <c r="AS36" s="300">
        <v>0</v>
      </c>
      <c r="AT36" s="295">
        <v>0</v>
      </c>
      <c r="AU36" s="296">
        <v>0</v>
      </c>
      <c r="AV36" s="297">
        <v>0</v>
      </c>
      <c r="AW36" s="301"/>
      <c r="AX36" s="296">
        <v>23850</v>
      </c>
      <c r="AY36" s="296">
        <v>36900</v>
      </c>
      <c r="AZ36" s="296">
        <v>106745</v>
      </c>
      <c r="BA36" s="296">
        <v>68700</v>
      </c>
      <c r="BB36" s="296">
        <v>91760</v>
      </c>
      <c r="BC36" s="299">
        <v>327955</v>
      </c>
      <c r="BD36" s="300">
        <v>327955</v>
      </c>
      <c r="BE36" s="295">
        <v>0</v>
      </c>
      <c r="BF36" s="296">
        <v>0</v>
      </c>
      <c r="BG36" s="297">
        <v>0</v>
      </c>
      <c r="BH36" s="301"/>
      <c r="BI36" s="296">
        <v>0</v>
      </c>
      <c r="BJ36" s="296">
        <v>0</v>
      </c>
      <c r="BK36" s="296">
        <v>0</v>
      </c>
      <c r="BL36" s="296">
        <v>0</v>
      </c>
      <c r="BM36" s="296">
        <v>0</v>
      </c>
      <c r="BN36" s="299">
        <v>0</v>
      </c>
      <c r="BO36" s="300">
        <v>0</v>
      </c>
      <c r="BP36" s="295">
        <v>0</v>
      </c>
      <c r="BQ36" s="296">
        <v>0</v>
      </c>
      <c r="BR36" s="297">
        <v>0</v>
      </c>
      <c r="BS36" s="298">
        <v>0</v>
      </c>
      <c r="BT36" s="296">
        <v>290</v>
      </c>
      <c r="BU36" s="296">
        <v>0</v>
      </c>
      <c r="BV36" s="296">
        <v>16025</v>
      </c>
      <c r="BW36" s="296">
        <v>26920</v>
      </c>
      <c r="BX36" s="296">
        <v>3555</v>
      </c>
      <c r="BY36" s="299">
        <v>46790</v>
      </c>
      <c r="BZ36" s="300">
        <v>46790</v>
      </c>
      <c r="CA36" s="295">
        <v>0</v>
      </c>
      <c r="CB36" s="296">
        <v>0</v>
      </c>
      <c r="CC36" s="297">
        <v>0</v>
      </c>
      <c r="CD36" s="298">
        <v>0</v>
      </c>
      <c r="CE36" s="296">
        <v>0</v>
      </c>
      <c r="CF36" s="296">
        <v>4390</v>
      </c>
      <c r="CG36" s="296">
        <v>1280</v>
      </c>
      <c r="CH36" s="296">
        <v>0</v>
      </c>
      <c r="CI36" s="296">
        <v>0</v>
      </c>
      <c r="CJ36" s="299">
        <v>5670</v>
      </c>
      <c r="CK36" s="300">
        <v>5670</v>
      </c>
      <c r="CL36" s="295">
        <v>0</v>
      </c>
      <c r="CM36" s="296">
        <v>0</v>
      </c>
      <c r="CN36" s="297">
        <v>0</v>
      </c>
      <c r="CO36" s="298">
        <v>0</v>
      </c>
      <c r="CP36" s="296">
        <v>0</v>
      </c>
      <c r="CQ36" s="296">
        <v>0</v>
      </c>
      <c r="CR36" s="296">
        <v>0</v>
      </c>
      <c r="CS36" s="296">
        <v>0</v>
      </c>
      <c r="CT36" s="296">
        <v>0</v>
      </c>
      <c r="CU36" s="299">
        <v>0</v>
      </c>
      <c r="CV36" s="300">
        <v>0</v>
      </c>
      <c r="CW36" s="295">
        <v>0</v>
      </c>
      <c r="CX36" s="296">
        <v>0</v>
      </c>
      <c r="CY36" s="297">
        <v>0</v>
      </c>
      <c r="CZ36" s="301"/>
      <c r="DA36" s="296">
        <v>0</v>
      </c>
      <c r="DB36" s="296">
        <v>0</v>
      </c>
      <c r="DC36" s="296">
        <v>410</v>
      </c>
      <c r="DD36" s="296">
        <v>0</v>
      </c>
      <c r="DE36" s="296">
        <v>0</v>
      </c>
      <c r="DF36" s="299">
        <v>410</v>
      </c>
      <c r="DG36" s="300">
        <v>410</v>
      </c>
      <c r="DH36" s="295">
        <v>0</v>
      </c>
      <c r="DI36" s="296">
        <v>0</v>
      </c>
      <c r="DJ36" s="297">
        <v>0</v>
      </c>
      <c r="DK36" s="298">
        <v>0</v>
      </c>
      <c r="DL36" s="296">
        <v>2664</v>
      </c>
      <c r="DM36" s="296">
        <v>47678</v>
      </c>
      <c r="DN36" s="296">
        <v>430189</v>
      </c>
      <c r="DO36" s="296">
        <v>467819</v>
      </c>
      <c r="DP36" s="296">
        <v>296892</v>
      </c>
      <c r="DQ36" s="299">
        <v>1245242</v>
      </c>
      <c r="DR36" s="302">
        <v>1245242</v>
      </c>
      <c r="DS36" s="295">
        <v>0</v>
      </c>
      <c r="DT36" s="296">
        <v>0</v>
      </c>
      <c r="DU36" s="297">
        <v>0</v>
      </c>
      <c r="DV36" s="301"/>
      <c r="DW36" s="296">
        <v>0</v>
      </c>
      <c r="DX36" s="296">
        <v>35430</v>
      </c>
      <c r="DY36" s="296">
        <v>335480</v>
      </c>
      <c r="DZ36" s="296">
        <v>386801</v>
      </c>
      <c r="EA36" s="296">
        <v>282317</v>
      </c>
      <c r="EB36" s="299">
        <v>1040028</v>
      </c>
      <c r="EC36" s="300">
        <v>1040028</v>
      </c>
      <c r="ED36" s="295">
        <v>0</v>
      </c>
      <c r="EE36" s="296">
        <v>0</v>
      </c>
      <c r="EF36" s="297">
        <v>0</v>
      </c>
      <c r="EG36" s="301"/>
      <c r="EH36" s="296">
        <v>1050</v>
      </c>
      <c r="EI36" s="296">
        <v>637</v>
      </c>
      <c r="EJ36" s="296">
        <v>42390</v>
      </c>
      <c r="EK36" s="296">
        <v>1890</v>
      </c>
      <c r="EL36" s="296">
        <v>210</v>
      </c>
      <c r="EM36" s="299">
        <v>46177</v>
      </c>
      <c r="EN36" s="300">
        <v>46177</v>
      </c>
      <c r="EO36" s="295">
        <v>0</v>
      </c>
      <c r="EP36" s="296">
        <v>0</v>
      </c>
      <c r="EQ36" s="297">
        <v>0</v>
      </c>
      <c r="ER36" s="301"/>
      <c r="ES36" s="296">
        <v>0</v>
      </c>
      <c r="ET36" s="296">
        <v>0</v>
      </c>
      <c r="EU36" s="296">
        <v>0</v>
      </c>
      <c r="EV36" s="296">
        <v>0</v>
      </c>
      <c r="EW36" s="296">
        <v>0</v>
      </c>
      <c r="EX36" s="299">
        <v>0</v>
      </c>
      <c r="EY36" s="300">
        <v>0</v>
      </c>
      <c r="EZ36" s="295">
        <v>0</v>
      </c>
      <c r="FA36" s="296">
        <v>0</v>
      </c>
      <c r="FB36" s="297">
        <v>0</v>
      </c>
      <c r="FC36" s="301"/>
      <c r="FD36" s="296">
        <v>210</v>
      </c>
      <c r="FE36" s="296">
        <v>11520</v>
      </c>
      <c r="FF36" s="296">
        <v>34517</v>
      </c>
      <c r="FG36" s="296">
        <v>22620</v>
      </c>
      <c r="FH36" s="296">
        <v>11940</v>
      </c>
      <c r="FI36" s="299">
        <v>80807</v>
      </c>
      <c r="FJ36" s="300">
        <v>80807</v>
      </c>
      <c r="FK36" s="295">
        <v>0</v>
      </c>
      <c r="FL36" s="296">
        <v>0</v>
      </c>
      <c r="FM36" s="297">
        <v>0</v>
      </c>
      <c r="FN36" s="301"/>
      <c r="FO36" s="296">
        <v>0</v>
      </c>
      <c r="FP36" s="296">
        <v>0</v>
      </c>
      <c r="FQ36" s="296">
        <v>0</v>
      </c>
      <c r="FR36" s="296">
        <v>0</v>
      </c>
      <c r="FS36" s="296">
        <v>0</v>
      </c>
      <c r="FT36" s="299">
        <v>0</v>
      </c>
      <c r="FU36" s="300">
        <v>0</v>
      </c>
      <c r="FV36" s="295">
        <v>0</v>
      </c>
      <c r="FW36" s="296">
        <v>0</v>
      </c>
      <c r="FX36" s="297">
        <v>0</v>
      </c>
      <c r="FY36" s="298">
        <v>0</v>
      </c>
      <c r="FZ36" s="296">
        <v>1404</v>
      </c>
      <c r="GA36" s="296">
        <v>0</v>
      </c>
      <c r="GB36" s="296">
        <v>17767</v>
      </c>
      <c r="GC36" s="296">
        <v>56508</v>
      </c>
      <c r="GD36" s="296">
        <v>2425</v>
      </c>
      <c r="GE36" s="299">
        <v>78104</v>
      </c>
      <c r="GF36" s="300">
        <v>78104</v>
      </c>
      <c r="GG36" s="295">
        <v>0</v>
      </c>
      <c r="GH36" s="296">
        <v>0</v>
      </c>
      <c r="GI36" s="297">
        <v>0</v>
      </c>
      <c r="GJ36" s="298">
        <v>0</v>
      </c>
      <c r="GK36" s="296">
        <v>0</v>
      </c>
      <c r="GL36" s="296">
        <v>91</v>
      </c>
      <c r="GM36" s="296">
        <v>14</v>
      </c>
      <c r="GN36" s="296">
        <v>0</v>
      </c>
      <c r="GO36" s="296">
        <v>0</v>
      </c>
      <c r="GP36" s="299">
        <v>105</v>
      </c>
      <c r="GQ36" s="300">
        <v>105</v>
      </c>
      <c r="GR36" s="295">
        <v>0</v>
      </c>
      <c r="GS36" s="296">
        <v>0</v>
      </c>
      <c r="GT36" s="297">
        <v>0</v>
      </c>
      <c r="GU36" s="298">
        <v>0</v>
      </c>
      <c r="GV36" s="296">
        <v>0</v>
      </c>
      <c r="GW36" s="296">
        <v>0</v>
      </c>
      <c r="GX36" s="296">
        <v>0</v>
      </c>
      <c r="GY36" s="296">
        <v>0</v>
      </c>
      <c r="GZ36" s="296">
        <v>0</v>
      </c>
      <c r="HA36" s="299">
        <v>0</v>
      </c>
      <c r="HB36" s="300">
        <v>0</v>
      </c>
      <c r="HC36" s="295">
        <v>0</v>
      </c>
      <c r="HD36" s="296">
        <v>0</v>
      </c>
      <c r="HE36" s="297">
        <v>0</v>
      </c>
      <c r="HF36" s="301"/>
      <c r="HG36" s="296">
        <v>0</v>
      </c>
      <c r="HH36" s="296">
        <v>0</v>
      </c>
      <c r="HI36" s="296">
        <v>21</v>
      </c>
      <c r="HJ36" s="296">
        <v>0</v>
      </c>
      <c r="HK36" s="296">
        <v>0</v>
      </c>
      <c r="HL36" s="299">
        <v>21</v>
      </c>
      <c r="HM36" s="300">
        <v>21</v>
      </c>
      <c r="HN36" s="295">
        <v>0</v>
      </c>
      <c r="HO36" s="296">
        <v>0</v>
      </c>
      <c r="HP36" s="297">
        <v>0</v>
      </c>
      <c r="HQ36" s="298">
        <v>0</v>
      </c>
      <c r="HR36" s="296">
        <v>68654</v>
      </c>
      <c r="HS36" s="296">
        <v>144403</v>
      </c>
      <c r="HT36" s="296">
        <v>1022644</v>
      </c>
      <c r="HU36" s="296">
        <v>1093161</v>
      </c>
      <c r="HV36" s="296">
        <v>736207</v>
      </c>
      <c r="HW36" s="299">
        <v>3065069</v>
      </c>
      <c r="HX36" s="300">
        <v>3065069</v>
      </c>
    </row>
    <row r="37" spans="1:232" ht="16.5" customHeight="1" x14ac:dyDescent="0.2">
      <c r="A37" s="293" t="s">
        <v>34</v>
      </c>
      <c r="B37" s="295">
        <v>0</v>
      </c>
      <c r="C37" s="296">
        <v>0</v>
      </c>
      <c r="D37" s="297">
        <v>0</v>
      </c>
      <c r="E37" s="298">
        <v>0</v>
      </c>
      <c r="F37" s="296">
        <v>50250</v>
      </c>
      <c r="G37" s="296">
        <v>118800</v>
      </c>
      <c r="H37" s="296">
        <v>152370</v>
      </c>
      <c r="I37" s="296">
        <v>295665</v>
      </c>
      <c r="J37" s="296">
        <v>162115</v>
      </c>
      <c r="K37" s="299">
        <v>779200</v>
      </c>
      <c r="L37" s="300">
        <v>779200</v>
      </c>
      <c r="M37" s="295">
        <v>0</v>
      </c>
      <c r="N37" s="296">
        <v>0</v>
      </c>
      <c r="O37" s="297">
        <v>0</v>
      </c>
      <c r="P37" s="301"/>
      <c r="Q37" s="296">
        <v>0</v>
      </c>
      <c r="R37" s="296">
        <v>0</v>
      </c>
      <c r="S37" s="296">
        <v>36750</v>
      </c>
      <c r="T37" s="296">
        <v>200120</v>
      </c>
      <c r="U37" s="296">
        <v>125550</v>
      </c>
      <c r="V37" s="299">
        <v>362420</v>
      </c>
      <c r="W37" s="300">
        <v>362420</v>
      </c>
      <c r="X37" s="295">
        <v>0</v>
      </c>
      <c r="Y37" s="296">
        <v>0</v>
      </c>
      <c r="Z37" s="297">
        <v>0</v>
      </c>
      <c r="AA37" s="301"/>
      <c r="AB37" s="296">
        <v>50250</v>
      </c>
      <c r="AC37" s="296">
        <v>84450</v>
      </c>
      <c r="AD37" s="296">
        <v>114315</v>
      </c>
      <c r="AE37" s="296">
        <v>63300</v>
      </c>
      <c r="AF37" s="296">
        <v>26015</v>
      </c>
      <c r="AG37" s="299">
        <v>338330</v>
      </c>
      <c r="AH37" s="300">
        <v>338330</v>
      </c>
      <c r="AI37" s="295">
        <v>0</v>
      </c>
      <c r="AJ37" s="296">
        <v>0</v>
      </c>
      <c r="AK37" s="297">
        <v>0</v>
      </c>
      <c r="AL37" s="301"/>
      <c r="AM37" s="296">
        <v>0</v>
      </c>
      <c r="AN37" s="296">
        <v>0</v>
      </c>
      <c r="AO37" s="296">
        <v>0</v>
      </c>
      <c r="AP37" s="296">
        <v>0</v>
      </c>
      <c r="AQ37" s="296">
        <v>0</v>
      </c>
      <c r="AR37" s="299">
        <v>0</v>
      </c>
      <c r="AS37" s="300">
        <v>0</v>
      </c>
      <c r="AT37" s="295">
        <v>0</v>
      </c>
      <c r="AU37" s="296">
        <v>0</v>
      </c>
      <c r="AV37" s="297">
        <v>0</v>
      </c>
      <c r="AW37" s="301"/>
      <c r="AX37" s="296">
        <v>0</v>
      </c>
      <c r="AY37" s="296">
        <v>34350</v>
      </c>
      <c r="AZ37" s="296">
        <v>0</v>
      </c>
      <c r="BA37" s="296">
        <v>0</v>
      </c>
      <c r="BB37" s="296">
        <v>10550</v>
      </c>
      <c r="BC37" s="299">
        <v>44900</v>
      </c>
      <c r="BD37" s="300">
        <v>44900</v>
      </c>
      <c r="BE37" s="295">
        <v>0</v>
      </c>
      <c r="BF37" s="296">
        <v>0</v>
      </c>
      <c r="BG37" s="297">
        <v>0</v>
      </c>
      <c r="BH37" s="301"/>
      <c r="BI37" s="296">
        <v>0</v>
      </c>
      <c r="BJ37" s="296">
        <v>0</v>
      </c>
      <c r="BK37" s="296">
        <v>0</v>
      </c>
      <c r="BL37" s="296">
        <v>0</v>
      </c>
      <c r="BM37" s="296">
        <v>0</v>
      </c>
      <c r="BN37" s="299">
        <v>0</v>
      </c>
      <c r="BO37" s="300">
        <v>0</v>
      </c>
      <c r="BP37" s="295">
        <v>0</v>
      </c>
      <c r="BQ37" s="296">
        <v>0</v>
      </c>
      <c r="BR37" s="297">
        <v>0</v>
      </c>
      <c r="BS37" s="298">
        <v>0</v>
      </c>
      <c r="BT37" s="296">
        <v>0</v>
      </c>
      <c r="BU37" s="296">
        <v>0</v>
      </c>
      <c r="BV37" s="296">
        <v>1305</v>
      </c>
      <c r="BW37" s="296">
        <v>24470</v>
      </c>
      <c r="BX37" s="296">
        <v>0</v>
      </c>
      <c r="BY37" s="299">
        <v>25775</v>
      </c>
      <c r="BZ37" s="300">
        <v>25775</v>
      </c>
      <c r="CA37" s="295">
        <v>0</v>
      </c>
      <c r="CB37" s="296">
        <v>0</v>
      </c>
      <c r="CC37" s="297">
        <v>0</v>
      </c>
      <c r="CD37" s="298">
        <v>0</v>
      </c>
      <c r="CE37" s="296">
        <v>0</v>
      </c>
      <c r="CF37" s="296">
        <v>0</v>
      </c>
      <c r="CG37" s="296">
        <v>0</v>
      </c>
      <c r="CH37" s="296">
        <v>7775</v>
      </c>
      <c r="CI37" s="296">
        <v>0</v>
      </c>
      <c r="CJ37" s="299">
        <v>7775</v>
      </c>
      <c r="CK37" s="300">
        <v>7775</v>
      </c>
      <c r="CL37" s="295">
        <v>0</v>
      </c>
      <c r="CM37" s="296">
        <v>0</v>
      </c>
      <c r="CN37" s="297">
        <v>0</v>
      </c>
      <c r="CO37" s="298">
        <v>0</v>
      </c>
      <c r="CP37" s="296">
        <v>0</v>
      </c>
      <c r="CQ37" s="296">
        <v>0</v>
      </c>
      <c r="CR37" s="296">
        <v>0</v>
      </c>
      <c r="CS37" s="296">
        <v>0</v>
      </c>
      <c r="CT37" s="296">
        <v>0</v>
      </c>
      <c r="CU37" s="299">
        <v>0</v>
      </c>
      <c r="CV37" s="300">
        <v>0</v>
      </c>
      <c r="CW37" s="295">
        <v>0</v>
      </c>
      <c r="CX37" s="296">
        <v>0</v>
      </c>
      <c r="CY37" s="297">
        <v>0</v>
      </c>
      <c r="CZ37" s="301"/>
      <c r="DA37" s="296">
        <v>0</v>
      </c>
      <c r="DB37" s="296">
        <v>0</v>
      </c>
      <c r="DC37" s="296">
        <v>0</v>
      </c>
      <c r="DD37" s="296">
        <v>0</v>
      </c>
      <c r="DE37" s="296">
        <v>0</v>
      </c>
      <c r="DF37" s="299">
        <v>0</v>
      </c>
      <c r="DG37" s="300">
        <v>0</v>
      </c>
      <c r="DH37" s="295">
        <v>0</v>
      </c>
      <c r="DI37" s="296">
        <v>0</v>
      </c>
      <c r="DJ37" s="297">
        <v>0</v>
      </c>
      <c r="DK37" s="298">
        <v>0</v>
      </c>
      <c r="DL37" s="296">
        <v>600</v>
      </c>
      <c r="DM37" s="296">
        <v>12360</v>
      </c>
      <c r="DN37" s="296">
        <v>88921</v>
      </c>
      <c r="DO37" s="296">
        <v>281685</v>
      </c>
      <c r="DP37" s="296">
        <v>149150</v>
      </c>
      <c r="DQ37" s="299">
        <v>532716</v>
      </c>
      <c r="DR37" s="302">
        <v>532716</v>
      </c>
      <c r="DS37" s="295">
        <v>0</v>
      </c>
      <c r="DT37" s="296">
        <v>0</v>
      </c>
      <c r="DU37" s="297">
        <v>0</v>
      </c>
      <c r="DV37" s="301"/>
      <c r="DW37" s="296">
        <v>0</v>
      </c>
      <c r="DX37" s="296">
        <v>0</v>
      </c>
      <c r="DY37" s="296">
        <v>77340</v>
      </c>
      <c r="DZ37" s="296">
        <v>254640</v>
      </c>
      <c r="EA37" s="296">
        <v>148660</v>
      </c>
      <c r="EB37" s="299">
        <v>480640</v>
      </c>
      <c r="EC37" s="300">
        <v>480640</v>
      </c>
      <c r="ED37" s="295">
        <v>0</v>
      </c>
      <c r="EE37" s="296">
        <v>0</v>
      </c>
      <c r="EF37" s="297">
        <v>0</v>
      </c>
      <c r="EG37" s="301"/>
      <c r="EH37" s="296">
        <v>600</v>
      </c>
      <c r="EI37" s="296">
        <v>1050</v>
      </c>
      <c r="EJ37" s="296">
        <v>1141</v>
      </c>
      <c r="EK37" s="296">
        <v>11940</v>
      </c>
      <c r="EL37" s="296">
        <v>420</v>
      </c>
      <c r="EM37" s="299">
        <v>15151</v>
      </c>
      <c r="EN37" s="300">
        <v>15151</v>
      </c>
      <c r="EO37" s="295">
        <v>0</v>
      </c>
      <c r="EP37" s="296">
        <v>0</v>
      </c>
      <c r="EQ37" s="297">
        <v>0</v>
      </c>
      <c r="ER37" s="301"/>
      <c r="ES37" s="296">
        <v>0</v>
      </c>
      <c r="ET37" s="296">
        <v>0</v>
      </c>
      <c r="EU37" s="296">
        <v>0</v>
      </c>
      <c r="EV37" s="296">
        <v>0</v>
      </c>
      <c r="EW37" s="296">
        <v>0</v>
      </c>
      <c r="EX37" s="299">
        <v>0</v>
      </c>
      <c r="EY37" s="300">
        <v>0</v>
      </c>
      <c r="EZ37" s="295">
        <v>0</v>
      </c>
      <c r="FA37" s="296">
        <v>0</v>
      </c>
      <c r="FB37" s="297">
        <v>0</v>
      </c>
      <c r="FC37" s="301"/>
      <c r="FD37" s="296">
        <v>0</v>
      </c>
      <c r="FE37" s="296">
        <v>11310</v>
      </c>
      <c r="FF37" s="296">
        <v>0</v>
      </c>
      <c r="FG37" s="296">
        <v>0</v>
      </c>
      <c r="FH37" s="296">
        <v>70</v>
      </c>
      <c r="FI37" s="299">
        <v>11380</v>
      </c>
      <c r="FJ37" s="300">
        <v>11380</v>
      </c>
      <c r="FK37" s="295">
        <v>0</v>
      </c>
      <c r="FL37" s="296">
        <v>0</v>
      </c>
      <c r="FM37" s="297">
        <v>0</v>
      </c>
      <c r="FN37" s="301"/>
      <c r="FO37" s="296">
        <v>0</v>
      </c>
      <c r="FP37" s="296">
        <v>0</v>
      </c>
      <c r="FQ37" s="296">
        <v>0</v>
      </c>
      <c r="FR37" s="296">
        <v>0</v>
      </c>
      <c r="FS37" s="296">
        <v>0</v>
      </c>
      <c r="FT37" s="299">
        <v>0</v>
      </c>
      <c r="FU37" s="300">
        <v>0</v>
      </c>
      <c r="FV37" s="295">
        <v>0</v>
      </c>
      <c r="FW37" s="296">
        <v>0</v>
      </c>
      <c r="FX37" s="297">
        <v>0</v>
      </c>
      <c r="FY37" s="298">
        <v>0</v>
      </c>
      <c r="FZ37" s="296">
        <v>0</v>
      </c>
      <c r="GA37" s="296">
        <v>0</v>
      </c>
      <c r="GB37" s="296">
        <v>10440</v>
      </c>
      <c r="GC37" s="296">
        <v>15035</v>
      </c>
      <c r="GD37" s="296">
        <v>0</v>
      </c>
      <c r="GE37" s="299">
        <v>25475</v>
      </c>
      <c r="GF37" s="300">
        <v>25475</v>
      </c>
      <c r="GG37" s="295">
        <v>0</v>
      </c>
      <c r="GH37" s="296">
        <v>0</v>
      </c>
      <c r="GI37" s="297">
        <v>0</v>
      </c>
      <c r="GJ37" s="298">
        <v>0</v>
      </c>
      <c r="GK37" s="296">
        <v>0</v>
      </c>
      <c r="GL37" s="296">
        <v>0</v>
      </c>
      <c r="GM37" s="296">
        <v>0</v>
      </c>
      <c r="GN37" s="296">
        <v>70</v>
      </c>
      <c r="GO37" s="296">
        <v>0</v>
      </c>
      <c r="GP37" s="299">
        <v>70</v>
      </c>
      <c r="GQ37" s="300">
        <v>70</v>
      </c>
      <c r="GR37" s="295">
        <v>0</v>
      </c>
      <c r="GS37" s="296">
        <v>0</v>
      </c>
      <c r="GT37" s="297">
        <v>0</v>
      </c>
      <c r="GU37" s="298">
        <v>0</v>
      </c>
      <c r="GV37" s="296">
        <v>0</v>
      </c>
      <c r="GW37" s="296">
        <v>0</v>
      </c>
      <c r="GX37" s="296">
        <v>0</v>
      </c>
      <c r="GY37" s="296">
        <v>0</v>
      </c>
      <c r="GZ37" s="296">
        <v>0</v>
      </c>
      <c r="HA37" s="299">
        <v>0</v>
      </c>
      <c r="HB37" s="300">
        <v>0</v>
      </c>
      <c r="HC37" s="295">
        <v>0</v>
      </c>
      <c r="HD37" s="296">
        <v>0</v>
      </c>
      <c r="HE37" s="297">
        <v>0</v>
      </c>
      <c r="HF37" s="301"/>
      <c r="HG37" s="296">
        <v>0</v>
      </c>
      <c r="HH37" s="296">
        <v>0</v>
      </c>
      <c r="HI37" s="296">
        <v>0</v>
      </c>
      <c r="HJ37" s="296">
        <v>0</v>
      </c>
      <c r="HK37" s="296">
        <v>0</v>
      </c>
      <c r="HL37" s="299">
        <v>0</v>
      </c>
      <c r="HM37" s="300">
        <v>0</v>
      </c>
      <c r="HN37" s="295">
        <v>0</v>
      </c>
      <c r="HO37" s="296">
        <v>0</v>
      </c>
      <c r="HP37" s="297">
        <v>0</v>
      </c>
      <c r="HQ37" s="298">
        <v>0</v>
      </c>
      <c r="HR37" s="296">
        <v>50850</v>
      </c>
      <c r="HS37" s="296">
        <v>131160</v>
      </c>
      <c r="HT37" s="296">
        <v>241291</v>
      </c>
      <c r="HU37" s="296">
        <v>577350</v>
      </c>
      <c r="HV37" s="296">
        <v>311265</v>
      </c>
      <c r="HW37" s="299">
        <v>1311916</v>
      </c>
      <c r="HX37" s="300">
        <v>1311916</v>
      </c>
    </row>
    <row r="38" spans="1:232" ht="16.5" customHeight="1" x14ac:dyDescent="0.2">
      <c r="A38" s="293" t="s">
        <v>35</v>
      </c>
      <c r="B38" s="295">
        <v>0</v>
      </c>
      <c r="C38" s="296">
        <v>0</v>
      </c>
      <c r="D38" s="297">
        <v>0</v>
      </c>
      <c r="E38" s="298">
        <v>0</v>
      </c>
      <c r="F38" s="296">
        <v>321870</v>
      </c>
      <c r="G38" s="296">
        <v>462188</v>
      </c>
      <c r="H38" s="296">
        <v>586034</v>
      </c>
      <c r="I38" s="296">
        <v>797841</v>
      </c>
      <c r="J38" s="296">
        <v>454560</v>
      </c>
      <c r="K38" s="299">
        <v>2622493</v>
      </c>
      <c r="L38" s="300">
        <v>2622493</v>
      </c>
      <c r="M38" s="295">
        <v>0</v>
      </c>
      <c r="N38" s="296">
        <v>0</v>
      </c>
      <c r="O38" s="297">
        <v>0</v>
      </c>
      <c r="P38" s="301"/>
      <c r="Q38" s="296">
        <v>57300</v>
      </c>
      <c r="R38" s="296">
        <v>33300</v>
      </c>
      <c r="S38" s="296">
        <v>255450</v>
      </c>
      <c r="T38" s="296">
        <v>465505</v>
      </c>
      <c r="U38" s="296">
        <v>320125</v>
      </c>
      <c r="V38" s="299">
        <v>1131680</v>
      </c>
      <c r="W38" s="300">
        <v>1131680</v>
      </c>
      <c r="X38" s="295">
        <v>0</v>
      </c>
      <c r="Y38" s="296">
        <v>0</v>
      </c>
      <c r="Z38" s="297">
        <v>0</v>
      </c>
      <c r="AA38" s="301"/>
      <c r="AB38" s="296">
        <v>193470</v>
      </c>
      <c r="AC38" s="296">
        <v>420000</v>
      </c>
      <c r="AD38" s="296">
        <v>198455</v>
      </c>
      <c r="AE38" s="296">
        <v>207230</v>
      </c>
      <c r="AF38" s="296">
        <v>0</v>
      </c>
      <c r="AG38" s="299">
        <v>1019155</v>
      </c>
      <c r="AH38" s="300">
        <v>1019155</v>
      </c>
      <c r="AI38" s="295">
        <v>0</v>
      </c>
      <c r="AJ38" s="296">
        <v>0</v>
      </c>
      <c r="AK38" s="297">
        <v>0</v>
      </c>
      <c r="AL38" s="301"/>
      <c r="AM38" s="296">
        <v>0</v>
      </c>
      <c r="AN38" s="296">
        <v>0</v>
      </c>
      <c r="AO38" s="296">
        <v>0</v>
      </c>
      <c r="AP38" s="296">
        <v>0</v>
      </c>
      <c r="AQ38" s="296">
        <v>0</v>
      </c>
      <c r="AR38" s="299">
        <v>0</v>
      </c>
      <c r="AS38" s="300">
        <v>0</v>
      </c>
      <c r="AT38" s="295">
        <v>0</v>
      </c>
      <c r="AU38" s="296">
        <v>0</v>
      </c>
      <c r="AV38" s="297">
        <v>0</v>
      </c>
      <c r="AW38" s="301"/>
      <c r="AX38" s="296">
        <v>71100</v>
      </c>
      <c r="AY38" s="296">
        <v>0</v>
      </c>
      <c r="AZ38" s="296">
        <v>71250</v>
      </c>
      <c r="BA38" s="296">
        <v>92550</v>
      </c>
      <c r="BB38" s="296">
        <v>131915</v>
      </c>
      <c r="BC38" s="299">
        <v>366815</v>
      </c>
      <c r="BD38" s="300">
        <v>366815</v>
      </c>
      <c r="BE38" s="295">
        <v>0</v>
      </c>
      <c r="BF38" s="296">
        <v>0</v>
      </c>
      <c r="BG38" s="297">
        <v>0</v>
      </c>
      <c r="BH38" s="301"/>
      <c r="BI38" s="296">
        <v>0</v>
      </c>
      <c r="BJ38" s="296">
        <v>0</v>
      </c>
      <c r="BK38" s="296">
        <v>0</v>
      </c>
      <c r="BL38" s="296">
        <v>0</v>
      </c>
      <c r="BM38" s="296">
        <v>0</v>
      </c>
      <c r="BN38" s="299">
        <v>0</v>
      </c>
      <c r="BO38" s="300">
        <v>0</v>
      </c>
      <c r="BP38" s="295">
        <v>0</v>
      </c>
      <c r="BQ38" s="296">
        <v>0</v>
      </c>
      <c r="BR38" s="297">
        <v>0</v>
      </c>
      <c r="BS38" s="298">
        <v>0</v>
      </c>
      <c r="BT38" s="296">
        <v>0</v>
      </c>
      <c r="BU38" s="296">
        <v>8888</v>
      </c>
      <c r="BV38" s="296">
        <v>59629</v>
      </c>
      <c r="BW38" s="296">
        <v>32556</v>
      </c>
      <c r="BX38" s="296">
        <v>2520</v>
      </c>
      <c r="BY38" s="299">
        <v>103593</v>
      </c>
      <c r="BZ38" s="300">
        <v>103593</v>
      </c>
      <c r="CA38" s="295">
        <v>0</v>
      </c>
      <c r="CB38" s="296">
        <v>0</v>
      </c>
      <c r="CC38" s="297">
        <v>0</v>
      </c>
      <c r="CD38" s="298">
        <v>0</v>
      </c>
      <c r="CE38" s="296">
        <v>0</v>
      </c>
      <c r="CF38" s="296">
        <v>0</v>
      </c>
      <c r="CG38" s="296">
        <v>1250</v>
      </c>
      <c r="CH38" s="296">
        <v>0</v>
      </c>
      <c r="CI38" s="296">
        <v>0</v>
      </c>
      <c r="CJ38" s="299">
        <v>1250</v>
      </c>
      <c r="CK38" s="300">
        <v>1250</v>
      </c>
      <c r="CL38" s="295">
        <v>0</v>
      </c>
      <c r="CM38" s="296">
        <v>0</v>
      </c>
      <c r="CN38" s="297">
        <v>0</v>
      </c>
      <c r="CO38" s="298">
        <v>0</v>
      </c>
      <c r="CP38" s="296">
        <v>0</v>
      </c>
      <c r="CQ38" s="296">
        <v>0</v>
      </c>
      <c r="CR38" s="296">
        <v>0</v>
      </c>
      <c r="CS38" s="296">
        <v>0</v>
      </c>
      <c r="CT38" s="296">
        <v>0</v>
      </c>
      <c r="CU38" s="299">
        <v>0</v>
      </c>
      <c r="CV38" s="300">
        <v>0</v>
      </c>
      <c r="CW38" s="295">
        <v>0</v>
      </c>
      <c r="CX38" s="296">
        <v>0</v>
      </c>
      <c r="CY38" s="297">
        <v>0</v>
      </c>
      <c r="CZ38" s="301"/>
      <c r="DA38" s="296">
        <v>0</v>
      </c>
      <c r="DB38" s="296">
        <v>0</v>
      </c>
      <c r="DC38" s="296">
        <v>0</v>
      </c>
      <c r="DD38" s="296">
        <v>0</v>
      </c>
      <c r="DE38" s="296">
        <v>0</v>
      </c>
      <c r="DF38" s="299">
        <v>0</v>
      </c>
      <c r="DG38" s="300">
        <v>0</v>
      </c>
      <c r="DH38" s="295">
        <v>0</v>
      </c>
      <c r="DI38" s="296">
        <v>0</v>
      </c>
      <c r="DJ38" s="297">
        <v>0</v>
      </c>
      <c r="DK38" s="298">
        <v>0</v>
      </c>
      <c r="DL38" s="296">
        <v>58051</v>
      </c>
      <c r="DM38" s="296">
        <v>119782</v>
      </c>
      <c r="DN38" s="296">
        <v>466991</v>
      </c>
      <c r="DO38" s="296">
        <v>520266</v>
      </c>
      <c r="DP38" s="296">
        <v>330401</v>
      </c>
      <c r="DQ38" s="299">
        <v>1495491</v>
      </c>
      <c r="DR38" s="302">
        <v>1495491</v>
      </c>
      <c r="DS38" s="295">
        <v>0</v>
      </c>
      <c r="DT38" s="296">
        <v>0</v>
      </c>
      <c r="DU38" s="297">
        <v>0</v>
      </c>
      <c r="DV38" s="301"/>
      <c r="DW38" s="296">
        <v>40200</v>
      </c>
      <c r="DX38" s="296">
        <v>29100</v>
      </c>
      <c r="DY38" s="296">
        <v>371040</v>
      </c>
      <c r="DZ38" s="296">
        <v>430450</v>
      </c>
      <c r="EA38" s="296">
        <v>288704</v>
      </c>
      <c r="EB38" s="299">
        <v>1159494</v>
      </c>
      <c r="EC38" s="300">
        <v>1159494</v>
      </c>
      <c r="ED38" s="295">
        <v>0</v>
      </c>
      <c r="EE38" s="296">
        <v>0</v>
      </c>
      <c r="EF38" s="297">
        <v>0</v>
      </c>
      <c r="EG38" s="301"/>
      <c r="EH38" s="296">
        <v>13606</v>
      </c>
      <c r="EI38" s="296">
        <v>65364</v>
      </c>
      <c r="EJ38" s="296">
        <v>5701</v>
      </c>
      <c r="EK38" s="296">
        <v>1680</v>
      </c>
      <c r="EL38" s="296">
        <v>0</v>
      </c>
      <c r="EM38" s="299">
        <v>86351</v>
      </c>
      <c r="EN38" s="300">
        <v>86351</v>
      </c>
      <c r="EO38" s="295">
        <v>0</v>
      </c>
      <c r="EP38" s="296">
        <v>0</v>
      </c>
      <c r="EQ38" s="297">
        <v>0</v>
      </c>
      <c r="ER38" s="301"/>
      <c r="ES38" s="296">
        <v>0</v>
      </c>
      <c r="ET38" s="296">
        <v>0</v>
      </c>
      <c r="EU38" s="296">
        <v>0</v>
      </c>
      <c r="EV38" s="296">
        <v>0</v>
      </c>
      <c r="EW38" s="296">
        <v>0</v>
      </c>
      <c r="EX38" s="299">
        <v>0</v>
      </c>
      <c r="EY38" s="300">
        <v>0</v>
      </c>
      <c r="EZ38" s="295">
        <v>0</v>
      </c>
      <c r="FA38" s="296">
        <v>0</v>
      </c>
      <c r="FB38" s="297">
        <v>0</v>
      </c>
      <c r="FC38" s="301"/>
      <c r="FD38" s="296">
        <v>11940</v>
      </c>
      <c r="FE38" s="296">
        <v>0</v>
      </c>
      <c r="FF38" s="296">
        <v>22830</v>
      </c>
      <c r="FG38" s="296">
        <v>22830</v>
      </c>
      <c r="FH38" s="296">
        <v>34581</v>
      </c>
      <c r="FI38" s="299">
        <v>92181</v>
      </c>
      <c r="FJ38" s="300">
        <v>92181</v>
      </c>
      <c r="FK38" s="295">
        <v>0</v>
      </c>
      <c r="FL38" s="296">
        <v>0</v>
      </c>
      <c r="FM38" s="297">
        <v>0</v>
      </c>
      <c r="FN38" s="301"/>
      <c r="FO38" s="296">
        <v>0</v>
      </c>
      <c r="FP38" s="296">
        <v>0</v>
      </c>
      <c r="FQ38" s="296">
        <v>0</v>
      </c>
      <c r="FR38" s="296">
        <v>0</v>
      </c>
      <c r="FS38" s="296">
        <v>0</v>
      </c>
      <c r="FT38" s="299">
        <v>0</v>
      </c>
      <c r="FU38" s="300">
        <v>0</v>
      </c>
      <c r="FV38" s="295">
        <v>0</v>
      </c>
      <c r="FW38" s="296">
        <v>0</v>
      </c>
      <c r="FX38" s="297">
        <v>0</v>
      </c>
      <c r="FY38" s="298">
        <v>0</v>
      </c>
      <c r="FZ38" s="296">
        <v>-7695</v>
      </c>
      <c r="GA38" s="296">
        <v>25318</v>
      </c>
      <c r="GB38" s="296">
        <v>67392</v>
      </c>
      <c r="GC38" s="296">
        <v>65306</v>
      </c>
      <c r="GD38" s="296">
        <v>7116</v>
      </c>
      <c r="GE38" s="299">
        <v>157437</v>
      </c>
      <c r="GF38" s="300">
        <v>157437</v>
      </c>
      <c r="GG38" s="295">
        <v>0</v>
      </c>
      <c r="GH38" s="296">
        <v>0</v>
      </c>
      <c r="GI38" s="297">
        <v>0</v>
      </c>
      <c r="GJ38" s="298">
        <v>0</v>
      </c>
      <c r="GK38" s="296">
        <v>0</v>
      </c>
      <c r="GL38" s="296">
        <v>0</v>
      </c>
      <c r="GM38" s="296">
        <v>28</v>
      </c>
      <c r="GN38" s="296">
        <v>0</v>
      </c>
      <c r="GO38" s="296">
        <v>0</v>
      </c>
      <c r="GP38" s="299">
        <v>28</v>
      </c>
      <c r="GQ38" s="300">
        <v>28</v>
      </c>
      <c r="GR38" s="295">
        <v>0</v>
      </c>
      <c r="GS38" s="296">
        <v>0</v>
      </c>
      <c r="GT38" s="297">
        <v>0</v>
      </c>
      <c r="GU38" s="298">
        <v>0</v>
      </c>
      <c r="GV38" s="296">
        <v>0</v>
      </c>
      <c r="GW38" s="296">
        <v>0</v>
      </c>
      <c r="GX38" s="296">
        <v>0</v>
      </c>
      <c r="GY38" s="296">
        <v>0</v>
      </c>
      <c r="GZ38" s="296">
        <v>0</v>
      </c>
      <c r="HA38" s="299">
        <v>0</v>
      </c>
      <c r="HB38" s="300">
        <v>0</v>
      </c>
      <c r="HC38" s="295">
        <v>0</v>
      </c>
      <c r="HD38" s="296">
        <v>0</v>
      </c>
      <c r="HE38" s="297">
        <v>0</v>
      </c>
      <c r="HF38" s="301"/>
      <c r="HG38" s="296">
        <v>0</v>
      </c>
      <c r="HH38" s="296">
        <v>0</v>
      </c>
      <c r="HI38" s="296">
        <v>0</v>
      </c>
      <c r="HJ38" s="296">
        <v>0</v>
      </c>
      <c r="HK38" s="296">
        <v>0</v>
      </c>
      <c r="HL38" s="299">
        <v>0</v>
      </c>
      <c r="HM38" s="300">
        <v>0</v>
      </c>
      <c r="HN38" s="295">
        <v>0</v>
      </c>
      <c r="HO38" s="296">
        <v>0</v>
      </c>
      <c r="HP38" s="297">
        <v>0</v>
      </c>
      <c r="HQ38" s="298">
        <v>0</v>
      </c>
      <c r="HR38" s="296">
        <v>379921</v>
      </c>
      <c r="HS38" s="296">
        <v>581970</v>
      </c>
      <c r="HT38" s="296">
        <v>1053025</v>
      </c>
      <c r="HU38" s="296">
        <v>1318107</v>
      </c>
      <c r="HV38" s="296">
        <v>784961</v>
      </c>
      <c r="HW38" s="299">
        <v>4117984</v>
      </c>
      <c r="HX38" s="300">
        <v>4117984</v>
      </c>
    </row>
    <row r="39" spans="1:232" ht="16.5" customHeight="1" x14ac:dyDescent="0.2">
      <c r="A39" s="293" t="s">
        <v>36</v>
      </c>
      <c r="B39" s="295">
        <v>0</v>
      </c>
      <c r="C39" s="296">
        <v>0</v>
      </c>
      <c r="D39" s="297">
        <v>0</v>
      </c>
      <c r="E39" s="298">
        <v>0</v>
      </c>
      <c r="F39" s="296">
        <v>271200</v>
      </c>
      <c r="G39" s="296">
        <v>316390</v>
      </c>
      <c r="H39" s="296">
        <v>847882</v>
      </c>
      <c r="I39" s="296">
        <v>768970</v>
      </c>
      <c r="J39" s="296">
        <v>683450</v>
      </c>
      <c r="K39" s="299">
        <v>2887892</v>
      </c>
      <c r="L39" s="300">
        <v>2887892</v>
      </c>
      <c r="M39" s="295">
        <v>0</v>
      </c>
      <c r="N39" s="296">
        <v>0</v>
      </c>
      <c r="O39" s="297">
        <v>0</v>
      </c>
      <c r="P39" s="301"/>
      <c r="Q39" s="296">
        <v>0</v>
      </c>
      <c r="R39" s="296">
        <v>31650</v>
      </c>
      <c r="S39" s="296">
        <v>590400</v>
      </c>
      <c r="T39" s="296">
        <v>553145</v>
      </c>
      <c r="U39" s="296">
        <v>520570</v>
      </c>
      <c r="V39" s="299">
        <v>1695765</v>
      </c>
      <c r="W39" s="300">
        <v>1695765</v>
      </c>
      <c r="X39" s="295">
        <v>0</v>
      </c>
      <c r="Y39" s="296">
        <v>0</v>
      </c>
      <c r="Z39" s="297">
        <v>0</v>
      </c>
      <c r="AA39" s="301"/>
      <c r="AB39" s="296">
        <v>259430</v>
      </c>
      <c r="AC39" s="296">
        <v>237390</v>
      </c>
      <c r="AD39" s="296">
        <v>247582</v>
      </c>
      <c r="AE39" s="296">
        <v>181865</v>
      </c>
      <c r="AF39" s="296">
        <v>136525</v>
      </c>
      <c r="AG39" s="299">
        <v>1062792</v>
      </c>
      <c r="AH39" s="300">
        <v>1062792</v>
      </c>
      <c r="AI39" s="295">
        <v>0</v>
      </c>
      <c r="AJ39" s="296">
        <v>0</v>
      </c>
      <c r="AK39" s="297">
        <v>0</v>
      </c>
      <c r="AL39" s="301"/>
      <c r="AM39" s="296">
        <v>0</v>
      </c>
      <c r="AN39" s="296">
        <v>0</v>
      </c>
      <c r="AO39" s="296">
        <v>0</v>
      </c>
      <c r="AP39" s="296">
        <v>0</v>
      </c>
      <c r="AQ39" s="296">
        <v>0</v>
      </c>
      <c r="AR39" s="299">
        <v>0</v>
      </c>
      <c r="AS39" s="300">
        <v>0</v>
      </c>
      <c r="AT39" s="295">
        <v>0</v>
      </c>
      <c r="AU39" s="296">
        <v>0</v>
      </c>
      <c r="AV39" s="297">
        <v>0</v>
      </c>
      <c r="AW39" s="301"/>
      <c r="AX39" s="296">
        <v>0</v>
      </c>
      <c r="AY39" s="296">
        <v>0</v>
      </c>
      <c r="AZ39" s="296">
        <v>0</v>
      </c>
      <c r="BA39" s="296">
        <v>28950</v>
      </c>
      <c r="BB39" s="296">
        <v>0</v>
      </c>
      <c r="BC39" s="299">
        <v>28950</v>
      </c>
      <c r="BD39" s="300">
        <v>28950</v>
      </c>
      <c r="BE39" s="295">
        <v>0</v>
      </c>
      <c r="BF39" s="296">
        <v>0</v>
      </c>
      <c r="BG39" s="297">
        <v>0</v>
      </c>
      <c r="BH39" s="301"/>
      <c r="BI39" s="296">
        <v>0</v>
      </c>
      <c r="BJ39" s="296">
        <v>0</v>
      </c>
      <c r="BK39" s="296">
        <v>0</v>
      </c>
      <c r="BL39" s="296">
        <v>0</v>
      </c>
      <c r="BM39" s="296">
        <v>0</v>
      </c>
      <c r="BN39" s="299">
        <v>0</v>
      </c>
      <c r="BO39" s="300">
        <v>0</v>
      </c>
      <c r="BP39" s="295">
        <v>0</v>
      </c>
      <c r="BQ39" s="296">
        <v>0</v>
      </c>
      <c r="BR39" s="297">
        <v>0</v>
      </c>
      <c r="BS39" s="298">
        <v>0</v>
      </c>
      <c r="BT39" s="296">
        <v>11770</v>
      </c>
      <c r="BU39" s="296">
        <v>47350</v>
      </c>
      <c r="BV39" s="296">
        <v>9900</v>
      </c>
      <c r="BW39" s="296">
        <v>5010</v>
      </c>
      <c r="BX39" s="296">
        <v>26355</v>
      </c>
      <c r="BY39" s="299">
        <v>100385</v>
      </c>
      <c r="BZ39" s="300">
        <v>100385</v>
      </c>
      <c r="CA39" s="295">
        <v>0</v>
      </c>
      <c r="CB39" s="296">
        <v>0</v>
      </c>
      <c r="CC39" s="297">
        <v>0</v>
      </c>
      <c r="CD39" s="298">
        <v>0</v>
      </c>
      <c r="CE39" s="296">
        <v>0</v>
      </c>
      <c r="CF39" s="296">
        <v>0</v>
      </c>
      <c r="CG39" s="296">
        <v>0</v>
      </c>
      <c r="CH39" s="296">
        <v>0</v>
      </c>
      <c r="CI39" s="296">
        <v>0</v>
      </c>
      <c r="CJ39" s="299">
        <v>0</v>
      </c>
      <c r="CK39" s="300">
        <v>0</v>
      </c>
      <c r="CL39" s="295">
        <v>0</v>
      </c>
      <c r="CM39" s="296">
        <v>0</v>
      </c>
      <c r="CN39" s="297">
        <v>0</v>
      </c>
      <c r="CO39" s="298">
        <v>0</v>
      </c>
      <c r="CP39" s="296">
        <v>0</v>
      </c>
      <c r="CQ39" s="296">
        <v>0</v>
      </c>
      <c r="CR39" s="296">
        <v>0</v>
      </c>
      <c r="CS39" s="296">
        <v>0</v>
      </c>
      <c r="CT39" s="296">
        <v>0</v>
      </c>
      <c r="CU39" s="299">
        <v>0</v>
      </c>
      <c r="CV39" s="300">
        <v>0</v>
      </c>
      <c r="CW39" s="295">
        <v>0</v>
      </c>
      <c r="CX39" s="296">
        <v>0</v>
      </c>
      <c r="CY39" s="297">
        <v>0</v>
      </c>
      <c r="CZ39" s="301"/>
      <c r="DA39" s="296">
        <v>0</v>
      </c>
      <c r="DB39" s="296">
        <v>0</v>
      </c>
      <c r="DC39" s="296">
        <v>0</v>
      </c>
      <c r="DD39" s="296">
        <v>0</v>
      </c>
      <c r="DE39" s="296">
        <v>0</v>
      </c>
      <c r="DF39" s="299">
        <v>0</v>
      </c>
      <c r="DG39" s="300">
        <v>0</v>
      </c>
      <c r="DH39" s="295">
        <v>0</v>
      </c>
      <c r="DI39" s="296">
        <v>0</v>
      </c>
      <c r="DJ39" s="297">
        <v>0</v>
      </c>
      <c r="DK39" s="298">
        <v>0</v>
      </c>
      <c r="DL39" s="296">
        <v>23812</v>
      </c>
      <c r="DM39" s="296">
        <v>96041</v>
      </c>
      <c r="DN39" s="296">
        <v>627621</v>
      </c>
      <c r="DO39" s="296">
        <v>775926</v>
      </c>
      <c r="DP39" s="296">
        <v>779889</v>
      </c>
      <c r="DQ39" s="299">
        <v>2303289</v>
      </c>
      <c r="DR39" s="302">
        <v>2303289</v>
      </c>
      <c r="DS39" s="295">
        <v>0</v>
      </c>
      <c r="DT39" s="296">
        <v>0</v>
      </c>
      <c r="DU39" s="297">
        <v>0</v>
      </c>
      <c r="DV39" s="301"/>
      <c r="DW39" s="296">
        <v>0</v>
      </c>
      <c r="DX39" s="296">
        <v>14550</v>
      </c>
      <c r="DY39" s="296">
        <v>582160</v>
      </c>
      <c r="DZ39" s="296">
        <v>741823</v>
      </c>
      <c r="EA39" s="296">
        <v>746511</v>
      </c>
      <c r="EB39" s="299">
        <v>2085044</v>
      </c>
      <c r="EC39" s="300">
        <v>2085044</v>
      </c>
      <c r="ED39" s="295">
        <v>0</v>
      </c>
      <c r="EE39" s="296">
        <v>0</v>
      </c>
      <c r="EF39" s="297">
        <v>0</v>
      </c>
      <c r="EG39" s="301"/>
      <c r="EH39" s="296">
        <v>13949</v>
      </c>
      <c r="EI39" s="296">
        <v>24776</v>
      </c>
      <c r="EJ39" s="296">
        <v>4277</v>
      </c>
      <c r="EK39" s="296">
        <v>23603</v>
      </c>
      <c r="EL39" s="296">
        <v>1722</v>
      </c>
      <c r="EM39" s="299">
        <v>68327</v>
      </c>
      <c r="EN39" s="300">
        <v>68327</v>
      </c>
      <c r="EO39" s="295">
        <v>0</v>
      </c>
      <c r="EP39" s="296">
        <v>0</v>
      </c>
      <c r="EQ39" s="297">
        <v>0</v>
      </c>
      <c r="ER39" s="301"/>
      <c r="ES39" s="296">
        <v>0</v>
      </c>
      <c r="ET39" s="296">
        <v>0</v>
      </c>
      <c r="EU39" s="296">
        <v>0</v>
      </c>
      <c r="EV39" s="296">
        <v>0</v>
      </c>
      <c r="EW39" s="296">
        <v>0</v>
      </c>
      <c r="EX39" s="299">
        <v>0</v>
      </c>
      <c r="EY39" s="300">
        <v>0</v>
      </c>
      <c r="EZ39" s="295">
        <v>0</v>
      </c>
      <c r="FA39" s="296">
        <v>0</v>
      </c>
      <c r="FB39" s="297">
        <v>0</v>
      </c>
      <c r="FC39" s="301"/>
      <c r="FD39" s="296">
        <v>0</v>
      </c>
      <c r="FE39" s="296">
        <v>0</v>
      </c>
      <c r="FF39" s="296">
        <v>0</v>
      </c>
      <c r="FG39" s="296">
        <v>630</v>
      </c>
      <c r="FH39" s="296">
        <v>0</v>
      </c>
      <c r="FI39" s="299">
        <v>630</v>
      </c>
      <c r="FJ39" s="300">
        <v>630</v>
      </c>
      <c r="FK39" s="295">
        <v>0</v>
      </c>
      <c r="FL39" s="296">
        <v>0</v>
      </c>
      <c r="FM39" s="297">
        <v>0</v>
      </c>
      <c r="FN39" s="301"/>
      <c r="FO39" s="296">
        <v>0</v>
      </c>
      <c r="FP39" s="296">
        <v>0</v>
      </c>
      <c r="FQ39" s="296">
        <v>0</v>
      </c>
      <c r="FR39" s="296">
        <v>0</v>
      </c>
      <c r="FS39" s="296">
        <v>0</v>
      </c>
      <c r="FT39" s="299">
        <v>0</v>
      </c>
      <c r="FU39" s="300">
        <v>0</v>
      </c>
      <c r="FV39" s="295">
        <v>0</v>
      </c>
      <c r="FW39" s="296">
        <v>0</v>
      </c>
      <c r="FX39" s="297">
        <v>0</v>
      </c>
      <c r="FY39" s="298">
        <v>0</v>
      </c>
      <c r="FZ39" s="296">
        <v>9863</v>
      </c>
      <c r="GA39" s="296">
        <v>56715</v>
      </c>
      <c r="GB39" s="296">
        <v>41184</v>
      </c>
      <c r="GC39" s="296">
        <v>9870</v>
      </c>
      <c r="GD39" s="296">
        <v>31656</v>
      </c>
      <c r="GE39" s="299">
        <v>149288</v>
      </c>
      <c r="GF39" s="300">
        <v>149288</v>
      </c>
      <c r="GG39" s="295">
        <v>0</v>
      </c>
      <c r="GH39" s="296">
        <v>0</v>
      </c>
      <c r="GI39" s="297">
        <v>0</v>
      </c>
      <c r="GJ39" s="298">
        <v>0</v>
      </c>
      <c r="GK39" s="296">
        <v>0</v>
      </c>
      <c r="GL39" s="296">
        <v>0</v>
      </c>
      <c r="GM39" s="296">
        <v>0</v>
      </c>
      <c r="GN39" s="296">
        <v>0</v>
      </c>
      <c r="GO39" s="296">
        <v>0</v>
      </c>
      <c r="GP39" s="299">
        <v>0</v>
      </c>
      <c r="GQ39" s="300">
        <v>0</v>
      </c>
      <c r="GR39" s="295">
        <v>0</v>
      </c>
      <c r="GS39" s="296">
        <v>0</v>
      </c>
      <c r="GT39" s="297">
        <v>0</v>
      </c>
      <c r="GU39" s="298">
        <v>0</v>
      </c>
      <c r="GV39" s="296">
        <v>0</v>
      </c>
      <c r="GW39" s="296">
        <v>0</v>
      </c>
      <c r="GX39" s="296">
        <v>0</v>
      </c>
      <c r="GY39" s="296">
        <v>0</v>
      </c>
      <c r="GZ39" s="296">
        <v>0</v>
      </c>
      <c r="HA39" s="299">
        <v>0</v>
      </c>
      <c r="HB39" s="300">
        <v>0</v>
      </c>
      <c r="HC39" s="295">
        <v>0</v>
      </c>
      <c r="HD39" s="296">
        <v>0</v>
      </c>
      <c r="HE39" s="297">
        <v>0</v>
      </c>
      <c r="HF39" s="301"/>
      <c r="HG39" s="296">
        <v>0</v>
      </c>
      <c r="HH39" s="296">
        <v>0</v>
      </c>
      <c r="HI39" s="296">
        <v>0</v>
      </c>
      <c r="HJ39" s="296">
        <v>0</v>
      </c>
      <c r="HK39" s="296">
        <v>0</v>
      </c>
      <c r="HL39" s="299">
        <v>0</v>
      </c>
      <c r="HM39" s="300">
        <v>0</v>
      </c>
      <c r="HN39" s="295">
        <v>0</v>
      </c>
      <c r="HO39" s="296">
        <v>0</v>
      </c>
      <c r="HP39" s="297">
        <v>0</v>
      </c>
      <c r="HQ39" s="298">
        <v>0</v>
      </c>
      <c r="HR39" s="296">
        <v>295012</v>
      </c>
      <c r="HS39" s="296">
        <v>412431</v>
      </c>
      <c r="HT39" s="296">
        <v>1475503</v>
      </c>
      <c r="HU39" s="296">
        <v>1544896</v>
      </c>
      <c r="HV39" s="296">
        <v>1463339</v>
      </c>
      <c r="HW39" s="299">
        <v>5191181</v>
      </c>
      <c r="HX39" s="300">
        <v>5191181</v>
      </c>
    </row>
    <row r="40" spans="1:232" ht="16.5" customHeight="1" thickBot="1" x14ac:dyDescent="0.25">
      <c r="A40" s="294" t="s">
        <v>37</v>
      </c>
      <c r="B40" s="303">
        <v>0</v>
      </c>
      <c r="C40" s="304">
        <v>0</v>
      </c>
      <c r="D40" s="305">
        <v>0</v>
      </c>
      <c r="E40" s="306">
        <v>0</v>
      </c>
      <c r="F40" s="304">
        <v>0</v>
      </c>
      <c r="G40" s="304">
        <v>2805</v>
      </c>
      <c r="H40" s="304">
        <v>51060</v>
      </c>
      <c r="I40" s="304">
        <v>36750</v>
      </c>
      <c r="J40" s="304">
        <v>34200</v>
      </c>
      <c r="K40" s="307">
        <v>124815</v>
      </c>
      <c r="L40" s="308">
        <v>124815</v>
      </c>
      <c r="M40" s="303">
        <v>0</v>
      </c>
      <c r="N40" s="304">
        <v>0</v>
      </c>
      <c r="O40" s="305">
        <v>0</v>
      </c>
      <c r="P40" s="309"/>
      <c r="Q40" s="304">
        <v>0</v>
      </c>
      <c r="R40" s="304">
        <v>0</v>
      </c>
      <c r="S40" s="304">
        <v>39300</v>
      </c>
      <c r="T40" s="304">
        <v>34200</v>
      </c>
      <c r="U40" s="304">
        <v>34200</v>
      </c>
      <c r="V40" s="307">
        <v>107700</v>
      </c>
      <c r="W40" s="308">
        <v>107700</v>
      </c>
      <c r="X40" s="303">
        <v>0</v>
      </c>
      <c r="Y40" s="304">
        <v>0</v>
      </c>
      <c r="Z40" s="305">
        <v>0</v>
      </c>
      <c r="AA40" s="309"/>
      <c r="AB40" s="304">
        <v>0</v>
      </c>
      <c r="AC40" s="304">
        <v>2550</v>
      </c>
      <c r="AD40" s="304">
        <v>2550</v>
      </c>
      <c r="AE40" s="304">
        <v>2550</v>
      </c>
      <c r="AF40" s="304">
        <v>0</v>
      </c>
      <c r="AG40" s="307">
        <v>7650</v>
      </c>
      <c r="AH40" s="308">
        <v>7650</v>
      </c>
      <c r="AI40" s="303">
        <v>0</v>
      </c>
      <c r="AJ40" s="304">
        <v>0</v>
      </c>
      <c r="AK40" s="305">
        <v>0</v>
      </c>
      <c r="AL40" s="309"/>
      <c r="AM40" s="304">
        <v>0</v>
      </c>
      <c r="AN40" s="304">
        <v>0</v>
      </c>
      <c r="AO40" s="304">
        <v>0</v>
      </c>
      <c r="AP40" s="304">
        <v>0</v>
      </c>
      <c r="AQ40" s="304">
        <v>0</v>
      </c>
      <c r="AR40" s="307">
        <v>0</v>
      </c>
      <c r="AS40" s="308">
        <v>0</v>
      </c>
      <c r="AT40" s="303">
        <v>0</v>
      </c>
      <c r="AU40" s="304">
        <v>0</v>
      </c>
      <c r="AV40" s="305">
        <v>0</v>
      </c>
      <c r="AW40" s="309"/>
      <c r="AX40" s="304">
        <v>0</v>
      </c>
      <c r="AY40" s="304">
        <v>0</v>
      </c>
      <c r="AZ40" s="304">
        <v>0</v>
      </c>
      <c r="BA40" s="304">
        <v>0</v>
      </c>
      <c r="BB40" s="304">
        <v>0</v>
      </c>
      <c r="BC40" s="307">
        <v>0</v>
      </c>
      <c r="BD40" s="308">
        <v>0</v>
      </c>
      <c r="BE40" s="303">
        <v>0</v>
      </c>
      <c r="BF40" s="304">
        <v>0</v>
      </c>
      <c r="BG40" s="305">
        <v>0</v>
      </c>
      <c r="BH40" s="309"/>
      <c r="BI40" s="304">
        <v>0</v>
      </c>
      <c r="BJ40" s="304">
        <v>0</v>
      </c>
      <c r="BK40" s="304">
        <v>0</v>
      </c>
      <c r="BL40" s="304">
        <v>0</v>
      </c>
      <c r="BM40" s="304">
        <v>0</v>
      </c>
      <c r="BN40" s="307">
        <v>0</v>
      </c>
      <c r="BO40" s="308">
        <v>0</v>
      </c>
      <c r="BP40" s="303">
        <v>0</v>
      </c>
      <c r="BQ40" s="304">
        <v>0</v>
      </c>
      <c r="BR40" s="305">
        <v>0</v>
      </c>
      <c r="BS40" s="306">
        <v>0</v>
      </c>
      <c r="BT40" s="304">
        <v>0</v>
      </c>
      <c r="BU40" s="304">
        <v>255</v>
      </c>
      <c r="BV40" s="304">
        <v>4315</v>
      </c>
      <c r="BW40" s="304">
        <v>0</v>
      </c>
      <c r="BX40" s="304">
        <v>0</v>
      </c>
      <c r="BY40" s="307">
        <v>4570</v>
      </c>
      <c r="BZ40" s="308">
        <v>4570</v>
      </c>
      <c r="CA40" s="303">
        <v>0</v>
      </c>
      <c r="CB40" s="304">
        <v>0</v>
      </c>
      <c r="CC40" s="305">
        <v>0</v>
      </c>
      <c r="CD40" s="306">
        <v>0</v>
      </c>
      <c r="CE40" s="304">
        <v>0</v>
      </c>
      <c r="CF40" s="304">
        <v>0</v>
      </c>
      <c r="CG40" s="304">
        <v>4895</v>
      </c>
      <c r="CH40" s="304">
        <v>0</v>
      </c>
      <c r="CI40" s="304">
        <v>0</v>
      </c>
      <c r="CJ40" s="307">
        <v>4895</v>
      </c>
      <c r="CK40" s="308">
        <v>4895</v>
      </c>
      <c r="CL40" s="303">
        <v>0</v>
      </c>
      <c r="CM40" s="304">
        <v>0</v>
      </c>
      <c r="CN40" s="305">
        <v>0</v>
      </c>
      <c r="CO40" s="306">
        <v>0</v>
      </c>
      <c r="CP40" s="304">
        <v>0</v>
      </c>
      <c r="CQ40" s="304">
        <v>0</v>
      </c>
      <c r="CR40" s="304">
        <v>0</v>
      </c>
      <c r="CS40" s="304">
        <v>0</v>
      </c>
      <c r="CT40" s="304">
        <v>0</v>
      </c>
      <c r="CU40" s="307">
        <v>0</v>
      </c>
      <c r="CV40" s="308">
        <v>0</v>
      </c>
      <c r="CW40" s="303">
        <v>0</v>
      </c>
      <c r="CX40" s="304">
        <v>0</v>
      </c>
      <c r="CY40" s="305">
        <v>0</v>
      </c>
      <c r="CZ40" s="309"/>
      <c r="DA40" s="304">
        <v>0</v>
      </c>
      <c r="DB40" s="304">
        <v>0</v>
      </c>
      <c r="DC40" s="304">
        <v>0</v>
      </c>
      <c r="DD40" s="304">
        <v>0</v>
      </c>
      <c r="DE40" s="304">
        <v>0</v>
      </c>
      <c r="DF40" s="307">
        <v>0</v>
      </c>
      <c r="DG40" s="308">
        <v>0</v>
      </c>
      <c r="DH40" s="303">
        <v>0</v>
      </c>
      <c r="DI40" s="304">
        <v>0</v>
      </c>
      <c r="DJ40" s="305">
        <v>0</v>
      </c>
      <c r="DK40" s="306">
        <v>0</v>
      </c>
      <c r="DL40" s="304">
        <v>0</v>
      </c>
      <c r="DM40" s="304">
        <v>1263</v>
      </c>
      <c r="DN40" s="304">
        <v>76482</v>
      </c>
      <c r="DO40" s="304">
        <v>50340</v>
      </c>
      <c r="DP40" s="304">
        <v>29100</v>
      </c>
      <c r="DQ40" s="307">
        <v>157185</v>
      </c>
      <c r="DR40" s="310">
        <v>157185</v>
      </c>
      <c r="DS40" s="303">
        <v>0</v>
      </c>
      <c r="DT40" s="304">
        <v>0</v>
      </c>
      <c r="DU40" s="305">
        <v>0</v>
      </c>
      <c r="DV40" s="309"/>
      <c r="DW40" s="304">
        <v>0</v>
      </c>
      <c r="DX40" s="304">
        <v>0</v>
      </c>
      <c r="DY40" s="304">
        <v>70860</v>
      </c>
      <c r="DZ40" s="304">
        <v>50130</v>
      </c>
      <c r="EA40" s="304">
        <v>29100</v>
      </c>
      <c r="EB40" s="307">
        <v>150090</v>
      </c>
      <c r="EC40" s="308">
        <v>150090</v>
      </c>
      <c r="ED40" s="303">
        <v>0</v>
      </c>
      <c r="EE40" s="304">
        <v>0</v>
      </c>
      <c r="EF40" s="305">
        <v>0</v>
      </c>
      <c r="EG40" s="309"/>
      <c r="EH40" s="304">
        <v>0</v>
      </c>
      <c r="EI40" s="304">
        <v>210</v>
      </c>
      <c r="EJ40" s="304">
        <v>210</v>
      </c>
      <c r="EK40" s="304">
        <v>210</v>
      </c>
      <c r="EL40" s="304">
        <v>0</v>
      </c>
      <c r="EM40" s="307">
        <v>630</v>
      </c>
      <c r="EN40" s="308">
        <v>630</v>
      </c>
      <c r="EO40" s="303">
        <v>0</v>
      </c>
      <c r="EP40" s="304">
        <v>0</v>
      </c>
      <c r="EQ40" s="305">
        <v>0</v>
      </c>
      <c r="ER40" s="309"/>
      <c r="ES40" s="304">
        <v>0</v>
      </c>
      <c r="ET40" s="304">
        <v>0</v>
      </c>
      <c r="EU40" s="304">
        <v>0</v>
      </c>
      <c r="EV40" s="304">
        <v>0</v>
      </c>
      <c r="EW40" s="304">
        <v>0</v>
      </c>
      <c r="EX40" s="307">
        <v>0</v>
      </c>
      <c r="EY40" s="308">
        <v>0</v>
      </c>
      <c r="EZ40" s="303">
        <v>0</v>
      </c>
      <c r="FA40" s="304">
        <v>0</v>
      </c>
      <c r="FB40" s="305">
        <v>0</v>
      </c>
      <c r="FC40" s="309"/>
      <c r="FD40" s="304">
        <v>0</v>
      </c>
      <c r="FE40" s="304">
        <v>0</v>
      </c>
      <c r="FF40" s="304">
        <v>0</v>
      </c>
      <c r="FG40" s="304">
        <v>0</v>
      </c>
      <c r="FH40" s="304">
        <v>0</v>
      </c>
      <c r="FI40" s="307">
        <v>0</v>
      </c>
      <c r="FJ40" s="308">
        <v>0</v>
      </c>
      <c r="FK40" s="303">
        <v>0</v>
      </c>
      <c r="FL40" s="304">
        <v>0</v>
      </c>
      <c r="FM40" s="305">
        <v>0</v>
      </c>
      <c r="FN40" s="309"/>
      <c r="FO40" s="304">
        <v>0</v>
      </c>
      <c r="FP40" s="304">
        <v>0</v>
      </c>
      <c r="FQ40" s="304">
        <v>0</v>
      </c>
      <c r="FR40" s="304">
        <v>0</v>
      </c>
      <c r="FS40" s="304">
        <v>0</v>
      </c>
      <c r="FT40" s="307">
        <v>0</v>
      </c>
      <c r="FU40" s="308">
        <v>0</v>
      </c>
      <c r="FV40" s="303">
        <v>0</v>
      </c>
      <c r="FW40" s="304">
        <v>0</v>
      </c>
      <c r="FX40" s="305">
        <v>0</v>
      </c>
      <c r="FY40" s="306">
        <v>0</v>
      </c>
      <c r="FZ40" s="304">
        <v>0</v>
      </c>
      <c r="GA40" s="304">
        <v>1053</v>
      </c>
      <c r="GB40" s="304">
        <v>5335</v>
      </c>
      <c r="GC40" s="304">
        <v>0</v>
      </c>
      <c r="GD40" s="304">
        <v>0</v>
      </c>
      <c r="GE40" s="307">
        <v>6388</v>
      </c>
      <c r="GF40" s="308">
        <v>6388</v>
      </c>
      <c r="GG40" s="303">
        <v>0</v>
      </c>
      <c r="GH40" s="304">
        <v>0</v>
      </c>
      <c r="GI40" s="305">
        <v>0</v>
      </c>
      <c r="GJ40" s="306">
        <v>0</v>
      </c>
      <c r="GK40" s="304">
        <v>0</v>
      </c>
      <c r="GL40" s="304">
        <v>0</v>
      </c>
      <c r="GM40" s="304">
        <v>77</v>
      </c>
      <c r="GN40" s="304">
        <v>0</v>
      </c>
      <c r="GO40" s="304">
        <v>0</v>
      </c>
      <c r="GP40" s="307">
        <v>77</v>
      </c>
      <c r="GQ40" s="308">
        <v>77</v>
      </c>
      <c r="GR40" s="303">
        <v>0</v>
      </c>
      <c r="GS40" s="304">
        <v>0</v>
      </c>
      <c r="GT40" s="305">
        <v>0</v>
      </c>
      <c r="GU40" s="306">
        <v>0</v>
      </c>
      <c r="GV40" s="304">
        <v>0</v>
      </c>
      <c r="GW40" s="304">
        <v>0</v>
      </c>
      <c r="GX40" s="304">
        <v>0</v>
      </c>
      <c r="GY40" s="304">
        <v>0</v>
      </c>
      <c r="GZ40" s="304">
        <v>0</v>
      </c>
      <c r="HA40" s="307">
        <v>0</v>
      </c>
      <c r="HB40" s="308">
        <v>0</v>
      </c>
      <c r="HC40" s="303">
        <v>0</v>
      </c>
      <c r="HD40" s="304">
        <v>0</v>
      </c>
      <c r="HE40" s="305">
        <v>0</v>
      </c>
      <c r="HF40" s="309"/>
      <c r="HG40" s="304">
        <v>0</v>
      </c>
      <c r="HH40" s="304">
        <v>0</v>
      </c>
      <c r="HI40" s="304">
        <v>0</v>
      </c>
      <c r="HJ40" s="304">
        <v>0</v>
      </c>
      <c r="HK40" s="304">
        <v>0</v>
      </c>
      <c r="HL40" s="307">
        <v>0</v>
      </c>
      <c r="HM40" s="308">
        <v>0</v>
      </c>
      <c r="HN40" s="303">
        <v>0</v>
      </c>
      <c r="HO40" s="304">
        <v>0</v>
      </c>
      <c r="HP40" s="305">
        <v>0</v>
      </c>
      <c r="HQ40" s="306">
        <v>0</v>
      </c>
      <c r="HR40" s="304">
        <v>0</v>
      </c>
      <c r="HS40" s="304">
        <v>4068</v>
      </c>
      <c r="HT40" s="304">
        <v>127542</v>
      </c>
      <c r="HU40" s="304">
        <v>87090</v>
      </c>
      <c r="HV40" s="304">
        <v>63300</v>
      </c>
      <c r="HW40" s="307">
        <v>282000</v>
      </c>
      <c r="HX40" s="308">
        <v>282000</v>
      </c>
    </row>
    <row r="41" spans="1:232" x14ac:dyDescent="0.2">
      <c r="A41" s="1" t="s">
        <v>84</v>
      </c>
    </row>
  </sheetData>
  <mergeCells count="88">
    <mergeCell ref="HX5:HX6"/>
    <mergeCell ref="GF5:GF6"/>
    <mergeCell ref="GG5:GI5"/>
    <mergeCell ref="GJ5:GP5"/>
    <mergeCell ref="GQ5:GQ6"/>
    <mergeCell ref="GR5:GT5"/>
    <mergeCell ref="GU5:HA5"/>
    <mergeCell ref="HC5:HE5"/>
    <mergeCell ref="HF5:HL5"/>
    <mergeCell ref="HM5:HM6"/>
    <mergeCell ref="FC5:FI5"/>
    <mergeCell ref="FJ5:FJ6"/>
    <mergeCell ref="HB5:HB6"/>
    <mergeCell ref="HN5:HP5"/>
    <mergeCell ref="HQ5:HW5"/>
    <mergeCell ref="CW5:CY5"/>
    <mergeCell ref="CZ5:DF5"/>
    <mergeCell ref="DG5:DG6"/>
    <mergeCell ref="FY5:GE5"/>
    <mergeCell ref="EC5:EC6"/>
    <mergeCell ref="ED5:EF5"/>
    <mergeCell ref="EG5:EM5"/>
    <mergeCell ref="EN5:EN6"/>
    <mergeCell ref="EO5:EQ5"/>
    <mergeCell ref="ER5:EX5"/>
    <mergeCell ref="EY5:EY6"/>
    <mergeCell ref="FK5:FM5"/>
    <mergeCell ref="FN5:FT5"/>
    <mergeCell ref="FU5:FU6"/>
    <mergeCell ref="FV5:FX5"/>
    <mergeCell ref="EZ5:FB5"/>
    <mergeCell ref="BP5:BR5"/>
    <mergeCell ref="AT5:AV5"/>
    <mergeCell ref="AW5:BC5"/>
    <mergeCell ref="BD5:BD6"/>
    <mergeCell ref="DV5:EB5"/>
    <mergeCell ref="BZ5:BZ6"/>
    <mergeCell ref="CA5:CC5"/>
    <mergeCell ref="CD5:CJ5"/>
    <mergeCell ref="CK5:CK6"/>
    <mergeCell ref="CL5:CN5"/>
    <mergeCell ref="CO5:CU5"/>
    <mergeCell ref="CV5:CV6"/>
    <mergeCell ref="DH5:DJ5"/>
    <mergeCell ref="DK5:DQ5"/>
    <mergeCell ref="DR5:DR6"/>
    <mergeCell ref="DS5:DU5"/>
    <mergeCell ref="F1:G1"/>
    <mergeCell ref="A3:A6"/>
    <mergeCell ref="BP4:BZ4"/>
    <mergeCell ref="CA4:CK4"/>
    <mergeCell ref="CL4:CV4"/>
    <mergeCell ref="BS5:BY5"/>
    <mergeCell ref="W5:W6"/>
    <mergeCell ref="X5:Z5"/>
    <mergeCell ref="AA5:AG5"/>
    <mergeCell ref="AH5:AH6"/>
    <mergeCell ref="AI5:AK5"/>
    <mergeCell ref="AL5:AR5"/>
    <mergeCell ref="AS5:AS6"/>
    <mergeCell ref="BE5:BG5"/>
    <mergeCell ref="BH5:BN5"/>
    <mergeCell ref="BO5:BO6"/>
    <mergeCell ref="B5:D5"/>
    <mergeCell ref="E5:K5"/>
    <mergeCell ref="L5:L6"/>
    <mergeCell ref="M5:O5"/>
    <mergeCell ref="P5:V5"/>
    <mergeCell ref="CW4:DG4"/>
    <mergeCell ref="B3:DG3"/>
    <mergeCell ref="EZ4:FJ4"/>
    <mergeCell ref="DH4:DR4"/>
    <mergeCell ref="DS4:EC4"/>
    <mergeCell ref="B4:L4"/>
    <mergeCell ref="M4:W4"/>
    <mergeCell ref="X4:AH4"/>
    <mergeCell ref="AI4:AS4"/>
    <mergeCell ref="BE4:BO4"/>
    <mergeCell ref="AT4:BD4"/>
    <mergeCell ref="HC4:HM4"/>
    <mergeCell ref="DH3:HM3"/>
    <mergeCell ref="EO4:EY4"/>
    <mergeCell ref="FK4:FU4"/>
    <mergeCell ref="HN3:HX4"/>
    <mergeCell ref="ED4:EN4"/>
    <mergeCell ref="FV4:GF4"/>
    <mergeCell ref="GG4:GQ4"/>
    <mergeCell ref="GR4:HB4"/>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3" max="1048575" man="1"/>
    <brk id="56" max="1048575" man="1"/>
    <brk id="78" max="1048575" man="1"/>
    <brk id="111" max="1048575" man="1"/>
    <brk id="133" max="1048575" man="1"/>
    <brk id="166" max="1048575" man="1"/>
    <brk id="188" max="1048575" man="1"/>
    <brk id="221"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21</v>
      </c>
      <c r="E1" s="523">
        <f>第１表!F2</f>
        <v>4</v>
      </c>
      <c r="F1" s="523"/>
      <c r="G1" s="248">
        <f>第１表!G2</f>
        <v>6</v>
      </c>
      <c r="H1" s="505">
        <f>G1</f>
        <v>6</v>
      </c>
      <c r="I1" s="505"/>
    </row>
    <row r="2" spans="1:298" ht="16.5" customHeight="1" thickBot="1" x14ac:dyDescent="0.25">
      <c r="A2" s="20" t="s">
        <v>132</v>
      </c>
    </row>
    <row r="3" spans="1:298" ht="22.5" customHeight="1" thickBot="1" x14ac:dyDescent="0.25">
      <c r="A3" s="506" t="s">
        <v>38</v>
      </c>
      <c r="B3" s="518" t="s">
        <v>96</v>
      </c>
      <c r="C3" s="518"/>
      <c r="D3" s="518"/>
      <c r="E3" s="518"/>
      <c r="F3" s="518"/>
      <c r="G3" s="518"/>
      <c r="H3" s="518"/>
      <c r="I3" s="518"/>
      <c r="J3" s="518"/>
      <c r="K3" s="518"/>
      <c r="L3" s="518"/>
      <c r="M3" s="518"/>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9"/>
      <c r="CW3" s="518" t="s">
        <v>103</v>
      </c>
      <c r="CX3" s="518"/>
      <c r="CY3" s="518"/>
      <c r="CZ3" s="518"/>
      <c r="DA3" s="518"/>
      <c r="DB3" s="518"/>
      <c r="DC3" s="518"/>
      <c r="DD3" s="518"/>
      <c r="DE3" s="518"/>
      <c r="DF3" s="518"/>
      <c r="DG3" s="518"/>
      <c r="DH3" s="518"/>
      <c r="DI3" s="518"/>
      <c r="DJ3" s="518"/>
      <c r="DK3" s="518"/>
      <c r="DL3" s="518"/>
      <c r="DM3" s="518"/>
      <c r="DN3" s="518"/>
      <c r="DO3" s="518"/>
      <c r="DP3" s="518"/>
      <c r="DQ3" s="518"/>
      <c r="DR3" s="518"/>
      <c r="DS3" s="518"/>
      <c r="DT3" s="518"/>
      <c r="DU3" s="518"/>
      <c r="DV3" s="518"/>
      <c r="DW3" s="518"/>
      <c r="DX3" s="518"/>
      <c r="DY3" s="518"/>
      <c r="DZ3" s="518"/>
      <c r="EA3" s="518"/>
      <c r="EB3" s="518"/>
      <c r="EC3" s="518"/>
      <c r="ED3" s="518"/>
      <c r="EE3" s="518"/>
      <c r="EF3" s="518"/>
      <c r="EG3" s="518"/>
      <c r="EH3" s="518"/>
      <c r="EI3" s="518"/>
      <c r="EJ3" s="518"/>
      <c r="EK3" s="518"/>
      <c r="EL3" s="518"/>
      <c r="EM3" s="518"/>
      <c r="EN3" s="518"/>
      <c r="EO3" s="518"/>
      <c r="EP3" s="518"/>
      <c r="EQ3" s="518"/>
      <c r="ER3" s="518"/>
      <c r="ES3" s="518"/>
      <c r="ET3" s="518"/>
      <c r="EU3" s="518"/>
      <c r="EV3" s="518"/>
      <c r="EW3" s="518"/>
      <c r="EX3" s="518"/>
      <c r="EY3" s="518"/>
      <c r="EZ3" s="518"/>
      <c r="FA3" s="518"/>
      <c r="FB3" s="518"/>
      <c r="FC3" s="518"/>
      <c r="FD3" s="518"/>
      <c r="FE3" s="518"/>
      <c r="FF3" s="518"/>
      <c r="FG3" s="518"/>
      <c r="FH3" s="518"/>
      <c r="FI3" s="518"/>
      <c r="FJ3" s="518"/>
      <c r="FK3" s="518"/>
      <c r="FL3" s="518"/>
      <c r="FM3" s="518"/>
      <c r="FN3" s="518"/>
      <c r="FO3" s="518"/>
      <c r="FP3" s="518"/>
      <c r="FQ3" s="518"/>
      <c r="FR3" s="518"/>
      <c r="FS3" s="518"/>
      <c r="FT3" s="518"/>
      <c r="FU3" s="518"/>
      <c r="FV3" s="518"/>
      <c r="FW3" s="518"/>
      <c r="FX3" s="518"/>
      <c r="FY3" s="518"/>
      <c r="FZ3" s="518"/>
      <c r="GA3" s="518"/>
      <c r="GB3" s="518"/>
      <c r="GC3" s="518"/>
      <c r="GD3" s="518"/>
      <c r="GE3" s="518"/>
      <c r="GF3" s="518"/>
      <c r="GG3" s="518"/>
      <c r="GH3" s="518"/>
      <c r="GI3" s="518"/>
      <c r="GJ3" s="518"/>
      <c r="GK3" s="518"/>
      <c r="GL3" s="518"/>
      <c r="GM3" s="518"/>
      <c r="GN3" s="518"/>
      <c r="GO3" s="518"/>
      <c r="GP3" s="518"/>
      <c r="GQ3" s="519"/>
      <c r="GR3" s="518" t="s">
        <v>104</v>
      </c>
      <c r="GS3" s="518"/>
      <c r="GT3" s="518"/>
      <c r="GU3" s="518"/>
      <c r="GV3" s="518"/>
      <c r="GW3" s="518"/>
      <c r="GX3" s="518"/>
      <c r="GY3" s="518"/>
      <c r="GZ3" s="518"/>
      <c r="HA3" s="518"/>
      <c r="HB3" s="518"/>
      <c r="HC3" s="518"/>
      <c r="HD3" s="518"/>
      <c r="HE3" s="518"/>
      <c r="HF3" s="518"/>
      <c r="HG3" s="518"/>
      <c r="HH3" s="518"/>
      <c r="HI3" s="518"/>
      <c r="HJ3" s="518"/>
      <c r="HK3" s="518"/>
      <c r="HL3" s="518"/>
      <c r="HM3" s="518"/>
      <c r="HN3" s="518"/>
      <c r="HO3" s="518"/>
      <c r="HP3" s="518"/>
      <c r="HQ3" s="518"/>
      <c r="HR3" s="518"/>
      <c r="HS3" s="518"/>
      <c r="HT3" s="518"/>
      <c r="HU3" s="518"/>
      <c r="HV3" s="518"/>
      <c r="HW3" s="518"/>
      <c r="HX3" s="518"/>
      <c r="HY3" s="518"/>
      <c r="HZ3" s="518"/>
      <c r="IA3" s="518"/>
      <c r="IB3" s="518"/>
      <c r="IC3" s="518"/>
      <c r="ID3" s="518"/>
      <c r="IE3" s="518"/>
      <c r="IF3" s="518"/>
      <c r="IG3" s="518"/>
      <c r="IH3" s="518"/>
      <c r="II3" s="518"/>
      <c r="IJ3" s="518"/>
      <c r="IK3" s="518"/>
      <c r="IL3" s="518"/>
      <c r="IM3" s="518"/>
      <c r="IN3" s="518"/>
      <c r="IO3" s="518"/>
      <c r="IP3" s="518"/>
      <c r="IQ3" s="518"/>
      <c r="IR3" s="518"/>
      <c r="IS3" s="518"/>
      <c r="IT3" s="518"/>
      <c r="IU3" s="518"/>
      <c r="IV3" s="518"/>
      <c r="IW3" s="518"/>
      <c r="IX3" s="518"/>
      <c r="IY3" s="518"/>
      <c r="IZ3" s="518"/>
      <c r="JA3" s="518"/>
      <c r="JB3" s="518"/>
      <c r="JC3" s="518"/>
      <c r="JD3" s="518"/>
      <c r="JE3" s="518"/>
      <c r="JF3" s="518"/>
      <c r="JG3" s="518"/>
      <c r="JH3" s="518"/>
      <c r="JI3" s="518"/>
      <c r="JJ3" s="518"/>
      <c r="JK3" s="518"/>
      <c r="JL3" s="518"/>
      <c r="JM3" s="518"/>
      <c r="JN3" s="518"/>
      <c r="JO3" s="518"/>
      <c r="JP3" s="518"/>
      <c r="JQ3" s="518"/>
      <c r="JR3" s="518"/>
      <c r="JS3" s="518"/>
      <c r="JT3" s="518"/>
      <c r="JU3" s="518"/>
      <c r="JV3" s="518"/>
      <c r="JW3" s="518"/>
      <c r="JX3" s="518"/>
      <c r="JY3" s="518"/>
      <c r="JZ3" s="518"/>
      <c r="KA3" s="518"/>
      <c r="KB3" s="518"/>
      <c r="KC3" s="518"/>
      <c r="KD3" s="518"/>
      <c r="KE3" s="518"/>
      <c r="KF3" s="518"/>
      <c r="KG3" s="518"/>
      <c r="KH3" s="518"/>
      <c r="KI3" s="518"/>
      <c r="KJ3" s="518"/>
      <c r="KK3" s="518"/>
      <c r="KL3" s="519"/>
    </row>
    <row r="4" spans="1:298" ht="27.75" customHeight="1" thickBot="1" x14ac:dyDescent="0.25">
      <c r="A4" s="524"/>
      <c r="B4" s="520" t="s">
        <v>39</v>
      </c>
      <c r="C4" s="521"/>
      <c r="D4" s="521"/>
      <c r="E4" s="521"/>
      <c r="F4" s="521"/>
      <c r="G4" s="521"/>
      <c r="H4" s="521"/>
      <c r="I4" s="521"/>
      <c r="J4" s="521"/>
      <c r="K4" s="521"/>
      <c r="L4" s="521"/>
      <c r="M4" s="521"/>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2"/>
      <c r="CA4" s="506" t="s">
        <v>40</v>
      </c>
      <c r="CB4" s="507"/>
      <c r="CC4" s="507"/>
      <c r="CD4" s="507"/>
      <c r="CE4" s="507"/>
      <c r="CF4" s="507"/>
      <c r="CG4" s="507"/>
      <c r="CH4" s="507"/>
      <c r="CI4" s="507"/>
      <c r="CJ4" s="507"/>
      <c r="CK4" s="508"/>
      <c r="CL4" s="506" t="s">
        <v>41</v>
      </c>
      <c r="CM4" s="507"/>
      <c r="CN4" s="507"/>
      <c r="CO4" s="507"/>
      <c r="CP4" s="507"/>
      <c r="CQ4" s="507"/>
      <c r="CR4" s="507"/>
      <c r="CS4" s="507"/>
      <c r="CT4" s="507"/>
      <c r="CU4" s="507"/>
      <c r="CV4" s="508"/>
      <c r="CW4" s="520" t="s">
        <v>39</v>
      </c>
      <c r="CX4" s="521"/>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2"/>
      <c r="FV4" s="506" t="s">
        <v>40</v>
      </c>
      <c r="FW4" s="507"/>
      <c r="FX4" s="507"/>
      <c r="FY4" s="507"/>
      <c r="FZ4" s="507"/>
      <c r="GA4" s="507"/>
      <c r="GB4" s="507"/>
      <c r="GC4" s="507"/>
      <c r="GD4" s="507"/>
      <c r="GE4" s="507"/>
      <c r="GF4" s="508"/>
      <c r="GG4" s="506" t="s">
        <v>41</v>
      </c>
      <c r="GH4" s="507"/>
      <c r="GI4" s="507"/>
      <c r="GJ4" s="507"/>
      <c r="GK4" s="507"/>
      <c r="GL4" s="507"/>
      <c r="GM4" s="507"/>
      <c r="GN4" s="507"/>
      <c r="GO4" s="507"/>
      <c r="GP4" s="507"/>
      <c r="GQ4" s="508"/>
      <c r="GR4" s="520" t="s">
        <v>39</v>
      </c>
      <c r="GS4" s="521"/>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1"/>
      <c r="HZ4" s="521"/>
      <c r="IA4" s="521"/>
      <c r="IB4" s="521"/>
      <c r="IC4" s="521"/>
      <c r="ID4" s="521"/>
      <c r="IE4" s="521"/>
      <c r="IF4" s="521"/>
      <c r="IG4" s="521"/>
      <c r="IH4" s="521"/>
      <c r="II4" s="521"/>
      <c r="IJ4" s="521"/>
      <c r="IK4" s="521"/>
      <c r="IL4" s="521"/>
      <c r="IM4" s="521"/>
      <c r="IN4" s="521"/>
      <c r="IO4" s="521"/>
      <c r="IP4" s="521"/>
      <c r="IQ4" s="521"/>
      <c r="IR4" s="521"/>
      <c r="IS4" s="521"/>
      <c r="IT4" s="521"/>
      <c r="IU4" s="521"/>
      <c r="IV4" s="521"/>
      <c r="IW4" s="521"/>
      <c r="IX4" s="521"/>
      <c r="IY4" s="521"/>
      <c r="IZ4" s="521"/>
      <c r="JA4" s="521"/>
      <c r="JB4" s="521"/>
      <c r="JC4" s="521"/>
      <c r="JD4" s="521"/>
      <c r="JE4" s="521"/>
      <c r="JF4" s="521"/>
      <c r="JG4" s="521"/>
      <c r="JH4" s="521"/>
      <c r="JI4" s="521"/>
      <c r="JJ4" s="521"/>
      <c r="JK4" s="521"/>
      <c r="JL4" s="521"/>
      <c r="JM4" s="521"/>
      <c r="JN4" s="521"/>
      <c r="JO4" s="521"/>
      <c r="JP4" s="522"/>
      <c r="JQ4" s="506" t="s">
        <v>40</v>
      </c>
      <c r="JR4" s="507"/>
      <c r="JS4" s="507"/>
      <c r="JT4" s="507"/>
      <c r="JU4" s="507"/>
      <c r="JV4" s="507"/>
      <c r="JW4" s="507"/>
      <c r="JX4" s="507"/>
      <c r="JY4" s="507"/>
      <c r="JZ4" s="507"/>
      <c r="KA4" s="508"/>
      <c r="KB4" s="506" t="s">
        <v>41</v>
      </c>
      <c r="KC4" s="507"/>
      <c r="KD4" s="507"/>
      <c r="KE4" s="507"/>
      <c r="KF4" s="507"/>
      <c r="KG4" s="507"/>
      <c r="KH4" s="507"/>
      <c r="KI4" s="507"/>
      <c r="KJ4" s="507"/>
      <c r="KK4" s="507"/>
      <c r="KL4" s="508"/>
    </row>
    <row r="5" spans="1:298" ht="27.75" customHeight="1" thickBot="1" x14ac:dyDescent="0.25">
      <c r="A5" s="512"/>
      <c r="B5" s="512"/>
      <c r="C5" s="513"/>
      <c r="D5" s="513"/>
      <c r="E5" s="513"/>
      <c r="F5" s="513"/>
      <c r="G5" s="513"/>
      <c r="H5" s="513"/>
      <c r="I5" s="513"/>
      <c r="J5" s="513"/>
      <c r="K5" s="513"/>
      <c r="L5" s="514"/>
      <c r="M5" s="515" t="s">
        <v>97</v>
      </c>
      <c r="N5" s="516"/>
      <c r="O5" s="516"/>
      <c r="P5" s="516"/>
      <c r="Q5" s="516"/>
      <c r="R5" s="516"/>
      <c r="S5" s="516"/>
      <c r="T5" s="516"/>
      <c r="U5" s="516"/>
      <c r="V5" s="516"/>
      <c r="W5" s="517"/>
      <c r="X5" s="515" t="s">
        <v>98</v>
      </c>
      <c r="Y5" s="516"/>
      <c r="Z5" s="516"/>
      <c r="AA5" s="516"/>
      <c r="AB5" s="516"/>
      <c r="AC5" s="516"/>
      <c r="AD5" s="516"/>
      <c r="AE5" s="516"/>
      <c r="AF5" s="516"/>
      <c r="AG5" s="516"/>
      <c r="AH5" s="517"/>
      <c r="AI5" s="515" t="s">
        <v>99</v>
      </c>
      <c r="AJ5" s="516"/>
      <c r="AK5" s="516"/>
      <c r="AL5" s="516"/>
      <c r="AM5" s="516"/>
      <c r="AN5" s="516"/>
      <c r="AO5" s="516"/>
      <c r="AP5" s="516"/>
      <c r="AQ5" s="516"/>
      <c r="AR5" s="516"/>
      <c r="AS5" s="517"/>
      <c r="AT5" s="515" t="s">
        <v>100</v>
      </c>
      <c r="AU5" s="516"/>
      <c r="AV5" s="516"/>
      <c r="AW5" s="516"/>
      <c r="AX5" s="516"/>
      <c r="AY5" s="516"/>
      <c r="AZ5" s="516"/>
      <c r="BA5" s="516"/>
      <c r="BB5" s="516"/>
      <c r="BC5" s="516"/>
      <c r="BD5" s="517"/>
      <c r="BE5" s="515" t="s">
        <v>101</v>
      </c>
      <c r="BF5" s="516"/>
      <c r="BG5" s="516"/>
      <c r="BH5" s="516"/>
      <c r="BI5" s="516"/>
      <c r="BJ5" s="516"/>
      <c r="BK5" s="516"/>
      <c r="BL5" s="516"/>
      <c r="BM5" s="516"/>
      <c r="BN5" s="516"/>
      <c r="BO5" s="517"/>
      <c r="BP5" s="515" t="s">
        <v>102</v>
      </c>
      <c r="BQ5" s="516"/>
      <c r="BR5" s="516"/>
      <c r="BS5" s="516"/>
      <c r="BT5" s="516"/>
      <c r="BU5" s="516"/>
      <c r="BV5" s="516"/>
      <c r="BW5" s="516"/>
      <c r="BX5" s="516"/>
      <c r="BY5" s="516"/>
      <c r="BZ5" s="517"/>
      <c r="CA5" s="509"/>
      <c r="CB5" s="510"/>
      <c r="CC5" s="510"/>
      <c r="CD5" s="510"/>
      <c r="CE5" s="510"/>
      <c r="CF5" s="510"/>
      <c r="CG5" s="510"/>
      <c r="CH5" s="510"/>
      <c r="CI5" s="510"/>
      <c r="CJ5" s="510"/>
      <c r="CK5" s="511"/>
      <c r="CL5" s="509"/>
      <c r="CM5" s="510"/>
      <c r="CN5" s="510"/>
      <c r="CO5" s="510"/>
      <c r="CP5" s="510"/>
      <c r="CQ5" s="510"/>
      <c r="CR5" s="510"/>
      <c r="CS5" s="510"/>
      <c r="CT5" s="510"/>
      <c r="CU5" s="510"/>
      <c r="CV5" s="511"/>
      <c r="CW5" s="512"/>
      <c r="CX5" s="513"/>
      <c r="CY5" s="513"/>
      <c r="CZ5" s="513"/>
      <c r="DA5" s="513"/>
      <c r="DB5" s="513"/>
      <c r="DC5" s="513"/>
      <c r="DD5" s="513"/>
      <c r="DE5" s="513"/>
      <c r="DF5" s="513"/>
      <c r="DG5" s="514"/>
      <c r="DH5" s="515" t="s">
        <v>97</v>
      </c>
      <c r="DI5" s="516"/>
      <c r="DJ5" s="516"/>
      <c r="DK5" s="516"/>
      <c r="DL5" s="516"/>
      <c r="DM5" s="516"/>
      <c r="DN5" s="516"/>
      <c r="DO5" s="516"/>
      <c r="DP5" s="516"/>
      <c r="DQ5" s="516"/>
      <c r="DR5" s="517"/>
      <c r="DS5" s="515" t="s">
        <v>98</v>
      </c>
      <c r="DT5" s="516"/>
      <c r="DU5" s="516"/>
      <c r="DV5" s="516"/>
      <c r="DW5" s="516"/>
      <c r="DX5" s="516"/>
      <c r="DY5" s="516"/>
      <c r="DZ5" s="516"/>
      <c r="EA5" s="516"/>
      <c r="EB5" s="516"/>
      <c r="EC5" s="517"/>
      <c r="ED5" s="515" t="s">
        <v>99</v>
      </c>
      <c r="EE5" s="516"/>
      <c r="EF5" s="516"/>
      <c r="EG5" s="516"/>
      <c r="EH5" s="516"/>
      <c r="EI5" s="516"/>
      <c r="EJ5" s="516"/>
      <c r="EK5" s="516"/>
      <c r="EL5" s="516"/>
      <c r="EM5" s="516"/>
      <c r="EN5" s="517"/>
      <c r="EO5" s="515" t="s">
        <v>100</v>
      </c>
      <c r="EP5" s="516"/>
      <c r="EQ5" s="516"/>
      <c r="ER5" s="516"/>
      <c r="ES5" s="516"/>
      <c r="ET5" s="516"/>
      <c r="EU5" s="516"/>
      <c r="EV5" s="516"/>
      <c r="EW5" s="516"/>
      <c r="EX5" s="516"/>
      <c r="EY5" s="517"/>
      <c r="EZ5" s="515" t="s">
        <v>101</v>
      </c>
      <c r="FA5" s="516"/>
      <c r="FB5" s="516"/>
      <c r="FC5" s="516"/>
      <c r="FD5" s="516"/>
      <c r="FE5" s="516"/>
      <c r="FF5" s="516"/>
      <c r="FG5" s="516"/>
      <c r="FH5" s="516"/>
      <c r="FI5" s="516"/>
      <c r="FJ5" s="517"/>
      <c r="FK5" s="515" t="s">
        <v>102</v>
      </c>
      <c r="FL5" s="516"/>
      <c r="FM5" s="516"/>
      <c r="FN5" s="516"/>
      <c r="FO5" s="516"/>
      <c r="FP5" s="516"/>
      <c r="FQ5" s="516"/>
      <c r="FR5" s="516"/>
      <c r="FS5" s="516"/>
      <c r="FT5" s="516"/>
      <c r="FU5" s="517"/>
      <c r="FV5" s="509"/>
      <c r="FW5" s="510"/>
      <c r="FX5" s="510"/>
      <c r="FY5" s="510"/>
      <c r="FZ5" s="510"/>
      <c r="GA5" s="510"/>
      <c r="GB5" s="510"/>
      <c r="GC5" s="510"/>
      <c r="GD5" s="510"/>
      <c r="GE5" s="510"/>
      <c r="GF5" s="511"/>
      <c r="GG5" s="509"/>
      <c r="GH5" s="510"/>
      <c r="GI5" s="510"/>
      <c r="GJ5" s="510"/>
      <c r="GK5" s="510"/>
      <c r="GL5" s="510"/>
      <c r="GM5" s="510"/>
      <c r="GN5" s="510"/>
      <c r="GO5" s="510"/>
      <c r="GP5" s="510"/>
      <c r="GQ5" s="511"/>
      <c r="GR5" s="512"/>
      <c r="GS5" s="513"/>
      <c r="GT5" s="513"/>
      <c r="GU5" s="513"/>
      <c r="GV5" s="513"/>
      <c r="GW5" s="513"/>
      <c r="GX5" s="513"/>
      <c r="GY5" s="513"/>
      <c r="GZ5" s="513"/>
      <c r="HA5" s="513"/>
      <c r="HB5" s="514"/>
      <c r="HC5" s="515" t="s">
        <v>97</v>
      </c>
      <c r="HD5" s="516"/>
      <c r="HE5" s="516"/>
      <c r="HF5" s="516"/>
      <c r="HG5" s="516"/>
      <c r="HH5" s="516"/>
      <c r="HI5" s="516"/>
      <c r="HJ5" s="516"/>
      <c r="HK5" s="516"/>
      <c r="HL5" s="516"/>
      <c r="HM5" s="517"/>
      <c r="HN5" s="515" t="s">
        <v>98</v>
      </c>
      <c r="HO5" s="516"/>
      <c r="HP5" s="516"/>
      <c r="HQ5" s="516"/>
      <c r="HR5" s="516"/>
      <c r="HS5" s="516"/>
      <c r="HT5" s="516"/>
      <c r="HU5" s="516"/>
      <c r="HV5" s="516"/>
      <c r="HW5" s="516"/>
      <c r="HX5" s="517"/>
      <c r="HY5" s="515" t="s">
        <v>99</v>
      </c>
      <c r="HZ5" s="516"/>
      <c r="IA5" s="516"/>
      <c r="IB5" s="516"/>
      <c r="IC5" s="516"/>
      <c r="ID5" s="516"/>
      <c r="IE5" s="516"/>
      <c r="IF5" s="516"/>
      <c r="IG5" s="516"/>
      <c r="IH5" s="516"/>
      <c r="II5" s="517"/>
      <c r="IJ5" s="515" t="s">
        <v>100</v>
      </c>
      <c r="IK5" s="516"/>
      <c r="IL5" s="516"/>
      <c r="IM5" s="516"/>
      <c r="IN5" s="516"/>
      <c r="IO5" s="516"/>
      <c r="IP5" s="516"/>
      <c r="IQ5" s="516"/>
      <c r="IR5" s="516"/>
      <c r="IS5" s="516"/>
      <c r="IT5" s="517"/>
      <c r="IU5" s="515" t="s">
        <v>101</v>
      </c>
      <c r="IV5" s="516"/>
      <c r="IW5" s="516"/>
      <c r="IX5" s="516"/>
      <c r="IY5" s="516"/>
      <c r="IZ5" s="516"/>
      <c r="JA5" s="516"/>
      <c r="JB5" s="516"/>
      <c r="JC5" s="516"/>
      <c r="JD5" s="516"/>
      <c r="JE5" s="517"/>
      <c r="JF5" s="515" t="s">
        <v>102</v>
      </c>
      <c r="JG5" s="516"/>
      <c r="JH5" s="516"/>
      <c r="JI5" s="516"/>
      <c r="JJ5" s="516"/>
      <c r="JK5" s="516"/>
      <c r="JL5" s="516"/>
      <c r="JM5" s="516"/>
      <c r="JN5" s="516"/>
      <c r="JO5" s="516"/>
      <c r="JP5" s="517"/>
      <c r="JQ5" s="509"/>
      <c r="JR5" s="510"/>
      <c r="JS5" s="510"/>
      <c r="JT5" s="510"/>
      <c r="JU5" s="510"/>
      <c r="JV5" s="510"/>
      <c r="JW5" s="510"/>
      <c r="JX5" s="510"/>
      <c r="JY5" s="510"/>
      <c r="JZ5" s="510"/>
      <c r="KA5" s="511"/>
      <c r="KB5" s="509"/>
      <c r="KC5" s="510"/>
      <c r="KD5" s="510"/>
      <c r="KE5" s="510"/>
      <c r="KF5" s="510"/>
      <c r="KG5" s="510"/>
      <c r="KH5" s="510"/>
      <c r="KI5" s="510"/>
      <c r="KJ5" s="510"/>
      <c r="KK5" s="510"/>
      <c r="KL5" s="511"/>
    </row>
    <row r="6" spans="1:298" ht="44.25" customHeight="1" thickBot="1" x14ac:dyDescent="0.25">
      <c r="A6" s="318" t="s">
        <v>42</v>
      </c>
      <c r="B6" s="51" t="s">
        <v>43</v>
      </c>
      <c r="C6" s="47" t="s">
        <v>44</v>
      </c>
      <c r="D6" s="48" t="s">
        <v>45</v>
      </c>
      <c r="E6" s="52" t="s">
        <v>46</v>
      </c>
      <c r="F6" s="47" t="s">
        <v>47</v>
      </c>
      <c r="G6" s="47" t="s">
        <v>48</v>
      </c>
      <c r="H6" s="47" t="s">
        <v>49</v>
      </c>
      <c r="I6" s="47" t="s">
        <v>50</v>
      </c>
      <c r="J6" s="47" t="s">
        <v>51</v>
      </c>
      <c r="K6" s="48" t="s">
        <v>45</v>
      </c>
      <c r="L6" s="53" t="s">
        <v>52</v>
      </c>
      <c r="M6" s="357" t="s">
        <v>43</v>
      </c>
      <c r="N6" s="358" t="s">
        <v>44</v>
      </c>
      <c r="O6" s="359" t="s">
        <v>45</v>
      </c>
      <c r="P6" s="360" t="s">
        <v>46</v>
      </c>
      <c r="Q6" s="358" t="s">
        <v>47</v>
      </c>
      <c r="R6" s="358" t="s">
        <v>48</v>
      </c>
      <c r="S6" s="358" t="s">
        <v>49</v>
      </c>
      <c r="T6" s="358" t="s">
        <v>50</v>
      </c>
      <c r="U6" s="358" t="s">
        <v>51</v>
      </c>
      <c r="V6" s="359" t="s">
        <v>45</v>
      </c>
      <c r="W6" s="356" t="s">
        <v>52</v>
      </c>
      <c r="X6" s="357" t="s">
        <v>43</v>
      </c>
      <c r="Y6" s="358" t="s">
        <v>44</v>
      </c>
      <c r="Z6" s="359" t="s">
        <v>45</v>
      </c>
      <c r="AA6" s="360" t="s">
        <v>46</v>
      </c>
      <c r="AB6" s="358" t="s">
        <v>47</v>
      </c>
      <c r="AC6" s="358" t="s">
        <v>48</v>
      </c>
      <c r="AD6" s="358" t="s">
        <v>49</v>
      </c>
      <c r="AE6" s="358" t="s">
        <v>50</v>
      </c>
      <c r="AF6" s="358" t="s">
        <v>51</v>
      </c>
      <c r="AG6" s="359" t="s">
        <v>45</v>
      </c>
      <c r="AH6" s="361" t="s">
        <v>52</v>
      </c>
      <c r="AI6" s="357" t="s">
        <v>43</v>
      </c>
      <c r="AJ6" s="358" t="s">
        <v>44</v>
      </c>
      <c r="AK6" s="359" t="s">
        <v>45</v>
      </c>
      <c r="AL6" s="360" t="s">
        <v>46</v>
      </c>
      <c r="AM6" s="358" t="s">
        <v>47</v>
      </c>
      <c r="AN6" s="358" t="s">
        <v>48</v>
      </c>
      <c r="AO6" s="358" t="s">
        <v>49</v>
      </c>
      <c r="AP6" s="358" t="s">
        <v>50</v>
      </c>
      <c r="AQ6" s="358" t="s">
        <v>51</v>
      </c>
      <c r="AR6" s="359" t="s">
        <v>45</v>
      </c>
      <c r="AS6" s="361" t="s">
        <v>52</v>
      </c>
      <c r="AT6" s="357" t="s">
        <v>43</v>
      </c>
      <c r="AU6" s="358" t="s">
        <v>44</v>
      </c>
      <c r="AV6" s="359" t="s">
        <v>45</v>
      </c>
      <c r="AW6" s="360" t="s">
        <v>46</v>
      </c>
      <c r="AX6" s="358" t="s">
        <v>47</v>
      </c>
      <c r="AY6" s="358" t="s">
        <v>48</v>
      </c>
      <c r="AZ6" s="358" t="s">
        <v>49</v>
      </c>
      <c r="BA6" s="358" t="s">
        <v>50</v>
      </c>
      <c r="BB6" s="358" t="s">
        <v>51</v>
      </c>
      <c r="BC6" s="359" t="s">
        <v>45</v>
      </c>
      <c r="BD6" s="361" t="s">
        <v>52</v>
      </c>
      <c r="BE6" s="357" t="s">
        <v>43</v>
      </c>
      <c r="BF6" s="358" t="s">
        <v>44</v>
      </c>
      <c r="BG6" s="359" t="s">
        <v>45</v>
      </c>
      <c r="BH6" s="360" t="s">
        <v>46</v>
      </c>
      <c r="BI6" s="358" t="s">
        <v>47</v>
      </c>
      <c r="BJ6" s="358" t="s">
        <v>48</v>
      </c>
      <c r="BK6" s="358" t="s">
        <v>49</v>
      </c>
      <c r="BL6" s="358" t="s">
        <v>50</v>
      </c>
      <c r="BM6" s="358" t="s">
        <v>51</v>
      </c>
      <c r="BN6" s="359" t="s">
        <v>45</v>
      </c>
      <c r="BO6" s="361" t="s">
        <v>52</v>
      </c>
      <c r="BP6" s="357" t="s">
        <v>43</v>
      </c>
      <c r="BQ6" s="358" t="s">
        <v>44</v>
      </c>
      <c r="BR6" s="359" t="s">
        <v>45</v>
      </c>
      <c r="BS6" s="360" t="s">
        <v>46</v>
      </c>
      <c r="BT6" s="358" t="s">
        <v>47</v>
      </c>
      <c r="BU6" s="358" t="s">
        <v>48</v>
      </c>
      <c r="BV6" s="358" t="s">
        <v>49</v>
      </c>
      <c r="BW6" s="358" t="s">
        <v>50</v>
      </c>
      <c r="BX6" s="358" t="s">
        <v>51</v>
      </c>
      <c r="BY6" s="359" t="s">
        <v>45</v>
      </c>
      <c r="BZ6" s="361" t="s">
        <v>52</v>
      </c>
      <c r="CA6" s="357" t="s">
        <v>43</v>
      </c>
      <c r="CB6" s="358" t="s">
        <v>44</v>
      </c>
      <c r="CC6" s="359" t="s">
        <v>45</v>
      </c>
      <c r="CD6" s="360" t="s">
        <v>46</v>
      </c>
      <c r="CE6" s="358" t="s">
        <v>47</v>
      </c>
      <c r="CF6" s="358" t="s">
        <v>48</v>
      </c>
      <c r="CG6" s="358" t="s">
        <v>49</v>
      </c>
      <c r="CH6" s="358" t="s">
        <v>50</v>
      </c>
      <c r="CI6" s="358" t="s">
        <v>51</v>
      </c>
      <c r="CJ6" s="359" t="s">
        <v>45</v>
      </c>
      <c r="CK6" s="361" t="s">
        <v>52</v>
      </c>
      <c r="CL6" s="357" t="s">
        <v>43</v>
      </c>
      <c r="CM6" s="358" t="s">
        <v>44</v>
      </c>
      <c r="CN6" s="359" t="s">
        <v>45</v>
      </c>
      <c r="CO6" s="360" t="s">
        <v>46</v>
      </c>
      <c r="CP6" s="358" t="s">
        <v>47</v>
      </c>
      <c r="CQ6" s="358" t="s">
        <v>48</v>
      </c>
      <c r="CR6" s="358" t="s">
        <v>49</v>
      </c>
      <c r="CS6" s="358" t="s">
        <v>50</v>
      </c>
      <c r="CT6" s="358" t="s">
        <v>51</v>
      </c>
      <c r="CU6" s="359" t="s">
        <v>45</v>
      </c>
      <c r="CV6" s="361" t="s">
        <v>52</v>
      </c>
      <c r="CW6" s="51" t="s">
        <v>43</v>
      </c>
      <c r="CX6" s="47" t="s">
        <v>44</v>
      </c>
      <c r="CY6" s="48" t="s">
        <v>45</v>
      </c>
      <c r="CZ6" s="52" t="s">
        <v>46</v>
      </c>
      <c r="DA6" s="47" t="s">
        <v>47</v>
      </c>
      <c r="DB6" s="47" t="s">
        <v>48</v>
      </c>
      <c r="DC6" s="47" t="s">
        <v>49</v>
      </c>
      <c r="DD6" s="47" t="s">
        <v>50</v>
      </c>
      <c r="DE6" s="47" t="s">
        <v>51</v>
      </c>
      <c r="DF6" s="48" t="s">
        <v>45</v>
      </c>
      <c r="DG6" s="53" t="s">
        <v>52</v>
      </c>
      <c r="DH6" s="357" t="s">
        <v>43</v>
      </c>
      <c r="DI6" s="358" t="s">
        <v>44</v>
      </c>
      <c r="DJ6" s="359" t="s">
        <v>45</v>
      </c>
      <c r="DK6" s="360" t="s">
        <v>46</v>
      </c>
      <c r="DL6" s="358" t="s">
        <v>47</v>
      </c>
      <c r="DM6" s="358" t="s">
        <v>48</v>
      </c>
      <c r="DN6" s="358" t="s">
        <v>49</v>
      </c>
      <c r="DO6" s="358" t="s">
        <v>50</v>
      </c>
      <c r="DP6" s="358" t="s">
        <v>51</v>
      </c>
      <c r="DQ6" s="359" t="s">
        <v>45</v>
      </c>
      <c r="DR6" s="361" t="s">
        <v>52</v>
      </c>
      <c r="DS6" s="357" t="s">
        <v>43</v>
      </c>
      <c r="DT6" s="358" t="s">
        <v>44</v>
      </c>
      <c r="DU6" s="359" t="s">
        <v>45</v>
      </c>
      <c r="DV6" s="360" t="s">
        <v>46</v>
      </c>
      <c r="DW6" s="358" t="s">
        <v>47</v>
      </c>
      <c r="DX6" s="358" t="s">
        <v>48</v>
      </c>
      <c r="DY6" s="358" t="s">
        <v>49</v>
      </c>
      <c r="DZ6" s="358" t="s">
        <v>50</v>
      </c>
      <c r="EA6" s="358" t="s">
        <v>51</v>
      </c>
      <c r="EB6" s="359" t="s">
        <v>45</v>
      </c>
      <c r="EC6" s="361" t="s">
        <v>52</v>
      </c>
      <c r="ED6" s="357" t="s">
        <v>43</v>
      </c>
      <c r="EE6" s="358" t="s">
        <v>44</v>
      </c>
      <c r="EF6" s="359" t="s">
        <v>45</v>
      </c>
      <c r="EG6" s="360" t="s">
        <v>46</v>
      </c>
      <c r="EH6" s="358" t="s">
        <v>47</v>
      </c>
      <c r="EI6" s="358" t="s">
        <v>48</v>
      </c>
      <c r="EJ6" s="358" t="s">
        <v>49</v>
      </c>
      <c r="EK6" s="358" t="s">
        <v>50</v>
      </c>
      <c r="EL6" s="358" t="s">
        <v>51</v>
      </c>
      <c r="EM6" s="359" t="s">
        <v>45</v>
      </c>
      <c r="EN6" s="361" t="s">
        <v>52</v>
      </c>
      <c r="EO6" s="357" t="s">
        <v>43</v>
      </c>
      <c r="EP6" s="358" t="s">
        <v>44</v>
      </c>
      <c r="EQ6" s="359" t="s">
        <v>45</v>
      </c>
      <c r="ER6" s="360" t="s">
        <v>46</v>
      </c>
      <c r="ES6" s="358" t="s">
        <v>47</v>
      </c>
      <c r="ET6" s="358" t="s">
        <v>48</v>
      </c>
      <c r="EU6" s="358" t="s">
        <v>49</v>
      </c>
      <c r="EV6" s="358" t="s">
        <v>50</v>
      </c>
      <c r="EW6" s="358" t="s">
        <v>51</v>
      </c>
      <c r="EX6" s="359" t="s">
        <v>45</v>
      </c>
      <c r="EY6" s="361" t="s">
        <v>52</v>
      </c>
      <c r="EZ6" s="357" t="s">
        <v>43</v>
      </c>
      <c r="FA6" s="358" t="s">
        <v>44</v>
      </c>
      <c r="FB6" s="359" t="s">
        <v>45</v>
      </c>
      <c r="FC6" s="360" t="s">
        <v>46</v>
      </c>
      <c r="FD6" s="358" t="s">
        <v>47</v>
      </c>
      <c r="FE6" s="358" t="s">
        <v>48</v>
      </c>
      <c r="FF6" s="358" t="s">
        <v>49</v>
      </c>
      <c r="FG6" s="358" t="s">
        <v>50</v>
      </c>
      <c r="FH6" s="358" t="s">
        <v>51</v>
      </c>
      <c r="FI6" s="359" t="s">
        <v>45</v>
      </c>
      <c r="FJ6" s="361" t="s">
        <v>52</v>
      </c>
      <c r="FK6" s="357" t="s">
        <v>43</v>
      </c>
      <c r="FL6" s="358" t="s">
        <v>44</v>
      </c>
      <c r="FM6" s="359" t="s">
        <v>45</v>
      </c>
      <c r="FN6" s="360" t="s">
        <v>46</v>
      </c>
      <c r="FO6" s="358" t="s">
        <v>47</v>
      </c>
      <c r="FP6" s="358" t="s">
        <v>48</v>
      </c>
      <c r="FQ6" s="358" t="s">
        <v>49</v>
      </c>
      <c r="FR6" s="358" t="s">
        <v>50</v>
      </c>
      <c r="FS6" s="358" t="s">
        <v>51</v>
      </c>
      <c r="FT6" s="359" t="s">
        <v>45</v>
      </c>
      <c r="FU6" s="361" t="s">
        <v>52</v>
      </c>
      <c r="FV6" s="357" t="s">
        <v>43</v>
      </c>
      <c r="FW6" s="358" t="s">
        <v>44</v>
      </c>
      <c r="FX6" s="359" t="s">
        <v>45</v>
      </c>
      <c r="FY6" s="360" t="s">
        <v>46</v>
      </c>
      <c r="FZ6" s="358" t="s">
        <v>47</v>
      </c>
      <c r="GA6" s="358" t="s">
        <v>48</v>
      </c>
      <c r="GB6" s="358" t="s">
        <v>49</v>
      </c>
      <c r="GC6" s="358" t="s">
        <v>50</v>
      </c>
      <c r="GD6" s="358" t="s">
        <v>51</v>
      </c>
      <c r="GE6" s="359" t="s">
        <v>45</v>
      </c>
      <c r="GF6" s="361" t="s">
        <v>52</v>
      </c>
      <c r="GG6" s="357" t="s">
        <v>43</v>
      </c>
      <c r="GH6" s="358" t="s">
        <v>44</v>
      </c>
      <c r="GI6" s="359" t="s">
        <v>45</v>
      </c>
      <c r="GJ6" s="360" t="s">
        <v>46</v>
      </c>
      <c r="GK6" s="358" t="s">
        <v>47</v>
      </c>
      <c r="GL6" s="358" t="s">
        <v>48</v>
      </c>
      <c r="GM6" s="358" t="s">
        <v>49</v>
      </c>
      <c r="GN6" s="358" t="s">
        <v>50</v>
      </c>
      <c r="GO6" s="358" t="s">
        <v>51</v>
      </c>
      <c r="GP6" s="359" t="s">
        <v>45</v>
      </c>
      <c r="GQ6" s="361" t="s">
        <v>52</v>
      </c>
      <c r="GR6" s="51" t="s">
        <v>43</v>
      </c>
      <c r="GS6" s="47" t="s">
        <v>44</v>
      </c>
      <c r="GT6" s="48" t="s">
        <v>45</v>
      </c>
      <c r="GU6" s="52" t="s">
        <v>46</v>
      </c>
      <c r="GV6" s="47" t="s">
        <v>47</v>
      </c>
      <c r="GW6" s="47" t="s">
        <v>48</v>
      </c>
      <c r="GX6" s="47" t="s">
        <v>49</v>
      </c>
      <c r="GY6" s="47" t="s">
        <v>50</v>
      </c>
      <c r="GZ6" s="47" t="s">
        <v>51</v>
      </c>
      <c r="HA6" s="48" t="s">
        <v>45</v>
      </c>
      <c r="HB6" s="53" t="s">
        <v>52</v>
      </c>
      <c r="HC6" s="357" t="s">
        <v>43</v>
      </c>
      <c r="HD6" s="358" t="s">
        <v>44</v>
      </c>
      <c r="HE6" s="359" t="s">
        <v>45</v>
      </c>
      <c r="HF6" s="360" t="s">
        <v>46</v>
      </c>
      <c r="HG6" s="358" t="s">
        <v>47</v>
      </c>
      <c r="HH6" s="358" t="s">
        <v>48</v>
      </c>
      <c r="HI6" s="358" t="s">
        <v>49</v>
      </c>
      <c r="HJ6" s="358" t="s">
        <v>50</v>
      </c>
      <c r="HK6" s="358" t="s">
        <v>51</v>
      </c>
      <c r="HL6" s="359" t="s">
        <v>45</v>
      </c>
      <c r="HM6" s="361" t="s">
        <v>52</v>
      </c>
      <c r="HN6" s="357" t="s">
        <v>43</v>
      </c>
      <c r="HO6" s="358" t="s">
        <v>44</v>
      </c>
      <c r="HP6" s="359" t="s">
        <v>45</v>
      </c>
      <c r="HQ6" s="360" t="s">
        <v>46</v>
      </c>
      <c r="HR6" s="358" t="s">
        <v>47</v>
      </c>
      <c r="HS6" s="358" t="s">
        <v>48</v>
      </c>
      <c r="HT6" s="358" t="s">
        <v>49</v>
      </c>
      <c r="HU6" s="358" t="s">
        <v>50</v>
      </c>
      <c r="HV6" s="358" t="s">
        <v>51</v>
      </c>
      <c r="HW6" s="359" t="s">
        <v>45</v>
      </c>
      <c r="HX6" s="361" t="s">
        <v>52</v>
      </c>
      <c r="HY6" s="357" t="s">
        <v>43</v>
      </c>
      <c r="HZ6" s="358" t="s">
        <v>44</v>
      </c>
      <c r="IA6" s="359" t="s">
        <v>45</v>
      </c>
      <c r="IB6" s="360" t="s">
        <v>46</v>
      </c>
      <c r="IC6" s="358" t="s">
        <v>47</v>
      </c>
      <c r="ID6" s="358" t="s">
        <v>48</v>
      </c>
      <c r="IE6" s="358" t="s">
        <v>49</v>
      </c>
      <c r="IF6" s="358" t="s">
        <v>50</v>
      </c>
      <c r="IG6" s="358" t="s">
        <v>51</v>
      </c>
      <c r="IH6" s="359" t="s">
        <v>45</v>
      </c>
      <c r="II6" s="361" t="s">
        <v>52</v>
      </c>
      <c r="IJ6" s="357" t="s">
        <v>43</v>
      </c>
      <c r="IK6" s="358" t="s">
        <v>44</v>
      </c>
      <c r="IL6" s="359" t="s">
        <v>45</v>
      </c>
      <c r="IM6" s="360" t="s">
        <v>46</v>
      </c>
      <c r="IN6" s="358" t="s">
        <v>47</v>
      </c>
      <c r="IO6" s="358" t="s">
        <v>48</v>
      </c>
      <c r="IP6" s="358" t="s">
        <v>49</v>
      </c>
      <c r="IQ6" s="358" t="s">
        <v>50</v>
      </c>
      <c r="IR6" s="358" t="s">
        <v>51</v>
      </c>
      <c r="IS6" s="359" t="s">
        <v>45</v>
      </c>
      <c r="IT6" s="361" t="s">
        <v>52</v>
      </c>
      <c r="IU6" s="357" t="s">
        <v>43</v>
      </c>
      <c r="IV6" s="358" t="s">
        <v>44</v>
      </c>
      <c r="IW6" s="359" t="s">
        <v>45</v>
      </c>
      <c r="IX6" s="360" t="s">
        <v>46</v>
      </c>
      <c r="IY6" s="358" t="s">
        <v>47</v>
      </c>
      <c r="IZ6" s="358" t="s">
        <v>48</v>
      </c>
      <c r="JA6" s="358" t="s">
        <v>49</v>
      </c>
      <c r="JB6" s="358" t="s">
        <v>50</v>
      </c>
      <c r="JC6" s="358" t="s">
        <v>51</v>
      </c>
      <c r="JD6" s="359" t="s">
        <v>45</v>
      </c>
      <c r="JE6" s="361" t="s">
        <v>52</v>
      </c>
      <c r="JF6" s="357" t="s">
        <v>43</v>
      </c>
      <c r="JG6" s="358" t="s">
        <v>44</v>
      </c>
      <c r="JH6" s="359" t="s">
        <v>45</v>
      </c>
      <c r="JI6" s="360" t="s">
        <v>46</v>
      </c>
      <c r="JJ6" s="358" t="s">
        <v>47</v>
      </c>
      <c r="JK6" s="358" t="s">
        <v>48</v>
      </c>
      <c r="JL6" s="358" t="s">
        <v>49</v>
      </c>
      <c r="JM6" s="358" t="s">
        <v>50</v>
      </c>
      <c r="JN6" s="358" t="s">
        <v>51</v>
      </c>
      <c r="JO6" s="359" t="s">
        <v>45</v>
      </c>
      <c r="JP6" s="361" t="s">
        <v>52</v>
      </c>
      <c r="JQ6" s="357" t="s">
        <v>43</v>
      </c>
      <c r="JR6" s="358" t="s">
        <v>44</v>
      </c>
      <c r="JS6" s="359" t="s">
        <v>45</v>
      </c>
      <c r="JT6" s="360" t="s">
        <v>46</v>
      </c>
      <c r="JU6" s="358" t="s">
        <v>47</v>
      </c>
      <c r="JV6" s="358" t="s">
        <v>48</v>
      </c>
      <c r="JW6" s="358" t="s">
        <v>49</v>
      </c>
      <c r="JX6" s="358" t="s">
        <v>50</v>
      </c>
      <c r="JY6" s="358" t="s">
        <v>51</v>
      </c>
      <c r="JZ6" s="359" t="s">
        <v>45</v>
      </c>
      <c r="KA6" s="361" t="s">
        <v>52</v>
      </c>
      <c r="KB6" s="357" t="s">
        <v>43</v>
      </c>
      <c r="KC6" s="358" t="s">
        <v>44</v>
      </c>
      <c r="KD6" s="359" t="s">
        <v>45</v>
      </c>
      <c r="KE6" s="360" t="s">
        <v>46</v>
      </c>
      <c r="KF6" s="358" t="s">
        <v>47</v>
      </c>
      <c r="KG6" s="358" t="s">
        <v>48</v>
      </c>
      <c r="KH6" s="358" t="s">
        <v>49</v>
      </c>
      <c r="KI6" s="358" t="s">
        <v>50</v>
      </c>
      <c r="KJ6" s="358" t="s">
        <v>51</v>
      </c>
      <c r="KK6" s="359" t="s">
        <v>45</v>
      </c>
      <c r="KL6" s="361" t="s">
        <v>52</v>
      </c>
    </row>
    <row r="7" spans="1:298" ht="19.5" customHeight="1" x14ac:dyDescent="0.2">
      <c r="A7" s="125" t="s">
        <v>4</v>
      </c>
      <c r="B7" s="315">
        <v>4421</v>
      </c>
      <c r="C7" s="78">
        <v>4011</v>
      </c>
      <c r="D7" s="79">
        <v>8432</v>
      </c>
      <c r="E7" s="240"/>
      <c r="F7" s="78">
        <v>5909</v>
      </c>
      <c r="G7" s="78">
        <v>5240</v>
      </c>
      <c r="H7" s="78">
        <v>3616</v>
      </c>
      <c r="I7" s="78">
        <v>2952</v>
      </c>
      <c r="J7" s="78">
        <v>1637</v>
      </c>
      <c r="K7" s="80">
        <v>19354</v>
      </c>
      <c r="L7" s="81">
        <v>27786</v>
      </c>
      <c r="M7" s="66">
        <v>51</v>
      </c>
      <c r="N7" s="67">
        <v>73</v>
      </c>
      <c r="O7" s="68">
        <v>124</v>
      </c>
      <c r="P7" s="240"/>
      <c r="Q7" s="67">
        <v>67</v>
      </c>
      <c r="R7" s="67">
        <v>100</v>
      </c>
      <c r="S7" s="67">
        <v>51</v>
      </c>
      <c r="T7" s="67">
        <v>54</v>
      </c>
      <c r="U7" s="67">
        <v>40</v>
      </c>
      <c r="V7" s="68">
        <v>312</v>
      </c>
      <c r="W7" s="69">
        <v>436</v>
      </c>
      <c r="X7" s="66">
        <v>174</v>
      </c>
      <c r="Y7" s="67">
        <v>194</v>
      </c>
      <c r="Z7" s="68">
        <v>368</v>
      </c>
      <c r="AA7" s="240"/>
      <c r="AB7" s="67">
        <v>241</v>
      </c>
      <c r="AC7" s="67">
        <v>247</v>
      </c>
      <c r="AD7" s="67">
        <v>168</v>
      </c>
      <c r="AE7" s="67">
        <v>164</v>
      </c>
      <c r="AF7" s="67">
        <v>118</v>
      </c>
      <c r="AG7" s="68">
        <v>938</v>
      </c>
      <c r="AH7" s="69">
        <v>1306</v>
      </c>
      <c r="AI7" s="66">
        <v>359</v>
      </c>
      <c r="AJ7" s="67">
        <v>351</v>
      </c>
      <c r="AK7" s="68">
        <v>710</v>
      </c>
      <c r="AL7" s="240"/>
      <c r="AM7" s="67">
        <v>473</v>
      </c>
      <c r="AN7" s="67">
        <v>410</v>
      </c>
      <c r="AO7" s="67">
        <v>285</v>
      </c>
      <c r="AP7" s="67">
        <v>220</v>
      </c>
      <c r="AQ7" s="67">
        <v>155</v>
      </c>
      <c r="AR7" s="68">
        <v>1543</v>
      </c>
      <c r="AS7" s="69">
        <v>2253</v>
      </c>
      <c r="AT7" s="66">
        <v>907</v>
      </c>
      <c r="AU7" s="67">
        <v>795</v>
      </c>
      <c r="AV7" s="68">
        <v>1702</v>
      </c>
      <c r="AW7" s="240"/>
      <c r="AX7" s="67">
        <v>1153</v>
      </c>
      <c r="AY7" s="67">
        <v>968</v>
      </c>
      <c r="AZ7" s="67">
        <v>580</v>
      </c>
      <c r="BA7" s="67">
        <v>455</v>
      </c>
      <c r="BB7" s="67">
        <v>317</v>
      </c>
      <c r="BC7" s="68">
        <v>3473</v>
      </c>
      <c r="BD7" s="69">
        <v>5175</v>
      </c>
      <c r="BE7" s="66">
        <v>1630</v>
      </c>
      <c r="BF7" s="67">
        <v>1329</v>
      </c>
      <c r="BG7" s="68">
        <v>2959</v>
      </c>
      <c r="BH7" s="240"/>
      <c r="BI7" s="67">
        <v>2008</v>
      </c>
      <c r="BJ7" s="67">
        <v>1624</v>
      </c>
      <c r="BK7" s="67">
        <v>1112</v>
      </c>
      <c r="BL7" s="67">
        <v>900</v>
      </c>
      <c r="BM7" s="67">
        <v>488</v>
      </c>
      <c r="BN7" s="68">
        <v>6132</v>
      </c>
      <c r="BO7" s="69">
        <v>9091</v>
      </c>
      <c r="BP7" s="66">
        <v>1300</v>
      </c>
      <c r="BQ7" s="67">
        <v>1269</v>
      </c>
      <c r="BR7" s="68">
        <v>2569</v>
      </c>
      <c r="BS7" s="240"/>
      <c r="BT7" s="67">
        <v>1967</v>
      </c>
      <c r="BU7" s="67">
        <v>1891</v>
      </c>
      <c r="BV7" s="67">
        <v>1420</v>
      </c>
      <c r="BW7" s="67">
        <v>1159</v>
      </c>
      <c r="BX7" s="67">
        <v>519</v>
      </c>
      <c r="BY7" s="68">
        <v>6956</v>
      </c>
      <c r="BZ7" s="69">
        <v>9525</v>
      </c>
      <c r="CA7" s="66">
        <v>0</v>
      </c>
      <c r="CB7" s="67">
        <v>0</v>
      </c>
      <c r="CC7" s="68">
        <v>0</v>
      </c>
      <c r="CD7" s="240"/>
      <c r="CE7" s="67">
        <v>0</v>
      </c>
      <c r="CF7" s="67">
        <v>0</v>
      </c>
      <c r="CG7" s="67">
        <v>0</v>
      </c>
      <c r="CH7" s="67">
        <v>0</v>
      </c>
      <c r="CI7" s="67">
        <v>0</v>
      </c>
      <c r="CJ7" s="68">
        <v>0</v>
      </c>
      <c r="CK7" s="69">
        <v>0</v>
      </c>
      <c r="CL7" s="66">
        <v>4421</v>
      </c>
      <c r="CM7" s="67">
        <v>4011</v>
      </c>
      <c r="CN7" s="68">
        <v>8432</v>
      </c>
      <c r="CO7" s="240"/>
      <c r="CP7" s="67">
        <v>5909</v>
      </c>
      <c r="CQ7" s="67">
        <v>5240</v>
      </c>
      <c r="CR7" s="67">
        <v>3616</v>
      </c>
      <c r="CS7" s="67">
        <v>2952</v>
      </c>
      <c r="CT7" s="67">
        <v>1637</v>
      </c>
      <c r="CU7" s="68">
        <v>19354</v>
      </c>
      <c r="CV7" s="69">
        <v>27786</v>
      </c>
      <c r="CW7" s="122">
        <v>618</v>
      </c>
      <c r="CX7" s="78">
        <v>646</v>
      </c>
      <c r="CY7" s="79">
        <v>1264</v>
      </c>
      <c r="CZ7" s="240"/>
      <c r="DA7" s="78">
        <v>808</v>
      </c>
      <c r="DB7" s="78">
        <v>746</v>
      </c>
      <c r="DC7" s="78">
        <v>554</v>
      </c>
      <c r="DD7" s="78">
        <v>527</v>
      </c>
      <c r="DE7" s="78">
        <v>359</v>
      </c>
      <c r="DF7" s="80">
        <v>2994</v>
      </c>
      <c r="DG7" s="81">
        <v>4258</v>
      </c>
      <c r="DH7" s="66">
        <v>12</v>
      </c>
      <c r="DI7" s="67">
        <v>15</v>
      </c>
      <c r="DJ7" s="68">
        <v>27</v>
      </c>
      <c r="DK7" s="240"/>
      <c r="DL7" s="67">
        <v>9</v>
      </c>
      <c r="DM7" s="67">
        <v>14</v>
      </c>
      <c r="DN7" s="67">
        <v>9</v>
      </c>
      <c r="DO7" s="67">
        <v>6</v>
      </c>
      <c r="DP7" s="67">
        <v>5</v>
      </c>
      <c r="DQ7" s="68">
        <v>43</v>
      </c>
      <c r="DR7" s="69">
        <v>70</v>
      </c>
      <c r="DS7" s="66">
        <v>42</v>
      </c>
      <c r="DT7" s="67">
        <v>53</v>
      </c>
      <c r="DU7" s="68">
        <v>95</v>
      </c>
      <c r="DV7" s="240"/>
      <c r="DW7" s="67">
        <v>35</v>
      </c>
      <c r="DX7" s="67">
        <v>31</v>
      </c>
      <c r="DY7" s="67">
        <v>12</v>
      </c>
      <c r="DZ7" s="67">
        <v>24</v>
      </c>
      <c r="EA7" s="67">
        <v>14</v>
      </c>
      <c r="EB7" s="68">
        <v>116</v>
      </c>
      <c r="EC7" s="69">
        <v>211</v>
      </c>
      <c r="ED7" s="66">
        <v>76</v>
      </c>
      <c r="EE7" s="67">
        <v>67</v>
      </c>
      <c r="EF7" s="68">
        <v>143</v>
      </c>
      <c r="EG7" s="240"/>
      <c r="EH7" s="67">
        <v>64</v>
      </c>
      <c r="EI7" s="67">
        <v>60</v>
      </c>
      <c r="EJ7" s="67">
        <v>38</v>
      </c>
      <c r="EK7" s="67">
        <v>25</v>
      </c>
      <c r="EL7" s="67">
        <v>21</v>
      </c>
      <c r="EM7" s="68">
        <v>208</v>
      </c>
      <c r="EN7" s="69">
        <v>351</v>
      </c>
      <c r="EO7" s="66">
        <v>178</v>
      </c>
      <c r="EP7" s="67">
        <v>165</v>
      </c>
      <c r="EQ7" s="68">
        <v>343</v>
      </c>
      <c r="ER7" s="240"/>
      <c r="ES7" s="67">
        <v>158</v>
      </c>
      <c r="ET7" s="67">
        <v>95</v>
      </c>
      <c r="EU7" s="67">
        <v>84</v>
      </c>
      <c r="EV7" s="67">
        <v>62</v>
      </c>
      <c r="EW7" s="67">
        <v>44</v>
      </c>
      <c r="EX7" s="68">
        <v>443</v>
      </c>
      <c r="EY7" s="69">
        <v>786</v>
      </c>
      <c r="EZ7" s="66">
        <v>176</v>
      </c>
      <c r="FA7" s="67">
        <v>192</v>
      </c>
      <c r="FB7" s="68">
        <v>368</v>
      </c>
      <c r="FC7" s="240"/>
      <c r="FD7" s="67">
        <v>248</v>
      </c>
      <c r="FE7" s="67">
        <v>217</v>
      </c>
      <c r="FF7" s="67">
        <v>128</v>
      </c>
      <c r="FG7" s="67">
        <v>127</v>
      </c>
      <c r="FH7" s="67">
        <v>85</v>
      </c>
      <c r="FI7" s="68">
        <v>805</v>
      </c>
      <c r="FJ7" s="69">
        <v>1173</v>
      </c>
      <c r="FK7" s="66">
        <v>134</v>
      </c>
      <c r="FL7" s="67">
        <v>154</v>
      </c>
      <c r="FM7" s="68">
        <v>288</v>
      </c>
      <c r="FN7" s="243"/>
      <c r="FO7" s="67">
        <v>294</v>
      </c>
      <c r="FP7" s="67">
        <v>329</v>
      </c>
      <c r="FQ7" s="67">
        <v>283</v>
      </c>
      <c r="FR7" s="67">
        <v>283</v>
      </c>
      <c r="FS7" s="67">
        <v>190</v>
      </c>
      <c r="FT7" s="68">
        <v>1379</v>
      </c>
      <c r="FU7" s="69">
        <v>1667</v>
      </c>
      <c r="FV7" s="66">
        <v>0</v>
      </c>
      <c r="FW7" s="67">
        <v>0</v>
      </c>
      <c r="FX7" s="68">
        <v>0</v>
      </c>
      <c r="FY7" s="243"/>
      <c r="FZ7" s="67">
        <v>0</v>
      </c>
      <c r="GA7" s="67">
        <v>0</v>
      </c>
      <c r="GB7" s="67">
        <v>0</v>
      </c>
      <c r="GC7" s="67">
        <v>0</v>
      </c>
      <c r="GD7" s="67">
        <v>0</v>
      </c>
      <c r="GE7" s="68">
        <v>0</v>
      </c>
      <c r="GF7" s="69">
        <v>0</v>
      </c>
      <c r="GG7" s="66">
        <v>618</v>
      </c>
      <c r="GH7" s="67">
        <v>646</v>
      </c>
      <c r="GI7" s="68">
        <v>1264</v>
      </c>
      <c r="GJ7" s="240"/>
      <c r="GK7" s="67">
        <v>808</v>
      </c>
      <c r="GL7" s="67">
        <v>746</v>
      </c>
      <c r="GM7" s="67">
        <v>554</v>
      </c>
      <c r="GN7" s="67">
        <v>527</v>
      </c>
      <c r="GO7" s="67">
        <v>359</v>
      </c>
      <c r="GP7" s="68">
        <v>2994</v>
      </c>
      <c r="GQ7" s="69">
        <v>4258</v>
      </c>
      <c r="GR7" s="122">
        <v>5039</v>
      </c>
      <c r="GS7" s="78">
        <v>4657</v>
      </c>
      <c r="GT7" s="79">
        <v>9696</v>
      </c>
      <c r="GU7" s="240"/>
      <c r="GV7" s="78">
        <v>6717</v>
      </c>
      <c r="GW7" s="78">
        <v>5986</v>
      </c>
      <c r="GX7" s="78">
        <v>4170</v>
      </c>
      <c r="GY7" s="78">
        <v>3479</v>
      </c>
      <c r="GZ7" s="78">
        <v>1996</v>
      </c>
      <c r="HA7" s="80">
        <v>22348</v>
      </c>
      <c r="HB7" s="81">
        <v>32044</v>
      </c>
      <c r="HC7" s="66">
        <v>63</v>
      </c>
      <c r="HD7" s="67">
        <v>88</v>
      </c>
      <c r="HE7" s="68">
        <v>151</v>
      </c>
      <c r="HF7" s="240"/>
      <c r="HG7" s="67">
        <v>76</v>
      </c>
      <c r="HH7" s="67">
        <v>114</v>
      </c>
      <c r="HI7" s="67">
        <v>60</v>
      </c>
      <c r="HJ7" s="67">
        <v>60</v>
      </c>
      <c r="HK7" s="67">
        <v>45</v>
      </c>
      <c r="HL7" s="68">
        <v>355</v>
      </c>
      <c r="HM7" s="69">
        <v>506</v>
      </c>
      <c r="HN7" s="66">
        <v>216</v>
      </c>
      <c r="HO7" s="67">
        <v>247</v>
      </c>
      <c r="HP7" s="68">
        <v>463</v>
      </c>
      <c r="HQ7" s="240"/>
      <c r="HR7" s="67">
        <v>276</v>
      </c>
      <c r="HS7" s="67">
        <v>278</v>
      </c>
      <c r="HT7" s="67">
        <v>180</v>
      </c>
      <c r="HU7" s="67">
        <v>188</v>
      </c>
      <c r="HV7" s="67">
        <v>132</v>
      </c>
      <c r="HW7" s="68">
        <v>1054</v>
      </c>
      <c r="HX7" s="69">
        <v>1517</v>
      </c>
      <c r="HY7" s="66">
        <v>435</v>
      </c>
      <c r="HZ7" s="67">
        <v>418</v>
      </c>
      <c r="IA7" s="68">
        <v>853</v>
      </c>
      <c r="IB7" s="243"/>
      <c r="IC7" s="67">
        <v>537</v>
      </c>
      <c r="ID7" s="67">
        <v>470</v>
      </c>
      <c r="IE7" s="67">
        <v>323</v>
      </c>
      <c r="IF7" s="67">
        <v>245</v>
      </c>
      <c r="IG7" s="67">
        <v>176</v>
      </c>
      <c r="IH7" s="68">
        <v>1751</v>
      </c>
      <c r="II7" s="69">
        <v>2604</v>
      </c>
      <c r="IJ7" s="66">
        <v>1085</v>
      </c>
      <c r="IK7" s="67">
        <v>960</v>
      </c>
      <c r="IL7" s="68">
        <v>2045</v>
      </c>
      <c r="IM7" s="243"/>
      <c r="IN7" s="67">
        <v>1311</v>
      </c>
      <c r="IO7" s="67">
        <v>1063</v>
      </c>
      <c r="IP7" s="67">
        <v>664</v>
      </c>
      <c r="IQ7" s="67">
        <v>517</v>
      </c>
      <c r="IR7" s="67">
        <v>361</v>
      </c>
      <c r="IS7" s="68">
        <v>3916</v>
      </c>
      <c r="IT7" s="69">
        <v>5961</v>
      </c>
      <c r="IU7" s="66">
        <v>1806</v>
      </c>
      <c r="IV7" s="67">
        <v>1521</v>
      </c>
      <c r="IW7" s="68">
        <v>3327</v>
      </c>
      <c r="IX7" s="243"/>
      <c r="IY7" s="67">
        <v>2256</v>
      </c>
      <c r="IZ7" s="67">
        <v>1841</v>
      </c>
      <c r="JA7" s="67">
        <v>1240</v>
      </c>
      <c r="JB7" s="67">
        <v>1027</v>
      </c>
      <c r="JC7" s="67">
        <v>573</v>
      </c>
      <c r="JD7" s="68">
        <v>6937</v>
      </c>
      <c r="JE7" s="69">
        <v>10264</v>
      </c>
      <c r="JF7" s="66">
        <v>1434</v>
      </c>
      <c r="JG7" s="67">
        <v>1423</v>
      </c>
      <c r="JH7" s="68">
        <v>2857</v>
      </c>
      <c r="JI7" s="243"/>
      <c r="JJ7" s="67">
        <v>2261</v>
      </c>
      <c r="JK7" s="67">
        <v>2220</v>
      </c>
      <c r="JL7" s="67">
        <v>1703</v>
      </c>
      <c r="JM7" s="67">
        <v>1442</v>
      </c>
      <c r="JN7" s="67">
        <v>709</v>
      </c>
      <c r="JO7" s="68">
        <v>8335</v>
      </c>
      <c r="JP7" s="69">
        <v>11192</v>
      </c>
      <c r="JQ7" s="66">
        <v>0</v>
      </c>
      <c r="JR7" s="67">
        <v>0</v>
      </c>
      <c r="JS7" s="68">
        <v>0</v>
      </c>
      <c r="JT7" s="243"/>
      <c r="JU7" s="67">
        <v>0</v>
      </c>
      <c r="JV7" s="67">
        <v>0</v>
      </c>
      <c r="JW7" s="67">
        <v>0</v>
      </c>
      <c r="JX7" s="67">
        <v>0</v>
      </c>
      <c r="JY7" s="67">
        <v>0</v>
      </c>
      <c r="JZ7" s="68">
        <v>0</v>
      </c>
      <c r="KA7" s="69">
        <v>0</v>
      </c>
      <c r="KB7" s="66">
        <v>5039</v>
      </c>
      <c r="KC7" s="67">
        <v>4657</v>
      </c>
      <c r="KD7" s="68">
        <v>9696</v>
      </c>
      <c r="KE7" s="243"/>
      <c r="KF7" s="67">
        <v>6717</v>
      </c>
      <c r="KG7" s="67">
        <v>5986</v>
      </c>
      <c r="KH7" s="67">
        <v>4170</v>
      </c>
      <c r="KI7" s="67">
        <v>3479</v>
      </c>
      <c r="KJ7" s="67">
        <v>1996</v>
      </c>
      <c r="KK7" s="68">
        <v>22348</v>
      </c>
      <c r="KL7" s="69">
        <v>32044</v>
      </c>
    </row>
    <row r="8" spans="1:298" ht="19.5" customHeight="1" x14ac:dyDescent="0.2">
      <c r="A8" s="126" t="s">
        <v>5</v>
      </c>
      <c r="B8" s="316">
        <v>1928</v>
      </c>
      <c r="C8" s="82">
        <v>2046</v>
      </c>
      <c r="D8" s="83">
        <v>3974</v>
      </c>
      <c r="E8" s="241"/>
      <c r="F8" s="82">
        <v>2148</v>
      </c>
      <c r="G8" s="82">
        <v>2450</v>
      </c>
      <c r="H8" s="82">
        <v>1639</v>
      </c>
      <c r="I8" s="82">
        <v>1267</v>
      </c>
      <c r="J8" s="82">
        <v>712</v>
      </c>
      <c r="K8" s="84">
        <v>8216</v>
      </c>
      <c r="L8" s="85">
        <v>12190</v>
      </c>
      <c r="M8" s="70">
        <v>18</v>
      </c>
      <c r="N8" s="71">
        <v>35</v>
      </c>
      <c r="O8" s="72">
        <v>53</v>
      </c>
      <c r="P8" s="241"/>
      <c r="Q8" s="71">
        <v>17</v>
      </c>
      <c r="R8" s="71">
        <v>47</v>
      </c>
      <c r="S8" s="71">
        <v>12</v>
      </c>
      <c r="T8" s="71">
        <v>23</v>
      </c>
      <c r="U8" s="71">
        <v>19</v>
      </c>
      <c r="V8" s="72">
        <v>118</v>
      </c>
      <c r="W8" s="73">
        <v>171</v>
      </c>
      <c r="X8" s="70">
        <v>65</v>
      </c>
      <c r="Y8" s="71">
        <v>94</v>
      </c>
      <c r="Z8" s="72">
        <v>159</v>
      </c>
      <c r="AA8" s="241"/>
      <c r="AB8" s="71">
        <v>91</v>
      </c>
      <c r="AC8" s="71">
        <v>105</v>
      </c>
      <c r="AD8" s="71">
        <v>74</v>
      </c>
      <c r="AE8" s="71">
        <v>62</v>
      </c>
      <c r="AF8" s="71">
        <v>51</v>
      </c>
      <c r="AG8" s="72">
        <v>383</v>
      </c>
      <c r="AH8" s="73">
        <v>542</v>
      </c>
      <c r="AI8" s="70">
        <v>143</v>
      </c>
      <c r="AJ8" s="71">
        <v>169</v>
      </c>
      <c r="AK8" s="72">
        <v>312</v>
      </c>
      <c r="AL8" s="241"/>
      <c r="AM8" s="71">
        <v>145</v>
      </c>
      <c r="AN8" s="71">
        <v>179</v>
      </c>
      <c r="AO8" s="71">
        <v>115</v>
      </c>
      <c r="AP8" s="71">
        <v>85</v>
      </c>
      <c r="AQ8" s="71">
        <v>56</v>
      </c>
      <c r="AR8" s="72">
        <v>580</v>
      </c>
      <c r="AS8" s="73">
        <v>892</v>
      </c>
      <c r="AT8" s="70">
        <v>396</v>
      </c>
      <c r="AU8" s="71">
        <v>396</v>
      </c>
      <c r="AV8" s="72">
        <v>792</v>
      </c>
      <c r="AW8" s="241"/>
      <c r="AX8" s="71">
        <v>418</v>
      </c>
      <c r="AY8" s="71">
        <v>399</v>
      </c>
      <c r="AZ8" s="71">
        <v>256</v>
      </c>
      <c r="BA8" s="71">
        <v>184</v>
      </c>
      <c r="BB8" s="71">
        <v>136</v>
      </c>
      <c r="BC8" s="72">
        <v>1393</v>
      </c>
      <c r="BD8" s="73">
        <v>2185</v>
      </c>
      <c r="BE8" s="70">
        <v>743</v>
      </c>
      <c r="BF8" s="71">
        <v>701</v>
      </c>
      <c r="BG8" s="72">
        <v>1444</v>
      </c>
      <c r="BH8" s="241"/>
      <c r="BI8" s="71">
        <v>780</v>
      </c>
      <c r="BJ8" s="71">
        <v>775</v>
      </c>
      <c r="BK8" s="71">
        <v>501</v>
      </c>
      <c r="BL8" s="71">
        <v>394</v>
      </c>
      <c r="BM8" s="71">
        <v>219</v>
      </c>
      <c r="BN8" s="72">
        <v>2669</v>
      </c>
      <c r="BO8" s="73">
        <v>4113</v>
      </c>
      <c r="BP8" s="70">
        <v>563</v>
      </c>
      <c r="BQ8" s="71">
        <v>651</v>
      </c>
      <c r="BR8" s="72">
        <v>1214</v>
      </c>
      <c r="BS8" s="241"/>
      <c r="BT8" s="71">
        <v>697</v>
      </c>
      <c r="BU8" s="71">
        <v>945</v>
      </c>
      <c r="BV8" s="71">
        <v>681</v>
      </c>
      <c r="BW8" s="71">
        <v>519</v>
      </c>
      <c r="BX8" s="71">
        <v>231</v>
      </c>
      <c r="BY8" s="72">
        <v>3073</v>
      </c>
      <c r="BZ8" s="73">
        <v>4287</v>
      </c>
      <c r="CA8" s="70">
        <v>0</v>
      </c>
      <c r="CB8" s="71">
        <v>0</v>
      </c>
      <c r="CC8" s="72">
        <v>0</v>
      </c>
      <c r="CD8" s="241"/>
      <c r="CE8" s="71">
        <v>0</v>
      </c>
      <c r="CF8" s="71">
        <v>0</v>
      </c>
      <c r="CG8" s="71">
        <v>0</v>
      </c>
      <c r="CH8" s="71">
        <v>0</v>
      </c>
      <c r="CI8" s="71">
        <v>0</v>
      </c>
      <c r="CJ8" s="72">
        <v>0</v>
      </c>
      <c r="CK8" s="73">
        <v>0</v>
      </c>
      <c r="CL8" s="70">
        <v>1928</v>
      </c>
      <c r="CM8" s="71">
        <v>2046</v>
      </c>
      <c r="CN8" s="72">
        <v>3974</v>
      </c>
      <c r="CO8" s="241"/>
      <c r="CP8" s="71">
        <v>2148</v>
      </c>
      <c r="CQ8" s="71">
        <v>2450</v>
      </c>
      <c r="CR8" s="71">
        <v>1639</v>
      </c>
      <c r="CS8" s="71">
        <v>1267</v>
      </c>
      <c r="CT8" s="71">
        <v>712</v>
      </c>
      <c r="CU8" s="72">
        <v>8216</v>
      </c>
      <c r="CV8" s="73">
        <v>12190</v>
      </c>
      <c r="CW8" s="123">
        <v>247</v>
      </c>
      <c r="CX8" s="82">
        <v>313</v>
      </c>
      <c r="CY8" s="83">
        <v>560</v>
      </c>
      <c r="CZ8" s="241"/>
      <c r="DA8" s="82">
        <v>319</v>
      </c>
      <c r="DB8" s="82">
        <v>333</v>
      </c>
      <c r="DC8" s="82">
        <v>240</v>
      </c>
      <c r="DD8" s="82">
        <v>242</v>
      </c>
      <c r="DE8" s="82">
        <v>152</v>
      </c>
      <c r="DF8" s="84">
        <v>1286</v>
      </c>
      <c r="DG8" s="85">
        <v>1846</v>
      </c>
      <c r="DH8" s="70">
        <v>5</v>
      </c>
      <c r="DI8" s="71">
        <v>9</v>
      </c>
      <c r="DJ8" s="72">
        <v>14</v>
      </c>
      <c r="DK8" s="241"/>
      <c r="DL8" s="71">
        <v>2</v>
      </c>
      <c r="DM8" s="71">
        <v>9</v>
      </c>
      <c r="DN8" s="71">
        <v>3</v>
      </c>
      <c r="DO8" s="71">
        <v>3</v>
      </c>
      <c r="DP8" s="71">
        <v>0</v>
      </c>
      <c r="DQ8" s="72">
        <v>17</v>
      </c>
      <c r="DR8" s="73">
        <v>31</v>
      </c>
      <c r="DS8" s="70">
        <v>18</v>
      </c>
      <c r="DT8" s="71">
        <v>25</v>
      </c>
      <c r="DU8" s="72">
        <v>43</v>
      </c>
      <c r="DV8" s="241"/>
      <c r="DW8" s="71">
        <v>12</v>
      </c>
      <c r="DX8" s="71">
        <v>10</v>
      </c>
      <c r="DY8" s="71">
        <v>2</v>
      </c>
      <c r="DZ8" s="71">
        <v>12</v>
      </c>
      <c r="EA8" s="71">
        <v>4</v>
      </c>
      <c r="EB8" s="72">
        <v>40</v>
      </c>
      <c r="EC8" s="73">
        <v>83</v>
      </c>
      <c r="ED8" s="70">
        <v>24</v>
      </c>
      <c r="EE8" s="71">
        <v>33</v>
      </c>
      <c r="EF8" s="72">
        <v>57</v>
      </c>
      <c r="EG8" s="241"/>
      <c r="EH8" s="71">
        <v>33</v>
      </c>
      <c r="EI8" s="71">
        <v>26</v>
      </c>
      <c r="EJ8" s="71">
        <v>15</v>
      </c>
      <c r="EK8" s="71">
        <v>12</v>
      </c>
      <c r="EL8" s="71">
        <v>13</v>
      </c>
      <c r="EM8" s="72">
        <v>99</v>
      </c>
      <c r="EN8" s="73">
        <v>156</v>
      </c>
      <c r="EO8" s="70">
        <v>77</v>
      </c>
      <c r="EP8" s="71">
        <v>79</v>
      </c>
      <c r="EQ8" s="72">
        <v>156</v>
      </c>
      <c r="ER8" s="241"/>
      <c r="ES8" s="71">
        <v>69</v>
      </c>
      <c r="ET8" s="71">
        <v>43</v>
      </c>
      <c r="EU8" s="71">
        <v>35</v>
      </c>
      <c r="EV8" s="71">
        <v>33</v>
      </c>
      <c r="EW8" s="71">
        <v>20</v>
      </c>
      <c r="EX8" s="72">
        <v>200</v>
      </c>
      <c r="EY8" s="73">
        <v>356</v>
      </c>
      <c r="EZ8" s="70">
        <v>66</v>
      </c>
      <c r="FA8" s="71">
        <v>90</v>
      </c>
      <c r="FB8" s="72">
        <v>156</v>
      </c>
      <c r="FC8" s="241"/>
      <c r="FD8" s="71">
        <v>89</v>
      </c>
      <c r="FE8" s="71">
        <v>98</v>
      </c>
      <c r="FF8" s="71">
        <v>55</v>
      </c>
      <c r="FG8" s="71">
        <v>54</v>
      </c>
      <c r="FH8" s="71">
        <v>38</v>
      </c>
      <c r="FI8" s="72">
        <v>334</v>
      </c>
      <c r="FJ8" s="73">
        <v>490</v>
      </c>
      <c r="FK8" s="70">
        <v>57</v>
      </c>
      <c r="FL8" s="71">
        <v>77</v>
      </c>
      <c r="FM8" s="72">
        <v>134</v>
      </c>
      <c r="FN8" s="244"/>
      <c r="FO8" s="71">
        <v>114</v>
      </c>
      <c r="FP8" s="71">
        <v>147</v>
      </c>
      <c r="FQ8" s="71">
        <v>130</v>
      </c>
      <c r="FR8" s="71">
        <v>128</v>
      </c>
      <c r="FS8" s="71">
        <v>77</v>
      </c>
      <c r="FT8" s="72">
        <v>596</v>
      </c>
      <c r="FU8" s="73">
        <v>730</v>
      </c>
      <c r="FV8" s="70">
        <v>0</v>
      </c>
      <c r="FW8" s="71">
        <v>0</v>
      </c>
      <c r="FX8" s="72">
        <v>0</v>
      </c>
      <c r="FY8" s="244"/>
      <c r="FZ8" s="71">
        <v>0</v>
      </c>
      <c r="GA8" s="71">
        <v>0</v>
      </c>
      <c r="GB8" s="71">
        <v>0</v>
      </c>
      <c r="GC8" s="71">
        <v>0</v>
      </c>
      <c r="GD8" s="71">
        <v>0</v>
      </c>
      <c r="GE8" s="72">
        <v>0</v>
      </c>
      <c r="GF8" s="73">
        <v>0</v>
      </c>
      <c r="GG8" s="70">
        <v>247</v>
      </c>
      <c r="GH8" s="71">
        <v>313</v>
      </c>
      <c r="GI8" s="72">
        <v>560</v>
      </c>
      <c r="GJ8" s="241"/>
      <c r="GK8" s="71">
        <v>319</v>
      </c>
      <c r="GL8" s="71">
        <v>333</v>
      </c>
      <c r="GM8" s="71">
        <v>240</v>
      </c>
      <c r="GN8" s="71">
        <v>242</v>
      </c>
      <c r="GO8" s="71">
        <v>152</v>
      </c>
      <c r="GP8" s="72">
        <v>1286</v>
      </c>
      <c r="GQ8" s="73">
        <v>1846</v>
      </c>
      <c r="GR8" s="123">
        <v>2175</v>
      </c>
      <c r="GS8" s="82">
        <v>2359</v>
      </c>
      <c r="GT8" s="83">
        <v>4534</v>
      </c>
      <c r="GU8" s="241"/>
      <c r="GV8" s="82">
        <v>2467</v>
      </c>
      <c r="GW8" s="82">
        <v>2783</v>
      </c>
      <c r="GX8" s="82">
        <v>1879</v>
      </c>
      <c r="GY8" s="82">
        <v>1509</v>
      </c>
      <c r="GZ8" s="82">
        <v>864</v>
      </c>
      <c r="HA8" s="84">
        <v>9502</v>
      </c>
      <c r="HB8" s="85">
        <v>14036</v>
      </c>
      <c r="HC8" s="70">
        <v>23</v>
      </c>
      <c r="HD8" s="71">
        <v>44</v>
      </c>
      <c r="HE8" s="72">
        <v>67</v>
      </c>
      <c r="HF8" s="241"/>
      <c r="HG8" s="71">
        <v>19</v>
      </c>
      <c r="HH8" s="71">
        <v>56</v>
      </c>
      <c r="HI8" s="71">
        <v>15</v>
      </c>
      <c r="HJ8" s="71">
        <v>26</v>
      </c>
      <c r="HK8" s="71">
        <v>19</v>
      </c>
      <c r="HL8" s="72">
        <v>135</v>
      </c>
      <c r="HM8" s="73">
        <v>202</v>
      </c>
      <c r="HN8" s="70">
        <v>83</v>
      </c>
      <c r="HO8" s="71">
        <v>119</v>
      </c>
      <c r="HP8" s="72">
        <v>202</v>
      </c>
      <c r="HQ8" s="241"/>
      <c r="HR8" s="71">
        <v>103</v>
      </c>
      <c r="HS8" s="71">
        <v>115</v>
      </c>
      <c r="HT8" s="71">
        <v>76</v>
      </c>
      <c r="HU8" s="71">
        <v>74</v>
      </c>
      <c r="HV8" s="71">
        <v>55</v>
      </c>
      <c r="HW8" s="72">
        <v>423</v>
      </c>
      <c r="HX8" s="73">
        <v>625</v>
      </c>
      <c r="HY8" s="70">
        <v>167</v>
      </c>
      <c r="HZ8" s="71">
        <v>202</v>
      </c>
      <c r="IA8" s="72">
        <v>369</v>
      </c>
      <c r="IB8" s="244"/>
      <c r="IC8" s="71">
        <v>178</v>
      </c>
      <c r="ID8" s="71">
        <v>205</v>
      </c>
      <c r="IE8" s="71">
        <v>130</v>
      </c>
      <c r="IF8" s="71">
        <v>97</v>
      </c>
      <c r="IG8" s="71">
        <v>69</v>
      </c>
      <c r="IH8" s="72">
        <v>679</v>
      </c>
      <c r="II8" s="73">
        <v>1048</v>
      </c>
      <c r="IJ8" s="70">
        <v>473</v>
      </c>
      <c r="IK8" s="71">
        <v>475</v>
      </c>
      <c r="IL8" s="72">
        <v>948</v>
      </c>
      <c r="IM8" s="244"/>
      <c r="IN8" s="71">
        <v>487</v>
      </c>
      <c r="IO8" s="71">
        <v>442</v>
      </c>
      <c r="IP8" s="71">
        <v>291</v>
      </c>
      <c r="IQ8" s="71">
        <v>217</v>
      </c>
      <c r="IR8" s="71">
        <v>156</v>
      </c>
      <c r="IS8" s="72">
        <v>1593</v>
      </c>
      <c r="IT8" s="73">
        <v>2541</v>
      </c>
      <c r="IU8" s="70">
        <v>809</v>
      </c>
      <c r="IV8" s="71">
        <v>791</v>
      </c>
      <c r="IW8" s="72">
        <v>1600</v>
      </c>
      <c r="IX8" s="244"/>
      <c r="IY8" s="71">
        <v>869</v>
      </c>
      <c r="IZ8" s="71">
        <v>873</v>
      </c>
      <c r="JA8" s="71">
        <v>556</v>
      </c>
      <c r="JB8" s="71">
        <v>448</v>
      </c>
      <c r="JC8" s="71">
        <v>257</v>
      </c>
      <c r="JD8" s="72">
        <v>3003</v>
      </c>
      <c r="JE8" s="73">
        <v>4603</v>
      </c>
      <c r="JF8" s="70">
        <v>620</v>
      </c>
      <c r="JG8" s="71">
        <v>728</v>
      </c>
      <c r="JH8" s="72">
        <v>1348</v>
      </c>
      <c r="JI8" s="244"/>
      <c r="JJ8" s="71">
        <v>811</v>
      </c>
      <c r="JK8" s="71">
        <v>1092</v>
      </c>
      <c r="JL8" s="71">
        <v>811</v>
      </c>
      <c r="JM8" s="71">
        <v>647</v>
      </c>
      <c r="JN8" s="71">
        <v>308</v>
      </c>
      <c r="JO8" s="72">
        <v>3669</v>
      </c>
      <c r="JP8" s="73">
        <v>5017</v>
      </c>
      <c r="JQ8" s="70">
        <v>0</v>
      </c>
      <c r="JR8" s="71">
        <v>0</v>
      </c>
      <c r="JS8" s="72">
        <v>0</v>
      </c>
      <c r="JT8" s="244"/>
      <c r="JU8" s="71">
        <v>0</v>
      </c>
      <c r="JV8" s="71">
        <v>0</v>
      </c>
      <c r="JW8" s="71">
        <v>0</v>
      </c>
      <c r="JX8" s="71">
        <v>0</v>
      </c>
      <c r="JY8" s="71">
        <v>0</v>
      </c>
      <c r="JZ8" s="72">
        <v>0</v>
      </c>
      <c r="KA8" s="73">
        <v>0</v>
      </c>
      <c r="KB8" s="70">
        <v>2175</v>
      </c>
      <c r="KC8" s="71">
        <v>2359</v>
      </c>
      <c r="KD8" s="72">
        <v>4534</v>
      </c>
      <c r="KE8" s="244"/>
      <c r="KF8" s="71">
        <v>2467</v>
      </c>
      <c r="KG8" s="71">
        <v>2783</v>
      </c>
      <c r="KH8" s="71">
        <v>1879</v>
      </c>
      <c r="KI8" s="71">
        <v>1509</v>
      </c>
      <c r="KJ8" s="71">
        <v>864</v>
      </c>
      <c r="KK8" s="72">
        <v>9502</v>
      </c>
      <c r="KL8" s="73">
        <v>14036</v>
      </c>
    </row>
    <row r="9" spans="1:298" ht="19.5" customHeight="1" x14ac:dyDescent="0.2">
      <c r="A9" s="126" t="s">
        <v>6</v>
      </c>
      <c r="B9" s="316">
        <v>531</v>
      </c>
      <c r="C9" s="82">
        <v>367</v>
      </c>
      <c r="D9" s="83">
        <v>898</v>
      </c>
      <c r="E9" s="241"/>
      <c r="F9" s="82">
        <v>801</v>
      </c>
      <c r="G9" s="82">
        <v>554</v>
      </c>
      <c r="H9" s="82">
        <v>413</v>
      </c>
      <c r="I9" s="82">
        <v>370</v>
      </c>
      <c r="J9" s="82">
        <v>238</v>
      </c>
      <c r="K9" s="84">
        <v>2376</v>
      </c>
      <c r="L9" s="85">
        <v>3274</v>
      </c>
      <c r="M9" s="70">
        <v>10</v>
      </c>
      <c r="N9" s="71">
        <v>8</v>
      </c>
      <c r="O9" s="72">
        <v>18</v>
      </c>
      <c r="P9" s="241"/>
      <c r="Q9" s="71">
        <v>13</v>
      </c>
      <c r="R9" s="71">
        <v>10</v>
      </c>
      <c r="S9" s="71">
        <v>7</v>
      </c>
      <c r="T9" s="71">
        <v>13</v>
      </c>
      <c r="U9" s="71">
        <v>6</v>
      </c>
      <c r="V9" s="72">
        <v>49</v>
      </c>
      <c r="W9" s="73">
        <v>67</v>
      </c>
      <c r="X9" s="70">
        <v>21</v>
      </c>
      <c r="Y9" s="71">
        <v>14</v>
      </c>
      <c r="Z9" s="72">
        <v>35</v>
      </c>
      <c r="AA9" s="241"/>
      <c r="AB9" s="71">
        <v>44</v>
      </c>
      <c r="AC9" s="71">
        <v>27</v>
      </c>
      <c r="AD9" s="71">
        <v>16</v>
      </c>
      <c r="AE9" s="71">
        <v>23</v>
      </c>
      <c r="AF9" s="71">
        <v>21</v>
      </c>
      <c r="AG9" s="72">
        <v>131</v>
      </c>
      <c r="AH9" s="73">
        <v>166</v>
      </c>
      <c r="AI9" s="70">
        <v>43</v>
      </c>
      <c r="AJ9" s="71">
        <v>33</v>
      </c>
      <c r="AK9" s="72">
        <v>76</v>
      </c>
      <c r="AL9" s="241"/>
      <c r="AM9" s="71">
        <v>65</v>
      </c>
      <c r="AN9" s="71">
        <v>39</v>
      </c>
      <c r="AO9" s="71">
        <v>29</v>
      </c>
      <c r="AP9" s="71">
        <v>26</v>
      </c>
      <c r="AQ9" s="71">
        <v>21</v>
      </c>
      <c r="AR9" s="72">
        <v>180</v>
      </c>
      <c r="AS9" s="73">
        <v>256</v>
      </c>
      <c r="AT9" s="70">
        <v>96</v>
      </c>
      <c r="AU9" s="71">
        <v>49</v>
      </c>
      <c r="AV9" s="72">
        <v>145</v>
      </c>
      <c r="AW9" s="241"/>
      <c r="AX9" s="71">
        <v>142</v>
      </c>
      <c r="AY9" s="71">
        <v>102</v>
      </c>
      <c r="AZ9" s="71">
        <v>64</v>
      </c>
      <c r="BA9" s="71">
        <v>48</v>
      </c>
      <c r="BB9" s="71">
        <v>37</v>
      </c>
      <c r="BC9" s="72">
        <v>393</v>
      </c>
      <c r="BD9" s="73">
        <v>538</v>
      </c>
      <c r="BE9" s="70">
        <v>191</v>
      </c>
      <c r="BF9" s="71">
        <v>134</v>
      </c>
      <c r="BG9" s="72">
        <v>325</v>
      </c>
      <c r="BH9" s="241"/>
      <c r="BI9" s="71">
        <v>254</v>
      </c>
      <c r="BJ9" s="71">
        <v>174</v>
      </c>
      <c r="BK9" s="71">
        <v>131</v>
      </c>
      <c r="BL9" s="71">
        <v>102</v>
      </c>
      <c r="BM9" s="71">
        <v>78</v>
      </c>
      <c r="BN9" s="72">
        <v>739</v>
      </c>
      <c r="BO9" s="73">
        <v>1064</v>
      </c>
      <c r="BP9" s="70">
        <v>170</v>
      </c>
      <c r="BQ9" s="71">
        <v>129</v>
      </c>
      <c r="BR9" s="72">
        <v>299</v>
      </c>
      <c r="BS9" s="241"/>
      <c r="BT9" s="71">
        <v>283</v>
      </c>
      <c r="BU9" s="71">
        <v>202</v>
      </c>
      <c r="BV9" s="71">
        <v>166</v>
      </c>
      <c r="BW9" s="71">
        <v>158</v>
      </c>
      <c r="BX9" s="71">
        <v>75</v>
      </c>
      <c r="BY9" s="72">
        <v>884</v>
      </c>
      <c r="BZ9" s="73">
        <v>1183</v>
      </c>
      <c r="CA9" s="70">
        <v>0</v>
      </c>
      <c r="CB9" s="71">
        <v>0</v>
      </c>
      <c r="CC9" s="72">
        <v>0</v>
      </c>
      <c r="CD9" s="241"/>
      <c r="CE9" s="71">
        <v>0</v>
      </c>
      <c r="CF9" s="71">
        <v>0</v>
      </c>
      <c r="CG9" s="71">
        <v>0</v>
      </c>
      <c r="CH9" s="71">
        <v>0</v>
      </c>
      <c r="CI9" s="71">
        <v>0</v>
      </c>
      <c r="CJ9" s="72">
        <v>0</v>
      </c>
      <c r="CK9" s="73">
        <v>0</v>
      </c>
      <c r="CL9" s="70">
        <v>531</v>
      </c>
      <c r="CM9" s="71">
        <v>367</v>
      </c>
      <c r="CN9" s="72">
        <v>898</v>
      </c>
      <c r="CO9" s="241"/>
      <c r="CP9" s="71">
        <v>801</v>
      </c>
      <c r="CQ9" s="71">
        <v>554</v>
      </c>
      <c r="CR9" s="71">
        <v>413</v>
      </c>
      <c r="CS9" s="71">
        <v>370</v>
      </c>
      <c r="CT9" s="71">
        <v>238</v>
      </c>
      <c r="CU9" s="72">
        <v>2376</v>
      </c>
      <c r="CV9" s="73">
        <v>3274</v>
      </c>
      <c r="CW9" s="123">
        <v>110</v>
      </c>
      <c r="CX9" s="82">
        <v>89</v>
      </c>
      <c r="CY9" s="83">
        <v>199</v>
      </c>
      <c r="CZ9" s="241"/>
      <c r="DA9" s="82">
        <v>106</v>
      </c>
      <c r="DB9" s="82">
        <v>106</v>
      </c>
      <c r="DC9" s="82">
        <v>86</v>
      </c>
      <c r="DD9" s="82">
        <v>79</v>
      </c>
      <c r="DE9" s="82">
        <v>63</v>
      </c>
      <c r="DF9" s="84">
        <v>440</v>
      </c>
      <c r="DG9" s="85">
        <v>639</v>
      </c>
      <c r="DH9" s="70">
        <v>1</v>
      </c>
      <c r="DI9" s="71">
        <v>2</v>
      </c>
      <c r="DJ9" s="72">
        <v>3</v>
      </c>
      <c r="DK9" s="241"/>
      <c r="DL9" s="71">
        <v>1</v>
      </c>
      <c r="DM9" s="71">
        <v>2</v>
      </c>
      <c r="DN9" s="71">
        <v>2</v>
      </c>
      <c r="DO9" s="71">
        <v>2</v>
      </c>
      <c r="DP9" s="71">
        <v>3</v>
      </c>
      <c r="DQ9" s="72">
        <v>10</v>
      </c>
      <c r="DR9" s="73">
        <v>13</v>
      </c>
      <c r="DS9" s="70">
        <v>4</v>
      </c>
      <c r="DT9" s="71">
        <v>6</v>
      </c>
      <c r="DU9" s="72">
        <v>10</v>
      </c>
      <c r="DV9" s="241"/>
      <c r="DW9" s="71">
        <v>4</v>
      </c>
      <c r="DX9" s="71">
        <v>7</v>
      </c>
      <c r="DY9" s="71">
        <v>3</v>
      </c>
      <c r="DZ9" s="71">
        <v>1</v>
      </c>
      <c r="EA9" s="71">
        <v>2</v>
      </c>
      <c r="EB9" s="72">
        <v>17</v>
      </c>
      <c r="EC9" s="73">
        <v>27</v>
      </c>
      <c r="ED9" s="70">
        <v>17</v>
      </c>
      <c r="EE9" s="71">
        <v>6</v>
      </c>
      <c r="EF9" s="72">
        <v>23</v>
      </c>
      <c r="EG9" s="241"/>
      <c r="EH9" s="71">
        <v>6</v>
      </c>
      <c r="EI9" s="71">
        <v>10</v>
      </c>
      <c r="EJ9" s="71">
        <v>5</v>
      </c>
      <c r="EK9" s="71">
        <v>2</v>
      </c>
      <c r="EL9" s="71">
        <v>3</v>
      </c>
      <c r="EM9" s="72">
        <v>26</v>
      </c>
      <c r="EN9" s="73">
        <v>49</v>
      </c>
      <c r="EO9" s="70">
        <v>34</v>
      </c>
      <c r="EP9" s="71">
        <v>25</v>
      </c>
      <c r="EQ9" s="72">
        <v>59</v>
      </c>
      <c r="ER9" s="241"/>
      <c r="ES9" s="71">
        <v>16</v>
      </c>
      <c r="ET9" s="71">
        <v>11</v>
      </c>
      <c r="EU9" s="71">
        <v>17</v>
      </c>
      <c r="EV9" s="71">
        <v>8</v>
      </c>
      <c r="EW9" s="71">
        <v>7</v>
      </c>
      <c r="EX9" s="72">
        <v>59</v>
      </c>
      <c r="EY9" s="73">
        <v>118</v>
      </c>
      <c r="EZ9" s="70">
        <v>33</v>
      </c>
      <c r="FA9" s="71">
        <v>35</v>
      </c>
      <c r="FB9" s="72">
        <v>68</v>
      </c>
      <c r="FC9" s="241"/>
      <c r="FD9" s="71">
        <v>46</v>
      </c>
      <c r="FE9" s="71">
        <v>37</v>
      </c>
      <c r="FF9" s="71">
        <v>24</v>
      </c>
      <c r="FG9" s="71">
        <v>21</v>
      </c>
      <c r="FH9" s="71">
        <v>18</v>
      </c>
      <c r="FI9" s="72">
        <v>146</v>
      </c>
      <c r="FJ9" s="73">
        <v>214</v>
      </c>
      <c r="FK9" s="70">
        <v>21</v>
      </c>
      <c r="FL9" s="71">
        <v>15</v>
      </c>
      <c r="FM9" s="72">
        <v>36</v>
      </c>
      <c r="FN9" s="244"/>
      <c r="FO9" s="71">
        <v>33</v>
      </c>
      <c r="FP9" s="71">
        <v>39</v>
      </c>
      <c r="FQ9" s="71">
        <v>35</v>
      </c>
      <c r="FR9" s="71">
        <v>45</v>
      </c>
      <c r="FS9" s="71">
        <v>30</v>
      </c>
      <c r="FT9" s="72">
        <v>182</v>
      </c>
      <c r="FU9" s="73">
        <v>218</v>
      </c>
      <c r="FV9" s="70">
        <v>0</v>
      </c>
      <c r="FW9" s="71">
        <v>0</v>
      </c>
      <c r="FX9" s="72">
        <v>0</v>
      </c>
      <c r="FY9" s="244"/>
      <c r="FZ9" s="71">
        <v>0</v>
      </c>
      <c r="GA9" s="71">
        <v>0</v>
      </c>
      <c r="GB9" s="71">
        <v>0</v>
      </c>
      <c r="GC9" s="71">
        <v>0</v>
      </c>
      <c r="GD9" s="71">
        <v>0</v>
      </c>
      <c r="GE9" s="72">
        <v>0</v>
      </c>
      <c r="GF9" s="73">
        <v>0</v>
      </c>
      <c r="GG9" s="70">
        <v>110</v>
      </c>
      <c r="GH9" s="71">
        <v>89</v>
      </c>
      <c r="GI9" s="72">
        <v>199</v>
      </c>
      <c r="GJ9" s="241"/>
      <c r="GK9" s="71">
        <v>106</v>
      </c>
      <c r="GL9" s="71">
        <v>106</v>
      </c>
      <c r="GM9" s="71">
        <v>86</v>
      </c>
      <c r="GN9" s="71">
        <v>79</v>
      </c>
      <c r="GO9" s="71">
        <v>63</v>
      </c>
      <c r="GP9" s="72">
        <v>440</v>
      </c>
      <c r="GQ9" s="73">
        <v>639</v>
      </c>
      <c r="GR9" s="123">
        <v>641</v>
      </c>
      <c r="GS9" s="82">
        <v>456</v>
      </c>
      <c r="GT9" s="83">
        <v>1097</v>
      </c>
      <c r="GU9" s="241"/>
      <c r="GV9" s="82">
        <v>907</v>
      </c>
      <c r="GW9" s="82">
        <v>660</v>
      </c>
      <c r="GX9" s="82">
        <v>499</v>
      </c>
      <c r="GY9" s="82">
        <v>449</v>
      </c>
      <c r="GZ9" s="82">
        <v>301</v>
      </c>
      <c r="HA9" s="84">
        <v>2816</v>
      </c>
      <c r="HB9" s="85">
        <v>3913</v>
      </c>
      <c r="HC9" s="70">
        <v>11</v>
      </c>
      <c r="HD9" s="71">
        <v>10</v>
      </c>
      <c r="HE9" s="72">
        <v>21</v>
      </c>
      <c r="HF9" s="241"/>
      <c r="HG9" s="71">
        <v>14</v>
      </c>
      <c r="HH9" s="71">
        <v>12</v>
      </c>
      <c r="HI9" s="71">
        <v>9</v>
      </c>
      <c r="HJ9" s="71">
        <v>15</v>
      </c>
      <c r="HK9" s="71">
        <v>9</v>
      </c>
      <c r="HL9" s="72">
        <v>59</v>
      </c>
      <c r="HM9" s="73">
        <v>80</v>
      </c>
      <c r="HN9" s="70">
        <v>25</v>
      </c>
      <c r="HO9" s="71">
        <v>20</v>
      </c>
      <c r="HP9" s="72">
        <v>45</v>
      </c>
      <c r="HQ9" s="241"/>
      <c r="HR9" s="71">
        <v>48</v>
      </c>
      <c r="HS9" s="71">
        <v>34</v>
      </c>
      <c r="HT9" s="71">
        <v>19</v>
      </c>
      <c r="HU9" s="71">
        <v>24</v>
      </c>
      <c r="HV9" s="71">
        <v>23</v>
      </c>
      <c r="HW9" s="72">
        <v>148</v>
      </c>
      <c r="HX9" s="73">
        <v>193</v>
      </c>
      <c r="HY9" s="70">
        <v>60</v>
      </c>
      <c r="HZ9" s="71">
        <v>39</v>
      </c>
      <c r="IA9" s="72">
        <v>99</v>
      </c>
      <c r="IB9" s="244"/>
      <c r="IC9" s="71">
        <v>71</v>
      </c>
      <c r="ID9" s="71">
        <v>49</v>
      </c>
      <c r="IE9" s="71">
        <v>34</v>
      </c>
      <c r="IF9" s="71">
        <v>28</v>
      </c>
      <c r="IG9" s="71">
        <v>24</v>
      </c>
      <c r="IH9" s="72">
        <v>206</v>
      </c>
      <c r="II9" s="73">
        <v>305</v>
      </c>
      <c r="IJ9" s="70">
        <v>130</v>
      </c>
      <c r="IK9" s="71">
        <v>74</v>
      </c>
      <c r="IL9" s="72">
        <v>204</v>
      </c>
      <c r="IM9" s="244"/>
      <c r="IN9" s="71">
        <v>158</v>
      </c>
      <c r="IO9" s="71">
        <v>113</v>
      </c>
      <c r="IP9" s="71">
        <v>81</v>
      </c>
      <c r="IQ9" s="71">
        <v>56</v>
      </c>
      <c r="IR9" s="71">
        <v>44</v>
      </c>
      <c r="IS9" s="72">
        <v>452</v>
      </c>
      <c r="IT9" s="73">
        <v>656</v>
      </c>
      <c r="IU9" s="70">
        <v>224</v>
      </c>
      <c r="IV9" s="71">
        <v>169</v>
      </c>
      <c r="IW9" s="72">
        <v>393</v>
      </c>
      <c r="IX9" s="244"/>
      <c r="IY9" s="71">
        <v>300</v>
      </c>
      <c r="IZ9" s="71">
        <v>211</v>
      </c>
      <c r="JA9" s="71">
        <v>155</v>
      </c>
      <c r="JB9" s="71">
        <v>123</v>
      </c>
      <c r="JC9" s="71">
        <v>96</v>
      </c>
      <c r="JD9" s="72">
        <v>885</v>
      </c>
      <c r="JE9" s="73">
        <v>1278</v>
      </c>
      <c r="JF9" s="70">
        <v>191</v>
      </c>
      <c r="JG9" s="71">
        <v>144</v>
      </c>
      <c r="JH9" s="72">
        <v>335</v>
      </c>
      <c r="JI9" s="244"/>
      <c r="JJ9" s="71">
        <v>316</v>
      </c>
      <c r="JK9" s="71">
        <v>241</v>
      </c>
      <c r="JL9" s="71">
        <v>201</v>
      </c>
      <c r="JM9" s="71">
        <v>203</v>
      </c>
      <c r="JN9" s="71">
        <v>105</v>
      </c>
      <c r="JO9" s="72">
        <v>1066</v>
      </c>
      <c r="JP9" s="73">
        <v>1401</v>
      </c>
      <c r="JQ9" s="70">
        <v>0</v>
      </c>
      <c r="JR9" s="71">
        <v>0</v>
      </c>
      <c r="JS9" s="72">
        <v>0</v>
      </c>
      <c r="JT9" s="244"/>
      <c r="JU9" s="71">
        <v>0</v>
      </c>
      <c r="JV9" s="71">
        <v>0</v>
      </c>
      <c r="JW9" s="71">
        <v>0</v>
      </c>
      <c r="JX9" s="71">
        <v>0</v>
      </c>
      <c r="JY9" s="71">
        <v>0</v>
      </c>
      <c r="JZ9" s="72">
        <v>0</v>
      </c>
      <c r="KA9" s="73">
        <v>0</v>
      </c>
      <c r="KB9" s="70">
        <v>641</v>
      </c>
      <c r="KC9" s="71">
        <v>456</v>
      </c>
      <c r="KD9" s="72">
        <v>1097</v>
      </c>
      <c r="KE9" s="244"/>
      <c r="KF9" s="71">
        <v>907</v>
      </c>
      <c r="KG9" s="71">
        <v>660</v>
      </c>
      <c r="KH9" s="71">
        <v>499</v>
      </c>
      <c r="KI9" s="71">
        <v>449</v>
      </c>
      <c r="KJ9" s="71">
        <v>301</v>
      </c>
      <c r="KK9" s="72">
        <v>2816</v>
      </c>
      <c r="KL9" s="73">
        <v>3913</v>
      </c>
    </row>
    <row r="10" spans="1:298" ht="19.5" customHeight="1" x14ac:dyDescent="0.2">
      <c r="A10" s="126" t="s">
        <v>14</v>
      </c>
      <c r="B10" s="316">
        <v>291</v>
      </c>
      <c r="C10" s="82">
        <v>316</v>
      </c>
      <c r="D10" s="83">
        <v>607</v>
      </c>
      <c r="E10" s="241"/>
      <c r="F10" s="82">
        <v>421</v>
      </c>
      <c r="G10" s="82">
        <v>397</v>
      </c>
      <c r="H10" s="82">
        <v>278</v>
      </c>
      <c r="I10" s="82">
        <v>206</v>
      </c>
      <c r="J10" s="82">
        <v>129</v>
      </c>
      <c r="K10" s="84">
        <v>1431</v>
      </c>
      <c r="L10" s="85">
        <v>2038</v>
      </c>
      <c r="M10" s="70">
        <v>6</v>
      </c>
      <c r="N10" s="71">
        <v>8</v>
      </c>
      <c r="O10" s="72">
        <v>14</v>
      </c>
      <c r="P10" s="241"/>
      <c r="Q10" s="71">
        <v>5</v>
      </c>
      <c r="R10" s="71">
        <v>7</v>
      </c>
      <c r="S10" s="71">
        <v>7</v>
      </c>
      <c r="T10" s="71">
        <v>3</v>
      </c>
      <c r="U10" s="71">
        <v>6</v>
      </c>
      <c r="V10" s="72">
        <v>28</v>
      </c>
      <c r="W10" s="73">
        <v>42</v>
      </c>
      <c r="X10" s="70">
        <v>12</v>
      </c>
      <c r="Y10" s="71">
        <v>14</v>
      </c>
      <c r="Z10" s="72">
        <v>26</v>
      </c>
      <c r="AA10" s="241"/>
      <c r="AB10" s="71">
        <v>15</v>
      </c>
      <c r="AC10" s="71">
        <v>17</v>
      </c>
      <c r="AD10" s="71">
        <v>18</v>
      </c>
      <c r="AE10" s="71">
        <v>16</v>
      </c>
      <c r="AF10" s="71">
        <v>11</v>
      </c>
      <c r="AG10" s="72">
        <v>77</v>
      </c>
      <c r="AH10" s="73">
        <v>103</v>
      </c>
      <c r="AI10" s="70">
        <v>33</v>
      </c>
      <c r="AJ10" s="71">
        <v>35</v>
      </c>
      <c r="AK10" s="72">
        <v>68</v>
      </c>
      <c r="AL10" s="241"/>
      <c r="AM10" s="71">
        <v>46</v>
      </c>
      <c r="AN10" s="71">
        <v>40</v>
      </c>
      <c r="AO10" s="71">
        <v>23</v>
      </c>
      <c r="AP10" s="71">
        <v>22</v>
      </c>
      <c r="AQ10" s="71">
        <v>17</v>
      </c>
      <c r="AR10" s="72">
        <v>148</v>
      </c>
      <c r="AS10" s="73">
        <v>216</v>
      </c>
      <c r="AT10" s="70">
        <v>69</v>
      </c>
      <c r="AU10" s="71">
        <v>80</v>
      </c>
      <c r="AV10" s="72">
        <v>149</v>
      </c>
      <c r="AW10" s="241"/>
      <c r="AX10" s="71">
        <v>96</v>
      </c>
      <c r="AY10" s="71">
        <v>90</v>
      </c>
      <c r="AZ10" s="71">
        <v>51</v>
      </c>
      <c r="BA10" s="71">
        <v>41</v>
      </c>
      <c r="BB10" s="71">
        <v>21</v>
      </c>
      <c r="BC10" s="72">
        <v>299</v>
      </c>
      <c r="BD10" s="73">
        <v>448</v>
      </c>
      <c r="BE10" s="70">
        <v>95</v>
      </c>
      <c r="BF10" s="71">
        <v>86</v>
      </c>
      <c r="BG10" s="72">
        <v>181</v>
      </c>
      <c r="BH10" s="241"/>
      <c r="BI10" s="71">
        <v>130</v>
      </c>
      <c r="BJ10" s="71">
        <v>128</v>
      </c>
      <c r="BK10" s="71">
        <v>83</v>
      </c>
      <c r="BL10" s="71">
        <v>55</v>
      </c>
      <c r="BM10" s="71">
        <v>32</v>
      </c>
      <c r="BN10" s="72">
        <v>428</v>
      </c>
      <c r="BO10" s="73">
        <v>609</v>
      </c>
      <c r="BP10" s="70">
        <v>76</v>
      </c>
      <c r="BQ10" s="71">
        <v>93</v>
      </c>
      <c r="BR10" s="72">
        <v>169</v>
      </c>
      <c r="BS10" s="241"/>
      <c r="BT10" s="71">
        <v>129</v>
      </c>
      <c r="BU10" s="71">
        <v>115</v>
      </c>
      <c r="BV10" s="71">
        <v>96</v>
      </c>
      <c r="BW10" s="71">
        <v>69</v>
      </c>
      <c r="BX10" s="71">
        <v>42</v>
      </c>
      <c r="BY10" s="72">
        <v>451</v>
      </c>
      <c r="BZ10" s="73">
        <v>620</v>
      </c>
      <c r="CA10" s="70">
        <v>0</v>
      </c>
      <c r="CB10" s="71">
        <v>0</v>
      </c>
      <c r="CC10" s="72">
        <v>0</v>
      </c>
      <c r="CD10" s="241"/>
      <c r="CE10" s="71">
        <v>0</v>
      </c>
      <c r="CF10" s="71">
        <v>0</v>
      </c>
      <c r="CG10" s="71">
        <v>0</v>
      </c>
      <c r="CH10" s="71">
        <v>0</v>
      </c>
      <c r="CI10" s="71">
        <v>0</v>
      </c>
      <c r="CJ10" s="72">
        <v>0</v>
      </c>
      <c r="CK10" s="73">
        <v>0</v>
      </c>
      <c r="CL10" s="70">
        <v>291</v>
      </c>
      <c r="CM10" s="71">
        <v>316</v>
      </c>
      <c r="CN10" s="72">
        <v>607</v>
      </c>
      <c r="CO10" s="241"/>
      <c r="CP10" s="71">
        <v>421</v>
      </c>
      <c r="CQ10" s="71">
        <v>397</v>
      </c>
      <c r="CR10" s="71">
        <v>278</v>
      </c>
      <c r="CS10" s="71">
        <v>206</v>
      </c>
      <c r="CT10" s="71">
        <v>129</v>
      </c>
      <c r="CU10" s="72">
        <v>1431</v>
      </c>
      <c r="CV10" s="73">
        <v>2038</v>
      </c>
      <c r="CW10" s="123">
        <v>35</v>
      </c>
      <c r="CX10" s="82">
        <v>39</v>
      </c>
      <c r="CY10" s="83">
        <v>74</v>
      </c>
      <c r="CZ10" s="241"/>
      <c r="DA10" s="82">
        <v>45</v>
      </c>
      <c r="DB10" s="82">
        <v>52</v>
      </c>
      <c r="DC10" s="82">
        <v>29</v>
      </c>
      <c r="DD10" s="82">
        <v>34</v>
      </c>
      <c r="DE10" s="82">
        <v>11</v>
      </c>
      <c r="DF10" s="84">
        <v>171</v>
      </c>
      <c r="DG10" s="85">
        <v>245</v>
      </c>
      <c r="DH10" s="70">
        <v>1</v>
      </c>
      <c r="DI10" s="71">
        <v>2</v>
      </c>
      <c r="DJ10" s="72">
        <v>3</v>
      </c>
      <c r="DK10" s="241"/>
      <c r="DL10" s="71">
        <v>0</v>
      </c>
      <c r="DM10" s="71">
        <v>0</v>
      </c>
      <c r="DN10" s="71">
        <v>0</v>
      </c>
      <c r="DO10" s="71">
        <v>0</v>
      </c>
      <c r="DP10" s="71">
        <v>0</v>
      </c>
      <c r="DQ10" s="72">
        <v>0</v>
      </c>
      <c r="DR10" s="73">
        <v>3</v>
      </c>
      <c r="DS10" s="70">
        <v>5</v>
      </c>
      <c r="DT10" s="71">
        <v>5</v>
      </c>
      <c r="DU10" s="72">
        <v>10</v>
      </c>
      <c r="DV10" s="241"/>
      <c r="DW10" s="71">
        <v>3</v>
      </c>
      <c r="DX10" s="71">
        <v>1</v>
      </c>
      <c r="DY10" s="71">
        <v>2</v>
      </c>
      <c r="DZ10" s="71">
        <v>0</v>
      </c>
      <c r="EA10" s="71">
        <v>3</v>
      </c>
      <c r="EB10" s="72">
        <v>9</v>
      </c>
      <c r="EC10" s="73">
        <v>19</v>
      </c>
      <c r="ED10" s="70">
        <v>7</v>
      </c>
      <c r="EE10" s="71">
        <v>3</v>
      </c>
      <c r="EF10" s="72">
        <v>10</v>
      </c>
      <c r="EG10" s="241"/>
      <c r="EH10" s="71">
        <v>9</v>
      </c>
      <c r="EI10" s="71">
        <v>5</v>
      </c>
      <c r="EJ10" s="71">
        <v>3</v>
      </c>
      <c r="EK10" s="71">
        <v>6</v>
      </c>
      <c r="EL10" s="71">
        <v>0</v>
      </c>
      <c r="EM10" s="72">
        <v>23</v>
      </c>
      <c r="EN10" s="73">
        <v>33</v>
      </c>
      <c r="EO10" s="70">
        <v>8</v>
      </c>
      <c r="EP10" s="71">
        <v>10</v>
      </c>
      <c r="EQ10" s="72">
        <v>18</v>
      </c>
      <c r="ER10" s="241"/>
      <c r="ES10" s="71">
        <v>8</v>
      </c>
      <c r="ET10" s="71">
        <v>8</v>
      </c>
      <c r="EU10" s="71">
        <v>7</v>
      </c>
      <c r="EV10" s="71">
        <v>4</v>
      </c>
      <c r="EW10" s="71">
        <v>0</v>
      </c>
      <c r="EX10" s="72">
        <v>27</v>
      </c>
      <c r="EY10" s="73">
        <v>45</v>
      </c>
      <c r="EZ10" s="70">
        <v>11</v>
      </c>
      <c r="FA10" s="71">
        <v>8</v>
      </c>
      <c r="FB10" s="72">
        <v>19</v>
      </c>
      <c r="FC10" s="241"/>
      <c r="FD10" s="71">
        <v>10</v>
      </c>
      <c r="FE10" s="71">
        <v>14</v>
      </c>
      <c r="FF10" s="71">
        <v>4</v>
      </c>
      <c r="FG10" s="71">
        <v>11</v>
      </c>
      <c r="FH10" s="71">
        <v>1</v>
      </c>
      <c r="FI10" s="72">
        <v>40</v>
      </c>
      <c r="FJ10" s="73">
        <v>59</v>
      </c>
      <c r="FK10" s="70">
        <v>3</v>
      </c>
      <c r="FL10" s="71">
        <v>11</v>
      </c>
      <c r="FM10" s="72">
        <v>14</v>
      </c>
      <c r="FN10" s="244"/>
      <c r="FO10" s="71">
        <v>15</v>
      </c>
      <c r="FP10" s="71">
        <v>24</v>
      </c>
      <c r="FQ10" s="71">
        <v>13</v>
      </c>
      <c r="FR10" s="71">
        <v>13</v>
      </c>
      <c r="FS10" s="71">
        <v>7</v>
      </c>
      <c r="FT10" s="72">
        <v>72</v>
      </c>
      <c r="FU10" s="73">
        <v>86</v>
      </c>
      <c r="FV10" s="70">
        <v>0</v>
      </c>
      <c r="FW10" s="71">
        <v>0</v>
      </c>
      <c r="FX10" s="72">
        <v>0</v>
      </c>
      <c r="FY10" s="244"/>
      <c r="FZ10" s="71">
        <v>0</v>
      </c>
      <c r="GA10" s="71">
        <v>0</v>
      </c>
      <c r="GB10" s="71">
        <v>0</v>
      </c>
      <c r="GC10" s="71">
        <v>0</v>
      </c>
      <c r="GD10" s="71">
        <v>0</v>
      </c>
      <c r="GE10" s="72">
        <v>0</v>
      </c>
      <c r="GF10" s="73">
        <v>0</v>
      </c>
      <c r="GG10" s="70">
        <v>35</v>
      </c>
      <c r="GH10" s="71">
        <v>39</v>
      </c>
      <c r="GI10" s="72">
        <v>74</v>
      </c>
      <c r="GJ10" s="241"/>
      <c r="GK10" s="71">
        <v>45</v>
      </c>
      <c r="GL10" s="71">
        <v>52</v>
      </c>
      <c r="GM10" s="71">
        <v>29</v>
      </c>
      <c r="GN10" s="71">
        <v>34</v>
      </c>
      <c r="GO10" s="71">
        <v>11</v>
      </c>
      <c r="GP10" s="72">
        <v>171</v>
      </c>
      <c r="GQ10" s="73">
        <v>245</v>
      </c>
      <c r="GR10" s="123">
        <v>326</v>
      </c>
      <c r="GS10" s="82">
        <v>355</v>
      </c>
      <c r="GT10" s="83">
        <v>681</v>
      </c>
      <c r="GU10" s="241"/>
      <c r="GV10" s="82">
        <v>466</v>
      </c>
      <c r="GW10" s="82">
        <v>449</v>
      </c>
      <c r="GX10" s="82">
        <v>307</v>
      </c>
      <c r="GY10" s="82">
        <v>240</v>
      </c>
      <c r="GZ10" s="82">
        <v>140</v>
      </c>
      <c r="HA10" s="84">
        <v>1602</v>
      </c>
      <c r="HB10" s="85">
        <v>2283</v>
      </c>
      <c r="HC10" s="70">
        <v>7</v>
      </c>
      <c r="HD10" s="71">
        <v>10</v>
      </c>
      <c r="HE10" s="72">
        <v>17</v>
      </c>
      <c r="HF10" s="241"/>
      <c r="HG10" s="71">
        <v>5</v>
      </c>
      <c r="HH10" s="71">
        <v>7</v>
      </c>
      <c r="HI10" s="71">
        <v>7</v>
      </c>
      <c r="HJ10" s="71">
        <v>3</v>
      </c>
      <c r="HK10" s="71">
        <v>6</v>
      </c>
      <c r="HL10" s="72">
        <v>28</v>
      </c>
      <c r="HM10" s="73">
        <v>45</v>
      </c>
      <c r="HN10" s="70">
        <v>17</v>
      </c>
      <c r="HO10" s="71">
        <v>19</v>
      </c>
      <c r="HP10" s="72">
        <v>36</v>
      </c>
      <c r="HQ10" s="241"/>
      <c r="HR10" s="71">
        <v>18</v>
      </c>
      <c r="HS10" s="71">
        <v>18</v>
      </c>
      <c r="HT10" s="71">
        <v>20</v>
      </c>
      <c r="HU10" s="71">
        <v>16</v>
      </c>
      <c r="HV10" s="71">
        <v>14</v>
      </c>
      <c r="HW10" s="72">
        <v>86</v>
      </c>
      <c r="HX10" s="73">
        <v>122</v>
      </c>
      <c r="HY10" s="70">
        <v>40</v>
      </c>
      <c r="HZ10" s="71">
        <v>38</v>
      </c>
      <c r="IA10" s="72">
        <v>78</v>
      </c>
      <c r="IB10" s="244"/>
      <c r="IC10" s="71">
        <v>55</v>
      </c>
      <c r="ID10" s="71">
        <v>45</v>
      </c>
      <c r="IE10" s="71">
        <v>26</v>
      </c>
      <c r="IF10" s="71">
        <v>28</v>
      </c>
      <c r="IG10" s="71">
        <v>17</v>
      </c>
      <c r="IH10" s="72">
        <v>171</v>
      </c>
      <c r="II10" s="73">
        <v>249</v>
      </c>
      <c r="IJ10" s="70">
        <v>77</v>
      </c>
      <c r="IK10" s="71">
        <v>90</v>
      </c>
      <c r="IL10" s="72">
        <v>167</v>
      </c>
      <c r="IM10" s="244"/>
      <c r="IN10" s="71">
        <v>104</v>
      </c>
      <c r="IO10" s="71">
        <v>98</v>
      </c>
      <c r="IP10" s="71">
        <v>58</v>
      </c>
      <c r="IQ10" s="71">
        <v>45</v>
      </c>
      <c r="IR10" s="71">
        <v>21</v>
      </c>
      <c r="IS10" s="72">
        <v>326</v>
      </c>
      <c r="IT10" s="73">
        <v>493</v>
      </c>
      <c r="IU10" s="70">
        <v>106</v>
      </c>
      <c r="IV10" s="71">
        <v>94</v>
      </c>
      <c r="IW10" s="72">
        <v>200</v>
      </c>
      <c r="IX10" s="244"/>
      <c r="IY10" s="71">
        <v>140</v>
      </c>
      <c r="IZ10" s="71">
        <v>142</v>
      </c>
      <c r="JA10" s="71">
        <v>87</v>
      </c>
      <c r="JB10" s="71">
        <v>66</v>
      </c>
      <c r="JC10" s="71">
        <v>33</v>
      </c>
      <c r="JD10" s="72">
        <v>468</v>
      </c>
      <c r="JE10" s="73">
        <v>668</v>
      </c>
      <c r="JF10" s="70">
        <v>79</v>
      </c>
      <c r="JG10" s="71">
        <v>104</v>
      </c>
      <c r="JH10" s="72">
        <v>183</v>
      </c>
      <c r="JI10" s="244"/>
      <c r="JJ10" s="71">
        <v>144</v>
      </c>
      <c r="JK10" s="71">
        <v>139</v>
      </c>
      <c r="JL10" s="71">
        <v>109</v>
      </c>
      <c r="JM10" s="71">
        <v>82</v>
      </c>
      <c r="JN10" s="71">
        <v>49</v>
      </c>
      <c r="JO10" s="72">
        <v>523</v>
      </c>
      <c r="JP10" s="73">
        <v>706</v>
      </c>
      <c r="JQ10" s="70">
        <v>0</v>
      </c>
      <c r="JR10" s="71">
        <v>0</v>
      </c>
      <c r="JS10" s="72">
        <v>0</v>
      </c>
      <c r="JT10" s="244"/>
      <c r="JU10" s="71">
        <v>0</v>
      </c>
      <c r="JV10" s="71">
        <v>0</v>
      </c>
      <c r="JW10" s="71">
        <v>0</v>
      </c>
      <c r="JX10" s="71">
        <v>0</v>
      </c>
      <c r="JY10" s="71">
        <v>0</v>
      </c>
      <c r="JZ10" s="72">
        <v>0</v>
      </c>
      <c r="KA10" s="73">
        <v>0</v>
      </c>
      <c r="KB10" s="70">
        <v>326</v>
      </c>
      <c r="KC10" s="71">
        <v>355</v>
      </c>
      <c r="KD10" s="72">
        <v>681</v>
      </c>
      <c r="KE10" s="244"/>
      <c r="KF10" s="71">
        <v>466</v>
      </c>
      <c r="KG10" s="71">
        <v>449</v>
      </c>
      <c r="KH10" s="71">
        <v>307</v>
      </c>
      <c r="KI10" s="71">
        <v>240</v>
      </c>
      <c r="KJ10" s="71">
        <v>140</v>
      </c>
      <c r="KK10" s="72">
        <v>1602</v>
      </c>
      <c r="KL10" s="73">
        <v>2283</v>
      </c>
    </row>
    <row r="11" spans="1:298" ht="19.5" customHeight="1" x14ac:dyDescent="0.2">
      <c r="A11" s="126" t="s">
        <v>7</v>
      </c>
      <c r="B11" s="316">
        <v>253</v>
      </c>
      <c r="C11" s="82">
        <v>165</v>
      </c>
      <c r="D11" s="83">
        <v>418</v>
      </c>
      <c r="E11" s="241"/>
      <c r="F11" s="82">
        <v>544</v>
      </c>
      <c r="G11" s="82">
        <v>351</v>
      </c>
      <c r="H11" s="82">
        <v>223</v>
      </c>
      <c r="I11" s="82">
        <v>197</v>
      </c>
      <c r="J11" s="82">
        <v>91</v>
      </c>
      <c r="K11" s="84">
        <v>1406</v>
      </c>
      <c r="L11" s="85">
        <v>1824</v>
      </c>
      <c r="M11" s="70">
        <v>1</v>
      </c>
      <c r="N11" s="71">
        <v>3</v>
      </c>
      <c r="O11" s="72">
        <v>4</v>
      </c>
      <c r="P11" s="241"/>
      <c r="Q11" s="71">
        <v>1</v>
      </c>
      <c r="R11" s="71">
        <v>8</v>
      </c>
      <c r="S11" s="71">
        <v>7</v>
      </c>
      <c r="T11" s="71">
        <v>1</v>
      </c>
      <c r="U11" s="71">
        <v>0</v>
      </c>
      <c r="V11" s="72">
        <v>17</v>
      </c>
      <c r="W11" s="73">
        <v>21</v>
      </c>
      <c r="X11" s="70">
        <v>13</v>
      </c>
      <c r="Y11" s="71">
        <v>5</v>
      </c>
      <c r="Z11" s="72">
        <v>18</v>
      </c>
      <c r="AA11" s="241"/>
      <c r="AB11" s="71">
        <v>19</v>
      </c>
      <c r="AC11" s="71">
        <v>17</v>
      </c>
      <c r="AD11" s="71">
        <v>16</v>
      </c>
      <c r="AE11" s="71">
        <v>10</v>
      </c>
      <c r="AF11" s="71">
        <v>6</v>
      </c>
      <c r="AG11" s="72">
        <v>68</v>
      </c>
      <c r="AH11" s="73">
        <v>86</v>
      </c>
      <c r="AI11" s="70">
        <v>19</v>
      </c>
      <c r="AJ11" s="71">
        <v>20</v>
      </c>
      <c r="AK11" s="72">
        <v>39</v>
      </c>
      <c r="AL11" s="241"/>
      <c r="AM11" s="71">
        <v>63</v>
      </c>
      <c r="AN11" s="71">
        <v>35</v>
      </c>
      <c r="AO11" s="71">
        <v>22</v>
      </c>
      <c r="AP11" s="71">
        <v>13</v>
      </c>
      <c r="AQ11" s="71">
        <v>11</v>
      </c>
      <c r="AR11" s="72">
        <v>144</v>
      </c>
      <c r="AS11" s="73">
        <v>183</v>
      </c>
      <c r="AT11" s="70">
        <v>53</v>
      </c>
      <c r="AU11" s="71">
        <v>35</v>
      </c>
      <c r="AV11" s="72">
        <v>88</v>
      </c>
      <c r="AW11" s="241"/>
      <c r="AX11" s="71">
        <v>96</v>
      </c>
      <c r="AY11" s="71">
        <v>74</v>
      </c>
      <c r="AZ11" s="71">
        <v>37</v>
      </c>
      <c r="BA11" s="71">
        <v>33</v>
      </c>
      <c r="BB11" s="71">
        <v>23</v>
      </c>
      <c r="BC11" s="72">
        <v>263</v>
      </c>
      <c r="BD11" s="73">
        <v>351</v>
      </c>
      <c r="BE11" s="70">
        <v>97</v>
      </c>
      <c r="BF11" s="71">
        <v>59</v>
      </c>
      <c r="BG11" s="72">
        <v>156</v>
      </c>
      <c r="BH11" s="241"/>
      <c r="BI11" s="71">
        <v>167</v>
      </c>
      <c r="BJ11" s="71">
        <v>102</v>
      </c>
      <c r="BK11" s="71">
        <v>76</v>
      </c>
      <c r="BL11" s="71">
        <v>62</v>
      </c>
      <c r="BM11" s="71">
        <v>26</v>
      </c>
      <c r="BN11" s="72">
        <v>433</v>
      </c>
      <c r="BO11" s="73">
        <v>589</v>
      </c>
      <c r="BP11" s="70">
        <v>70</v>
      </c>
      <c r="BQ11" s="71">
        <v>43</v>
      </c>
      <c r="BR11" s="72">
        <v>113</v>
      </c>
      <c r="BS11" s="241"/>
      <c r="BT11" s="71">
        <v>198</v>
      </c>
      <c r="BU11" s="71">
        <v>115</v>
      </c>
      <c r="BV11" s="71">
        <v>65</v>
      </c>
      <c r="BW11" s="71">
        <v>78</v>
      </c>
      <c r="BX11" s="71">
        <v>25</v>
      </c>
      <c r="BY11" s="72">
        <v>481</v>
      </c>
      <c r="BZ11" s="73">
        <v>594</v>
      </c>
      <c r="CA11" s="70">
        <v>0</v>
      </c>
      <c r="CB11" s="71">
        <v>0</v>
      </c>
      <c r="CC11" s="72">
        <v>0</v>
      </c>
      <c r="CD11" s="241"/>
      <c r="CE11" s="71">
        <v>0</v>
      </c>
      <c r="CF11" s="71">
        <v>0</v>
      </c>
      <c r="CG11" s="71">
        <v>0</v>
      </c>
      <c r="CH11" s="71">
        <v>0</v>
      </c>
      <c r="CI11" s="71">
        <v>0</v>
      </c>
      <c r="CJ11" s="72">
        <v>0</v>
      </c>
      <c r="CK11" s="73">
        <v>0</v>
      </c>
      <c r="CL11" s="70">
        <v>253</v>
      </c>
      <c r="CM11" s="71">
        <v>165</v>
      </c>
      <c r="CN11" s="72">
        <v>418</v>
      </c>
      <c r="CO11" s="241"/>
      <c r="CP11" s="71">
        <v>544</v>
      </c>
      <c r="CQ11" s="71">
        <v>351</v>
      </c>
      <c r="CR11" s="71">
        <v>223</v>
      </c>
      <c r="CS11" s="71">
        <v>197</v>
      </c>
      <c r="CT11" s="71">
        <v>91</v>
      </c>
      <c r="CU11" s="72">
        <v>1406</v>
      </c>
      <c r="CV11" s="73">
        <v>1824</v>
      </c>
      <c r="CW11" s="123">
        <v>35</v>
      </c>
      <c r="CX11" s="82">
        <v>25</v>
      </c>
      <c r="CY11" s="83">
        <v>60</v>
      </c>
      <c r="CZ11" s="241"/>
      <c r="DA11" s="82">
        <v>72</v>
      </c>
      <c r="DB11" s="82">
        <v>37</v>
      </c>
      <c r="DC11" s="82">
        <v>30</v>
      </c>
      <c r="DD11" s="82">
        <v>26</v>
      </c>
      <c r="DE11" s="82">
        <v>17</v>
      </c>
      <c r="DF11" s="84">
        <v>182</v>
      </c>
      <c r="DG11" s="85">
        <v>242</v>
      </c>
      <c r="DH11" s="70">
        <v>1</v>
      </c>
      <c r="DI11" s="71">
        <v>0</v>
      </c>
      <c r="DJ11" s="72">
        <v>1</v>
      </c>
      <c r="DK11" s="241"/>
      <c r="DL11" s="71">
        <v>1</v>
      </c>
      <c r="DM11" s="71">
        <v>1</v>
      </c>
      <c r="DN11" s="71">
        <v>1</v>
      </c>
      <c r="DO11" s="71">
        <v>0</v>
      </c>
      <c r="DP11" s="71">
        <v>0</v>
      </c>
      <c r="DQ11" s="72">
        <v>3</v>
      </c>
      <c r="DR11" s="73">
        <v>4</v>
      </c>
      <c r="DS11" s="70">
        <v>4</v>
      </c>
      <c r="DT11" s="71">
        <v>0</v>
      </c>
      <c r="DU11" s="72">
        <v>4</v>
      </c>
      <c r="DV11" s="241"/>
      <c r="DW11" s="71">
        <v>2</v>
      </c>
      <c r="DX11" s="71">
        <v>4</v>
      </c>
      <c r="DY11" s="71">
        <v>0</v>
      </c>
      <c r="DZ11" s="71">
        <v>4</v>
      </c>
      <c r="EA11" s="71">
        <v>1</v>
      </c>
      <c r="EB11" s="72">
        <v>11</v>
      </c>
      <c r="EC11" s="73">
        <v>15</v>
      </c>
      <c r="ED11" s="70">
        <v>4</v>
      </c>
      <c r="EE11" s="71">
        <v>4</v>
      </c>
      <c r="EF11" s="72">
        <v>8</v>
      </c>
      <c r="EG11" s="241"/>
      <c r="EH11" s="71">
        <v>3</v>
      </c>
      <c r="EI11" s="71">
        <v>3</v>
      </c>
      <c r="EJ11" s="71">
        <v>3</v>
      </c>
      <c r="EK11" s="71">
        <v>0</v>
      </c>
      <c r="EL11" s="71">
        <v>1</v>
      </c>
      <c r="EM11" s="72">
        <v>10</v>
      </c>
      <c r="EN11" s="73">
        <v>18</v>
      </c>
      <c r="EO11" s="70">
        <v>11</v>
      </c>
      <c r="EP11" s="71">
        <v>6</v>
      </c>
      <c r="EQ11" s="72">
        <v>17</v>
      </c>
      <c r="ER11" s="241"/>
      <c r="ES11" s="71">
        <v>15</v>
      </c>
      <c r="ET11" s="71">
        <v>4</v>
      </c>
      <c r="EU11" s="71">
        <v>3</v>
      </c>
      <c r="EV11" s="71">
        <v>3</v>
      </c>
      <c r="EW11" s="71">
        <v>4</v>
      </c>
      <c r="EX11" s="72">
        <v>29</v>
      </c>
      <c r="EY11" s="73">
        <v>46</v>
      </c>
      <c r="EZ11" s="70">
        <v>6</v>
      </c>
      <c r="FA11" s="71">
        <v>6</v>
      </c>
      <c r="FB11" s="72">
        <v>12</v>
      </c>
      <c r="FC11" s="241"/>
      <c r="FD11" s="71">
        <v>21</v>
      </c>
      <c r="FE11" s="71">
        <v>9</v>
      </c>
      <c r="FF11" s="71">
        <v>5</v>
      </c>
      <c r="FG11" s="71">
        <v>8</v>
      </c>
      <c r="FH11" s="71">
        <v>4</v>
      </c>
      <c r="FI11" s="72">
        <v>47</v>
      </c>
      <c r="FJ11" s="73">
        <v>59</v>
      </c>
      <c r="FK11" s="70">
        <v>9</v>
      </c>
      <c r="FL11" s="71">
        <v>9</v>
      </c>
      <c r="FM11" s="72">
        <v>18</v>
      </c>
      <c r="FN11" s="244"/>
      <c r="FO11" s="71">
        <v>30</v>
      </c>
      <c r="FP11" s="71">
        <v>16</v>
      </c>
      <c r="FQ11" s="71">
        <v>18</v>
      </c>
      <c r="FR11" s="71">
        <v>11</v>
      </c>
      <c r="FS11" s="71">
        <v>7</v>
      </c>
      <c r="FT11" s="72">
        <v>82</v>
      </c>
      <c r="FU11" s="73">
        <v>100</v>
      </c>
      <c r="FV11" s="70">
        <v>0</v>
      </c>
      <c r="FW11" s="71">
        <v>0</v>
      </c>
      <c r="FX11" s="72">
        <v>0</v>
      </c>
      <c r="FY11" s="244"/>
      <c r="FZ11" s="71">
        <v>0</v>
      </c>
      <c r="GA11" s="71">
        <v>0</v>
      </c>
      <c r="GB11" s="71">
        <v>0</v>
      </c>
      <c r="GC11" s="71">
        <v>0</v>
      </c>
      <c r="GD11" s="71">
        <v>0</v>
      </c>
      <c r="GE11" s="72">
        <v>0</v>
      </c>
      <c r="GF11" s="73">
        <v>0</v>
      </c>
      <c r="GG11" s="70">
        <v>35</v>
      </c>
      <c r="GH11" s="71">
        <v>25</v>
      </c>
      <c r="GI11" s="72">
        <v>60</v>
      </c>
      <c r="GJ11" s="241"/>
      <c r="GK11" s="71">
        <v>72</v>
      </c>
      <c r="GL11" s="71">
        <v>37</v>
      </c>
      <c r="GM11" s="71">
        <v>30</v>
      </c>
      <c r="GN11" s="71">
        <v>26</v>
      </c>
      <c r="GO11" s="71">
        <v>17</v>
      </c>
      <c r="GP11" s="72">
        <v>182</v>
      </c>
      <c r="GQ11" s="73">
        <v>242</v>
      </c>
      <c r="GR11" s="123">
        <v>288</v>
      </c>
      <c r="GS11" s="82">
        <v>190</v>
      </c>
      <c r="GT11" s="83">
        <v>478</v>
      </c>
      <c r="GU11" s="241"/>
      <c r="GV11" s="82">
        <v>616</v>
      </c>
      <c r="GW11" s="82">
        <v>388</v>
      </c>
      <c r="GX11" s="82">
        <v>253</v>
      </c>
      <c r="GY11" s="82">
        <v>223</v>
      </c>
      <c r="GZ11" s="82">
        <v>108</v>
      </c>
      <c r="HA11" s="84">
        <v>1588</v>
      </c>
      <c r="HB11" s="85">
        <v>2066</v>
      </c>
      <c r="HC11" s="70">
        <v>2</v>
      </c>
      <c r="HD11" s="71">
        <v>3</v>
      </c>
      <c r="HE11" s="72">
        <v>5</v>
      </c>
      <c r="HF11" s="241"/>
      <c r="HG11" s="71">
        <v>2</v>
      </c>
      <c r="HH11" s="71">
        <v>9</v>
      </c>
      <c r="HI11" s="71">
        <v>8</v>
      </c>
      <c r="HJ11" s="71">
        <v>1</v>
      </c>
      <c r="HK11" s="71">
        <v>0</v>
      </c>
      <c r="HL11" s="72">
        <v>20</v>
      </c>
      <c r="HM11" s="73">
        <v>25</v>
      </c>
      <c r="HN11" s="70">
        <v>17</v>
      </c>
      <c r="HO11" s="71">
        <v>5</v>
      </c>
      <c r="HP11" s="72">
        <v>22</v>
      </c>
      <c r="HQ11" s="241"/>
      <c r="HR11" s="71">
        <v>21</v>
      </c>
      <c r="HS11" s="71">
        <v>21</v>
      </c>
      <c r="HT11" s="71">
        <v>16</v>
      </c>
      <c r="HU11" s="71">
        <v>14</v>
      </c>
      <c r="HV11" s="71">
        <v>7</v>
      </c>
      <c r="HW11" s="72">
        <v>79</v>
      </c>
      <c r="HX11" s="73">
        <v>101</v>
      </c>
      <c r="HY11" s="70">
        <v>23</v>
      </c>
      <c r="HZ11" s="71">
        <v>24</v>
      </c>
      <c r="IA11" s="72">
        <v>47</v>
      </c>
      <c r="IB11" s="244"/>
      <c r="IC11" s="71">
        <v>66</v>
      </c>
      <c r="ID11" s="71">
        <v>38</v>
      </c>
      <c r="IE11" s="71">
        <v>25</v>
      </c>
      <c r="IF11" s="71">
        <v>13</v>
      </c>
      <c r="IG11" s="71">
        <v>12</v>
      </c>
      <c r="IH11" s="72">
        <v>154</v>
      </c>
      <c r="II11" s="73">
        <v>201</v>
      </c>
      <c r="IJ11" s="70">
        <v>64</v>
      </c>
      <c r="IK11" s="71">
        <v>41</v>
      </c>
      <c r="IL11" s="72">
        <v>105</v>
      </c>
      <c r="IM11" s="244"/>
      <c r="IN11" s="71">
        <v>111</v>
      </c>
      <c r="IO11" s="71">
        <v>78</v>
      </c>
      <c r="IP11" s="71">
        <v>40</v>
      </c>
      <c r="IQ11" s="71">
        <v>36</v>
      </c>
      <c r="IR11" s="71">
        <v>27</v>
      </c>
      <c r="IS11" s="72">
        <v>292</v>
      </c>
      <c r="IT11" s="73">
        <v>397</v>
      </c>
      <c r="IU11" s="70">
        <v>103</v>
      </c>
      <c r="IV11" s="71">
        <v>65</v>
      </c>
      <c r="IW11" s="72">
        <v>168</v>
      </c>
      <c r="IX11" s="244"/>
      <c r="IY11" s="71">
        <v>188</v>
      </c>
      <c r="IZ11" s="71">
        <v>111</v>
      </c>
      <c r="JA11" s="71">
        <v>81</v>
      </c>
      <c r="JB11" s="71">
        <v>70</v>
      </c>
      <c r="JC11" s="71">
        <v>30</v>
      </c>
      <c r="JD11" s="72">
        <v>480</v>
      </c>
      <c r="JE11" s="73">
        <v>648</v>
      </c>
      <c r="JF11" s="70">
        <v>79</v>
      </c>
      <c r="JG11" s="71">
        <v>52</v>
      </c>
      <c r="JH11" s="72">
        <v>131</v>
      </c>
      <c r="JI11" s="244"/>
      <c r="JJ11" s="71">
        <v>228</v>
      </c>
      <c r="JK11" s="71">
        <v>131</v>
      </c>
      <c r="JL11" s="71">
        <v>83</v>
      </c>
      <c r="JM11" s="71">
        <v>89</v>
      </c>
      <c r="JN11" s="71">
        <v>32</v>
      </c>
      <c r="JO11" s="72">
        <v>563</v>
      </c>
      <c r="JP11" s="73">
        <v>694</v>
      </c>
      <c r="JQ11" s="70">
        <v>0</v>
      </c>
      <c r="JR11" s="71">
        <v>0</v>
      </c>
      <c r="JS11" s="72">
        <v>0</v>
      </c>
      <c r="JT11" s="244"/>
      <c r="JU11" s="71">
        <v>0</v>
      </c>
      <c r="JV11" s="71">
        <v>0</v>
      </c>
      <c r="JW11" s="71">
        <v>0</v>
      </c>
      <c r="JX11" s="71">
        <v>0</v>
      </c>
      <c r="JY11" s="71">
        <v>0</v>
      </c>
      <c r="JZ11" s="72">
        <v>0</v>
      </c>
      <c r="KA11" s="73">
        <v>0</v>
      </c>
      <c r="KB11" s="70">
        <v>288</v>
      </c>
      <c r="KC11" s="71">
        <v>190</v>
      </c>
      <c r="KD11" s="72">
        <v>478</v>
      </c>
      <c r="KE11" s="244"/>
      <c r="KF11" s="71">
        <v>616</v>
      </c>
      <c r="KG11" s="71">
        <v>388</v>
      </c>
      <c r="KH11" s="71">
        <v>253</v>
      </c>
      <c r="KI11" s="71">
        <v>223</v>
      </c>
      <c r="KJ11" s="71">
        <v>108</v>
      </c>
      <c r="KK11" s="72">
        <v>1588</v>
      </c>
      <c r="KL11" s="73">
        <v>2066</v>
      </c>
    </row>
    <row r="12" spans="1:298" ht="19.5" customHeight="1" x14ac:dyDescent="0.2">
      <c r="A12" s="126" t="s">
        <v>8</v>
      </c>
      <c r="B12" s="316">
        <v>104</v>
      </c>
      <c r="C12" s="82">
        <v>64</v>
      </c>
      <c r="D12" s="83">
        <v>168</v>
      </c>
      <c r="E12" s="241"/>
      <c r="F12" s="82">
        <v>152</v>
      </c>
      <c r="G12" s="82">
        <v>115</v>
      </c>
      <c r="H12" s="82">
        <v>95</v>
      </c>
      <c r="I12" s="82">
        <v>63</v>
      </c>
      <c r="J12" s="82">
        <v>35</v>
      </c>
      <c r="K12" s="84">
        <v>460</v>
      </c>
      <c r="L12" s="85">
        <v>628</v>
      </c>
      <c r="M12" s="70">
        <v>2</v>
      </c>
      <c r="N12" s="71">
        <v>3</v>
      </c>
      <c r="O12" s="72">
        <v>5</v>
      </c>
      <c r="P12" s="241"/>
      <c r="Q12" s="71">
        <v>1</v>
      </c>
      <c r="R12" s="71">
        <v>1</v>
      </c>
      <c r="S12" s="71">
        <v>1</v>
      </c>
      <c r="T12" s="71">
        <v>3</v>
      </c>
      <c r="U12" s="71">
        <v>1</v>
      </c>
      <c r="V12" s="72">
        <v>7</v>
      </c>
      <c r="W12" s="73">
        <v>12</v>
      </c>
      <c r="X12" s="70">
        <v>3</v>
      </c>
      <c r="Y12" s="71">
        <v>4</v>
      </c>
      <c r="Z12" s="72">
        <v>7</v>
      </c>
      <c r="AA12" s="241"/>
      <c r="AB12" s="71">
        <v>5</v>
      </c>
      <c r="AC12" s="71">
        <v>7</v>
      </c>
      <c r="AD12" s="71">
        <v>5</v>
      </c>
      <c r="AE12" s="71">
        <v>5</v>
      </c>
      <c r="AF12" s="71">
        <v>1</v>
      </c>
      <c r="AG12" s="72">
        <v>23</v>
      </c>
      <c r="AH12" s="73">
        <v>30</v>
      </c>
      <c r="AI12" s="70">
        <v>7</v>
      </c>
      <c r="AJ12" s="71">
        <v>5</v>
      </c>
      <c r="AK12" s="72">
        <v>12</v>
      </c>
      <c r="AL12" s="241"/>
      <c r="AM12" s="71">
        <v>15</v>
      </c>
      <c r="AN12" s="71">
        <v>14</v>
      </c>
      <c r="AO12" s="71">
        <v>7</v>
      </c>
      <c r="AP12" s="71">
        <v>2</v>
      </c>
      <c r="AQ12" s="71">
        <v>5</v>
      </c>
      <c r="AR12" s="72">
        <v>43</v>
      </c>
      <c r="AS12" s="73">
        <v>55</v>
      </c>
      <c r="AT12" s="70">
        <v>28</v>
      </c>
      <c r="AU12" s="71">
        <v>8</v>
      </c>
      <c r="AV12" s="72">
        <v>36</v>
      </c>
      <c r="AW12" s="241"/>
      <c r="AX12" s="71">
        <v>25</v>
      </c>
      <c r="AY12" s="71">
        <v>20</v>
      </c>
      <c r="AZ12" s="71">
        <v>14</v>
      </c>
      <c r="BA12" s="71">
        <v>16</v>
      </c>
      <c r="BB12" s="71">
        <v>7</v>
      </c>
      <c r="BC12" s="72">
        <v>82</v>
      </c>
      <c r="BD12" s="73">
        <v>118</v>
      </c>
      <c r="BE12" s="70">
        <v>32</v>
      </c>
      <c r="BF12" s="71">
        <v>20</v>
      </c>
      <c r="BG12" s="72">
        <v>52</v>
      </c>
      <c r="BH12" s="241"/>
      <c r="BI12" s="71">
        <v>48</v>
      </c>
      <c r="BJ12" s="71">
        <v>33</v>
      </c>
      <c r="BK12" s="71">
        <v>25</v>
      </c>
      <c r="BL12" s="71">
        <v>13</v>
      </c>
      <c r="BM12" s="71">
        <v>10</v>
      </c>
      <c r="BN12" s="72">
        <v>129</v>
      </c>
      <c r="BO12" s="73">
        <v>181</v>
      </c>
      <c r="BP12" s="70">
        <v>32</v>
      </c>
      <c r="BQ12" s="71">
        <v>24</v>
      </c>
      <c r="BR12" s="72">
        <v>56</v>
      </c>
      <c r="BS12" s="241"/>
      <c r="BT12" s="71">
        <v>58</v>
      </c>
      <c r="BU12" s="71">
        <v>40</v>
      </c>
      <c r="BV12" s="71">
        <v>43</v>
      </c>
      <c r="BW12" s="71">
        <v>24</v>
      </c>
      <c r="BX12" s="71">
        <v>11</v>
      </c>
      <c r="BY12" s="72">
        <v>176</v>
      </c>
      <c r="BZ12" s="73">
        <v>232</v>
      </c>
      <c r="CA12" s="70">
        <v>0</v>
      </c>
      <c r="CB12" s="71">
        <v>0</v>
      </c>
      <c r="CC12" s="72">
        <v>0</v>
      </c>
      <c r="CD12" s="241"/>
      <c r="CE12" s="71">
        <v>0</v>
      </c>
      <c r="CF12" s="71">
        <v>0</v>
      </c>
      <c r="CG12" s="71">
        <v>0</v>
      </c>
      <c r="CH12" s="71">
        <v>0</v>
      </c>
      <c r="CI12" s="71">
        <v>0</v>
      </c>
      <c r="CJ12" s="72">
        <v>0</v>
      </c>
      <c r="CK12" s="73">
        <v>0</v>
      </c>
      <c r="CL12" s="70">
        <v>104</v>
      </c>
      <c r="CM12" s="71">
        <v>64</v>
      </c>
      <c r="CN12" s="72">
        <v>168</v>
      </c>
      <c r="CO12" s="241"/>
      <c r="CP12" s="71">
        <v>152</v>
      </c>
      <c r="CQ12" s="71">
        <v>115</v>
      </c>
      <c r="CR12" s="71">
        <v>95</v>
      </c>
      <c r="CS12" s="71">
        <v>63</v>
      </c>
      <c r="CT12" s="71">
        <v>35</v>
      </c>
      <c r="CU12" s="72">
        <v>460</v>
      </c>
      <c r="CV12" s="73">
        <v>628</v>
      </c>
      <c r="CW12" s="123">
        <v>15</v>
      </c>
      <c r="CX12" s="82">
        <v>14</v>
      </c>
      <c r="CY12" s="83">
        <v>29</v>
      </c>
      <c r="CZ12" s="241"/>
      <c r="DA12" s="82">
        <v>20</v>
      </c>
      <c r="DB12" s="82">
        <v>24</v>
      </c>
      <c r="DC12" s="82">
        <v>14</v>
      </c>
      <c r="DD12" s="82">
        <v>7</v>
      </c>
      <c r="DE12" s="82">
        <v>6</v>
      </c>
      <c r="DF12" s="84">
        <v>71</v>
      </c>
      <c r="DG12" s="85">
        <v>100</v>
      </c>
      <c r="DH12" s="70">
        <v>1</v>
      </c>
      <c r="DI12" s="71">
        <v>0</v>
      </c>
      <c r="DJ12" s="72">
        <v>1</v>
      </c>
      <c r="DK12" s="241"/>
      <c r="DL12" s="71">
        <v>0</v>
      </c>
      <c r="DM12" s="71">
        <v>0</v>
      </c>
      <c r="DN12" s="71">
        <v>0</v>
      </c>
      <c r="DO12" s="71">
        <v>0</v>
      </c>
      <c r="DP12" s="71">
        <v>0</v>
      </c>
      <c r="DQ12" s="72">
        <v>0</v>
      </c>
      <c r="DR12" s="73">
        <v>1</v>
      </c>
      <c r="DS12" s="70">
        <v>1</v>
      </c>
      <c r="DT12" s="71">
        <v>1</v>
      </c>
      <c r="DU12" s="72">
        <v>2</v>
      </c>
      <c r="DV12" s="241"/>
      <c r="DW12" s="71">
        <v>0</v>
      </c>
      <c r="DX12" s="71">
        <v>2</v>
      </c>
      <c r="DY12" s="71">
        <v>1</v>
      </c>
      <c r="DZ12" s="71">
        <v>1</v>
      </c>
      <c r="EA12" s="71">
        <v>0</v>
      </c>
      <c r="EB12" s="72">
        <v>4</v>
      </c>
      <c r="EC12" s="73">
        <v>6</v>
      </c>
      <c r="ED12" s="70">
        <v>3</v>
      </c>
      <c r="EE12" s="71">
        <v>2</v>
      </c>
      <c r="EF12" s="72">
        <v>5</v>
      </c>
      <c r="EG12" s="241"/>
      <c r="EH12" s="71">
        <v>1</v>
      </c>
      <c r="EI12" s="71">
        <v>2</v>
      </c>
      <c r="EJ12" s="71">
        <v>0</v>
      </c>
      <c r="EK12" s="71">
        <v>1</v>
      </c>
      <c r="EL12" s="71">
        <v>1</v>
      </c>
      <c r="EM12" s="72">
        <v>5</v>
      </c>
      <c r="EN12" s="73">
        <v>10</v>
      </c>
      <c r="EO12" s="70">
        <v>3</v>
      </c>
      <c r="EP12" s="71">
        <v>2</v>
      </c>
      <c r="EQ12" s="72">
        <v>5</v>
      </c>
      <c r="ER12" s="241"/>
      <c r="ES12" s="71">
        <v>5</v>
      </c>
      <c r="ET12" s="71">
        <v>6</v>
      </c>
      <c r="EU12" s="71">
        <v>3</v>
      </c>
      <c r="EV12" s="71">
        <v>0</v>
      </c>
      <c r="EW12" s="71">
        <v>0</v>
      </c>
      <c r="EX12" s="72">
        <v>14</v>
      </c>
      <c r="EY12" s="73">
        <v>19</v>
      </c>
      <c r="EZ12" s="70">
        <v>3</v>
      </c>
      <c r="FA12" s="71">
        <v>3</v>
      </c>
      <c r="FB12" s="72">
        <v>6</v>
      </c>
      <c r="FC12" s="241"/>
      <c r="FD12" s="71">
        <v>6</v>
      </c>
      <c r="FE12" s="71">
        <v>4</v>
      </c>
      <c r="FF12" s="71">
        <v>2</v>
      </c>
      <c r="FG12" s="71">
        <v>1</v>
      </c>
      <c r="FH12" s="71">
        <v>1</v>
      </c>
      <c r="FI12" s="72">
        <v>14</v>
      </c>
      <c r="FJ12" s="73">
        <v>20</v>
      </c>
      <c r="FK12" s="70">
        <v>4</v>
      </c>
      <c r="FL12" s="71">
        <v>6</v>
      </c>
      <c r="FM12" s="72">
        <v>10</v>
      </c>
      <c r="FN12" s="244"/>
      <c r="FO12" s="71">
        <v>8</v>
      </c>
      <c r="FP12" s="71">
        <v>10</v>
      </c>
      <c r="FQ12" s="71">
        <v>8</v>
      </c>
      <c r="FR12" s="71">
        <v>4</v>
      </c>
      <c r="FS12" s="71">
        <v>4</v>
      </c>
      <c r="FT12" s="72">
        <v>34</v>
      </c>
      <c r="FU12" s="73">
        <v>44</v>
      </c>
      <c r="FV12" s="70">
        <v>0</v>
      </c>
      <c r="FW12" s="71">
        <v>0</v>
      </c>
      <c r="FX12" s="72">
        <v>0</v>
      </c>
      <c r="FY12" s="244"/>
      <c r="FZ12" s="71">
        <v>0</v>
      </c>
      <c r="GA12" s="71">
        <v>0</v>
      </c>
      <c r="GB12" s="71">
        <v>0</v>
      </c>
      <c r="GC12" s="71">
        <v>0</v>
      </c>
      <c r="GD12" s="71">
        <v>0</v>
      </c>
      <c r="GE12" s="72">
        <v>0</v>
      </c>
      <c r="GF12" s="73">
        <v>0</v>
      </c>
      <c r="GG12" s="70">
        <v>15</v>
      </c>
      <c r="GH12" s="71">
        <v>14</v>
      </c>
      <c r="GI12" s="72">
        <v>29</v>
      </c>
      <c r="GJ12" s="241"/>
      <c r="GK12" s="71">
        <v>20</v>
      </c>
      <c r="GL12" s="71">
        <v>24</v>
      </c>
      <c r="GM12" s="71">
        <v>14</v>
      </c>
      <c r="GN12" s="71">
        <v>7</v>
      </c>
      <c r="GO12" s="71">
        <v>6</v>
      </c>
      <c r="GP12" s="72">
        <v>71</v>
      </c>
      <c r="GQ12" s="73">
        <v>100</v>
      </c>
      <c r="GR12" s="123">
        <v>119</v>
      </c>
      <c r="GS12" s="82">
        <v>78</v>
      </c>
      <c r="GT12" s="83">
        <v>197</v>
      </c>
      <c r="GU12" s="241"/>
      <c r="GV12" s="82">
        <v>172</v>
      </c>
      <c r="GW12" s="82">
        <v>139</v>
      </c>
      <c r="GX12" s="82">
        <v>109</v>
      </c>
      <c r="GY12" s="82">
        <v>70</v>
      </c>
      <c r="GZ12" s="82">
        <v>41</v>
      </c>
      <c r="HA12" s="84">
        <v>531</v>
      </c>
      <c r="HB12" s="85">
        <v>728</v>
      </c>
      <c r="HC12" s="70">
        <v>3</v>
      </c>
      <c r="HD12" s="71">
        <v>3</v>
      </c>
      <c r="HE12" s="72">
        <v>6</v>
      </c>
      <c r="HF12" s="241"/>
      <c r="HG12" s="71">
        <v>1</v>
      </c>
      <c r="HH12" s="71">
        <v>1</v>
      </c>
      <c r="HI12" s="71">
        <v>1</v>
      </c>
      <c r="HJ12" s="71">
        <v>3</v>
      </c>
      <c r="HK12" s="71">
        <v>1</v>
      </c>
      <c r="HL12" s="72">
        <v>7</v>
      </c>
      <c r="HM12" s="73">
        <v>13</v>
      </c>
      <c r="HN12" s="70">
        <v>4</v>
      </c>
      <c r="HO12" s="71">
        <v>5</v>
      </c>
      <c r="HP12" s="72">
        <v>9</v>
      </c>
      <c r="HQ12" s="241"/>
      <c r="HR12" s="71">
        <v>5</v>
      </c>
      <c r="HS12" s="71">
        <v>9</v>
      </c>
      <c r="HT12" s="71">
        <v>6</v>
      </c>
      <c r="HU12" s="71">
        <v>6</v>
      </c>
      <c r="HV12" s="71">
        <v>1</v>
      </c>
      <c r="HW12" s="72">
        <v>27</v>
      </c>
      <c r="HX12" s="73">
        <v>36</v>
      </c>
      <c r="HY12" s="70">
        <v>10</v>
      </c>
      <c r="HZ12" s="71">
        <v>7</v>
      </c>
      <c r="IA12" s="72">
        <v>17</v>
      </c>
      <c r="IB12" s="244"/>
      <c r="IC12" s="71">
        <v>16</v>
      </c>
      <c r="ID12" s="71">
        <v>16</v>
      </c>
      <c r="IE12" s="71">
        <v>7</v>
      </c>
      <c r="IF12" s="71">
        <v>3</v>
      </c>
      <c r="IG12" s="71">
        <v>6</v>
      </c>
      <c r="IH12" s="72">
        <v>48</v>
      </c>
      <c r="II12" s="73">
        <v>65</v>
      </c>
      <c r="IJ12" s="70">
        <v>31</v>
      </c>
      <c r="IK12" s="71">
        <v>10</v>
      </c>
      <c r="IL12" s="72">
        <v>41</v>
      </c>
      <c r="IM12" s="244"/>
      <c r="IN12" s="71">
        <v>30</v>
      </c>
      <c r="IO12" s="71">
        <v>26</v>
      </c>
      <c r="IP12" s="71">
        <v>17</v>
      </c>
      <c r="IQ12" s="71">
        <v>16</v>
      </c>
      <c r="IR12" s="71">
        <v>7</v>
      </c>
      <c r="IS12" s="72">
        <v>96</v>
      </c>
      <c r="IT12" s="73">
        <v>137</v>
      </c>
      <c r="IU12" s="70">
        <v>35</v>
      </c>
      <c r="IV12" s="71">
        <v>23</v>
      </c>
      <c r="IW12" s="72">
        <v>58</v>
      </c>
      <c r="IX12" s="244"/>
      <c r="IY12" s="71">
        <v>54</v>
      </c>
      <c r="IZ12" s="71">
        <v>37</v>
      </c>
      <c r="JA12" s="71">
        <v>27</v>
      </c>
      <c r="JB12" s="71">
        <v>14</v>
      </c>
      <c r="JC12" s="71">
        <v>11</v>
      </c>
      <c r="JD12" s="72">
        <v>143</v>
      </c>
      <c r="JE12" s="73">
        <v>201</v>
      </c>
      <c r="JF12" s="70">
        <v>36</v>
      </c>
      <c r="JG12" s="71">
        <v>30</v>
      </c>
      <c r="JH12" s="72">
        <v>66</v>
      </c>
      <c r="JI12" s="244"/>
      <c r="JJ12" s="71">
        <v>66</v>
      </c>
      <c r="JK12" s="71">
        <v>50</v>
      </c>
      <c r="JL12" s="71">
        <v>51</v>
      </c>
      <c r="JM12" s="71">
        <v>28</v>
      </c>
      <c r="JN12" s="71">
        <v>15</v>
      </c>
      <c r="JO12" s="72">
        <v>210</v>
      </c>
      <c r="JP12" s="73">
        <v>276</v>
      </c>
      <c r="JQ12" s="70">
        <v>0</v>
      </c>
      <c r="JR12" s="71">
        <v>0</v>
      </c>
      <c r="JS12" s="72">
        <v>0</v>
      </c>
      <c r="JT12" s="244"/>
      <c r="JU12" s="71">
        <v>0</v>
      </c>
      <c r="JV12" s="71">
        <v>0</v>
      </c>
      <c r="JW12" s="71">
        <v>0</v>
      </c>
      <c r="JX12" s="71">
        <v>0</v>
      </c>
      <c r="JY12" s="71">
        <v>0</v>
      </c>
      <c r="JZ12" s="72">
        <v>0</v>
      </c>
      <c r="KA12" s="73">
        <v>0</v>
      </c>
      <c r="KB12" s="70">
        <v>119</v>
      </c>
      <c r="KC12" s="71">
        <v>78</v>
      </c>
      <c r="KD12" s="72">
        <v>197</v>
      </c>
      <c r="KE12" s="244"/>
      <c r="KF12" s="71">
        <v>172</v>
      </c>
      <c r="KG12" s="71">
        <v>139</v>
      </c>
      <c r="KH12" s="71">
        <v>109</v>
      </c>
      <c r="KI12" s="71">
        <v>70</v>
      </c>
      <c r="KJ12" s="71">
        <v>41</v>
      </c>
      <c r="KK12" s="72">
        <v>531</v>
      </c>
      <c r="KL12" s="73">
        <v>728</v>
      </c>
    </row>
    <row r="13" spans="1:298" ht="19.5" customHeight="1" x14ac:dyDescent="0.2">
      <c r="A13" s="126" t="s">
        <v>9</v>
      </c>
      <c r="B13" s="316">
        <v>171</v>
      </c>
      <c r="C13" s="82">
        <v>120</v>
      </c>
      <c r="D13" s="83">
        <v>291</v>
      </c>
      <c r="E13" s="241"/>
      <c r="F13" s="82">
        <v>214</v>
      </c>
      <c r="G13" s="82">
        <v>151</v>
      </c>
      <c r="H13" s="82">
        <v>112</v>
      </c>
      <c r="I13" s="82">
        <v>99</v>
      </c>
      <c r="J13" s="82">
        <v>52</v>
      </c>
      <c r="K13" s="84">
        <v>628</v>
      </c>
      <c r="L13" s="85">
        <v>919</v>
      </c>
      <c r="M13" s="70">
        <v>2</v>
      </c>
      <c r="N13" s="71">
        <v>2</v>
      </c>
      <c r="O13" s="72">
        <v>4</v>
      </c>
      <c r="P13" s="241"/>
      <c r="Q13" s="71">
        <v>0</v>
      </c>
      <c r="R13" s="71">
        <v>0</v>
      </c>
      <c r="S13" s="71">
        <v>0</v>
      </c>
      <c r="T13" s="71">
        <v>0</v>
      </c>
      <c r="U13" s="71">
        <v>0</v>
      </c>
      <c r="V13" s="72">
        <v>0</v>
      </c>
      <c r="W13" s="73">
        <v>4</v>
      </c>
      <c r="X13" s="70">
        <v>9</v>
      </c>
      <c r="Y13" s="71">
        <v>4</v>
      </c>
      <c r="Z13" s="72">
        <v>13</v>
      </c>
      <c r="AA13" s="241"/>
      <c r="AB13" s="71">
        <v>4</v>
      </c>
      <c r="AC13" s="71">
        <v>6</v>
      </c>
      <c r="AD13" s="71">
        <v>1</v>
      </c>
      <c r="AE13" s="71">
        <v>3</v>
      </c>
      <c r="AF13" s="71">
        <v>2</v>
      </c>
      <c r="AG13" s="72">
        <v>16</v>
      </c>
      <c r="AH13" s="73">
        <v>29</v>
      </c>
      <c r="AI13" s="70">
        <v>8</v>
      </c>
      <c r="AJ13" s="71">
        <v>5</v>
      </c>
      <c r="AK13" s="72">
        <v>13</v>
      </c>
      <c r="AL13" s="241"/>
      <c r="AM13" s="71">
        <v>10</v>
      </c>
      <c r="AN13" s="71">
        <v>7</v>
      </c>
      <c r="AO13" s="71">
        <v>6</v>
      </c>
      <c r="AP13" s="71">
        <v>4</v>
      </c>
      <c r="AQ13" s="71">
        <v>5</v>
      </c>
      <c r="AR13" s="72">
        <v>32</v>
      </c>
      <c r="AS13" s="73">
        <v>45</v>
      </c>
      <c r="AT13" s="70">
        <v>25</v>
      </c>
      <c r="AU13" s="71">
        <v>29</v>
      </c>
      <c r="AV13" s="72">
        <v>54</v>
      </c>
      <c r="AW13" s="241"/>
      <c r="AX13" s="71">
        <v>32</v>
      </c>
      <c r="AY13" s="71">
        <v>29</v>
      </c>
      <c r="AZ13" s="71">
        <v>12</v>
      </c>
      <c r="BA13" s="71">
        <v>11</v>
      </c>
      <c r="BB13" s="71">
        <v>9</v>
      </c>
      <c r="BC13" s="72">
        <v>93</v>
      </c>
      <c r="BD13" s="73">
        <v>147</v>
      </c>
      <c r="BE13" s="70">
        <v>77</v>
      </c>
      <c r="BF13" s="71">
        <v>39</v>
      </c>
      <c r="BG13" s="72">
        <v>116</v>
      </c>
      <c r="BH13" s="241"/>
      <c r="BI13" s="71">
        <v>84</v>
      </c>
      <c r="BJ13" s="71">
        <v>44</v>
      </c>
      <c r="BK13" s="71">
        <v>41</v>
      </c>
      <c r="BL13" s="71">
        <v>42</v>
      </c>
      <c r="BM13" s="71">
        <v>14</v>
      </c>
      <c r="BN13" s="72">
        <v>225</v>
      </c>
      <c r="BO13" s="73">
        <v>341</v>
      </c>
      <c r="BP13" s="70">
        <v>50</v>
      </c>
      <c r="BQ13" s="71">
        <v>41</v>
      </c>
      <c r="BR13" s="72">
        <v>91</v>
      </c>
      <c r="BS13" s="241"/>
      <c r="BT13" s="71">
        <v>84</v>
      </c>
      <c r="BU13" s="71">
        <v>65</v>
      </c>
      <c r="BV13" s="71">
        <v>52</v>
      </c>
      <c r="BW13" s="71">
        <v>39</v>
      </c>
      <c r="BX13" s="71">
        <v>22</v>
      </c>
      <c r="BY13" s="72">
        <v>262</v>
      </c>
      <c r="BZ13" s="73">
        <v>353</v>
      </c>
      <c r="CA13" s="70">
        <v>0</v>
      </c>
      <c r="CB13" s="71">
        <v>0</v>
      </c>
      <c r="CC13" s="72">
        <v>0</v>
      </c>
      <c r="CD13" s="241"/>
      <c r="CE13" s="71">
        <v>0</v>
      </c>
      <c r="CF13" s="71">
        <v>0</v>
      </c>
      <c r="CG13" s="71">
        <v>0</v>
      </c>
      <c r="CH13" s="71">
        <v>0</v>
      </c>
      <c r="CI13" s="71">
        <v>0</v>
      </c>
      <c r="CJ13" s="72">
        <v>0</v>
      </c>
      <c r="CK13" s="73">
        <v>0</v>
      </c>
      <c r="CL13" s="70">
        <v>171</v>
      </c>
      <c r="CM13" s="71">
        <v>120</v>
      </c>
      <c r="CN13" s="72">
        <v>291</v>
      </c>
      <c r="CO13" s="241"/>
      <c r="CP13" s="71">
        <v>214</v>
      </c>
      <c r="CQ13" s="71">
        <v>151</v>
      </c>
      <c r="CR13" s="71">
        <v>112</v>
      </c>
      <c r="CS13" s="71">
        <v>99</v>
      </c>
      <c r="CT13" s="71">
        <v>52</v>
      </c>
      <c r="CU13" s="72">
        <v>628</v>
      </c>
      <c r="CV13" s="73">
        <v>919</v>
      </c>
      <c r="CW13" s="123">
        <v>41</v>
      </c>
      <c r="CX13" s="82">
        <v>17</v>
      </c>
      <c r="CY13" s="83">
        <v>58</v>
      </c>
      <c r="CZ13" s="241"/>
      <c r="DA13" s="82">
        <v>34</v>
      </c>
      <c r="DB13" s="82">
        <v>27</v>
      </c>
      <c r="DC13" s="82">
        <v>23</v>
      </c>
      <c r="DD13" s="82">
        <v>10</v>
      </c>
      <c r="DE13" s="82">
        <v>13</v>
      </c>
      <c r="DF13" s="84">
        <v>107</v>
      </c>
      <c r="DG13" s="85">
        <v>165</v>
      </c>
      <c r="DH13" s="70">
        <v>2</v>
      </c>
      <c r="DI13" s="71">
        <v>0</v>
      </c>
      <c r="DJ13" s="72">
        <v>2</v>
      </c>
      <c r="DK13" s="241"/>
      <c r="DL13" s="71">
        <v>0</v>
      </c>
      <c r="DM13" s="71">
        <v>0</v>
      </c>
      <c r="DN13" s="71">
        <v>0</v>
      </c>
      <c r="DO13" s="71">
        <v>0</v>
      </c>
      <c r="DP13" s="71">
        <v>0</v>
      </c>
      <c r="DQ13" s="72">
        <v>0</v>
      </c>
      <c r="DR13" s="73">
        <v>2</v>
      </c>
      <c r="DS13" s="70">
        <v>2</v>
      </c>
      <c r="DT13" s="71">
        <v>2</v>
      </c>
      <c r="DU13" s="72">
        <v>4</v>
      </c>
      <c r="DV13" s="241"/>
      <c r="DW13" s="71">
        <v>0</v>
      </c>
      <c r="DX13" s="71">
        <v>0</v>
      </c>
      <c r="DY13" s="71">
        <v>0</v>
      </c>
      <c r="DZ13" s="71">
        <v>0</v>
      </c>
      <c r="EA13" s="71">
        <v>0</v>
      </c>
      <c r="EB13" s="72">
        <v>0</v>
      </c>
      <c r="EC13" s="73">
        <v>4</v>
      </c>
      <c r="ED13" s="70">
        <v>6</v>
      </c>
      <c r="EE13" s="71">
        <v>2</v>
      </c>
      <c r="EF13" s="72">
        <v>8</v>
      </c>
      <c r="EG13" s="241"/>
      <c r="EH13" s="71">
        <v>2</v>
      </c>
      <c r="EI13" s="71">
        <v>2</v>
      </c>
      <c r="EJ13" s="71">
        <v>4</v>
      </c>
      <c r="EK13" s="71">
        <v>1</v>
      </c>
      <c r="EL13" s="71">
        <v>1</v>
      </c>
      <c r="EM13" s="72">
        <v>10</v>
      </c>
      <c r="EN13" s="73">
        <v>18</v>
      </c>
      <c r="EO13" s="70">
        <v>7</v>
      </c>
      <c r="EP13" s="71">
        <v>5</v>
      </c>
      <c r="EQ13" s="72">
        <v>12</v>
      </c>
      <c r="ER13" s="241"/>
      <c r="ES13" s="71">
        <v>5</v>
      </c>
      <c r="ET13" s="71">
        <v>2</v>
      </c>
      <c r="EU13" s="71">
        <v>0</v>
      </c>
      <c r="EV13" s="71">
        <v>1</v>
      </c>
      <c r="EW13" s="71">
        <v>3</v>
      </c>
      <c r="EX13" s="72">
        <v>11</v>
      </c>
      <c r="EY13" s="73">
        <v>23</v>
      </c>
      <c r="EZ13" s="70">
        <v>12</v>
      </c>
      <c r="FA13" s="71">
        <v>5</v>
      </c>
      <c r="FB13" s="72">
        <v>17</v>
      </c>
      <c r="FC13" s="241"/>
      <c r="FD13" s="71">
        <v>11</v>
      </c>
      <c r="FE13" s="71">
        <v>8</v>
      </c>
      <c r="FF13" s="71">
        <v>6</v>
      </c>
      <c r="FG13" s="71">
        <v>2</v>
      </c>
      <c r="FH13" s="71">
        <v>1</v>
      </c>
      <c r="FI13" s="72">
        <v>28</v>
      </c>
      <c r="FJ13" s="73">
        <v>45</v>
      </c>
      <c r="FK13" s="70">
        <v>12</v>
      </c>
      <c r="FL13" s="71">
        <v>3</v>
      </c>
      <c r="FM13" s="72">
        <v>15</v>
      </c>
      <c r="FN13" s="244"/>
      <c r="FO13" s="71">
        <v>16</v>
      </c>
      <c r="FP13" s="71">
        <v>15</v>
      </c>
      <c r="FQ13" s="71">
        <v>13</v>
      </c>
      <c r="FR13" s="71">
        <v>6</v>
      </c>
      <c r="FS13" s="71">
        <v>8</v>
      </c>
      <c r="FT13" s="72">
        <v>58</v>
      </c>
      <c r="FU13" s="73">
        <v>73</v>
      </c>
      <c r="FV13" s="70">
        <v>0</v>
      </c>
      <c r="FW13" s="71">
        <v>0</v>
      </c>
      <c r="FX13" s="72">
        <v>0</v>
      </c>
      <c r="FY13" s="244"/>
      <c r="FZ13" s="71">
        <v>0</v>
      </c>
      <c r="GA13" s="71">
        <v>0</v>
      </c>
      <c r="GB13" s="71">
        <v>0</v>
      </c>
      <c r="GC13" s="71">
        <v>0</v>
      </c>
      <c r="GD13" s="71">
        <v>0</v>
      </c>
      <c r="GE13" s="72">
        <v>0</v>
      </c>
      <c r="GF13" s="73">
        <v>0</v>
      </c>
      <c r="GG13" s="70">
        <v>41</v>
      </c>
      <c r="GH13" s="71">
        <v>17</v>
      </c>
      <c r="GI13" s="72">
        <v>58</v>
      </c>
      <c r="GJ13" s="241"/>
      <c r="GK13" s="71">
        <v>34</v>
      </c>
      <c r="GL13" s="71">
        <v>27</v>
      </c>
      <c r="GM13" s="71">
        <v>23</v>
      </c>
      <c r="GN13" s="71">
        <v>10</v>
      </c>
      <c r="GO13" s="71">
        <v>13</v>
      </c>
      <c r="GP13" s="72">
        <v>107</v>
      </c>
      <c r="GQ13" s="73">
        <v>165</v>
      </c>
      <c r="GR13" s="123">
        <v>212</v>
      </c>
      <c r="GS13" s="82">
        <v>137</v>
      </c>
      <c r="GT13" s="83">
        <v>349</v>
      </c>
      <c r="GU13" s="241"/>
      <c r="GV13" s="82">
        <v>248</v>
      </c>
      <c r="GW13" s="82">
        <v>178</v>
      </c>
      <c r="GX13" s="82">
        <v>135</v>
      </c>
      <c r="GY13" s="82">
        <v>109</v>
      </c>
      <c r="GZ13" s="82">
        <v>65</v>
      </c>
      <c r="HA13" s="84">
        <v>735</v>
      </c>
      <c r="HB13" s="85">
        <v>1084</v>
      </c>
      <c r="HC13" s="70">
        <v>4</v>
      </c>
      <c r="HD13" s="71">
        <v>2</v>
      </c>
      <c r="HE13" s="72">
        <v>6</v>
      </c>
      <c r="HF13" s="241"/>
      <c r="HG13" s="71">
        <v>0</v>
      </c>
      <c r="HH13" s="71">
        <v>0</v>
      </c>
      <c r="HI13" s="71">
        <v>0</v>
      </c>
      <c r="HJ13" s="71">
        <v>0</v>
      </c>
      <c r="HK13" s="71">
        <v>0</v>
      </c>
      <c r="HL13" s="72">
        <v>0</v>
      </c>
      <c r="HM13" s="73">
        <v>6</v>
      </c>
      <c r="HN13" s="70">
        <v>11</v>
      </c>
      <c r="HO13" s="71">
        <v>6</v>
      </c>
      <c r="HP13" s="72">
        <v>17</v>
      </c>
      <c r="HQ13" s="241"/>
      <c r="HR13" s="71">
        <v>4</v>
      </c>
      <c r="HS13" s="71">
        <v>6</v>
      </c>
      <c r="HT13" s="71">
        <v>1</v>
      </c>
      <c r="HU13" s="71">
        <v>3</v>
      </c>
      <c r="HV13" s="71">
        <v>2</v>
      </c>
      <c r="HW13" s="72">
        <v>16</v>
      </c>
      <c r="HX13" s="73">
        <v>33</v>
      </c>
      <c r="HY13" s="70">
        <v>14</v>
      </c>
      <c r="HZ13" s="71">
        <v>7</v>
      </c>
      <c r="IA13" s="72">
        <v>21</v>
      </c>
      <c r="IB13" s="244"/>
      <c r="IC13" s="71">
        <v>12</v>
      </c>
      <c r="ID13" s="71">
        <v>9</v>
      </c>
      <c r="IE13" s="71">
        <v>10</v>
      </c>
      <c r="IF13" s="71">
        <v>5</v>
      </c>
      <c r="IG13" s="71">
        <v>6</v>
      </c>
      <c r="IH13" s="72">
        <v>42</v>
      </c>
      <c r="II13" s="73">
        <v>63</v>
      </c>
      <c r="IJ13" s="70">
        <v>32</v>
      </c>
      <c r="IK13" s="71">
        <v>34</v>
      </c>
      <c r="IL13" s="72">
        <v>66</v>
      </c>
      <c r="IM13" s="244"/>
      <c r="IN13" s="71">
        <v>37</v>
      </c>
      <c r="IO13" s="71">
        <v>31</v>
      </c>
      <c r="IP13" s="71">
        <v>12</v>
      </c>
      <c r="IQ13" s="71">
        <v>12</v>
      </c>
      <c r="IR13" s="71">
        <v>12</v>
      </c>
      <c r="IS13" s="72">
        <v>104</v>
      </c>
      <c r="IT13" s="73">
        <v>170</v>
      </c>
      <c r="IU13" s="70">
        <v>89</v>
      </c>
      <c r="IV13" s="71">
        <v>44</v>
      </c>
      <c r="IW13" s="72">
        <v>133</v>
      </c>
      <c r="IX13" s="244"/>
      <c r="IY13" s="71">
        <v>95</v>
      </c>
      <c r="IZ13" s="71">
        <v>52</v>
      </c>
      <c r="JA13" s="71">
        <v>47</v>
      </c>
      <c r="JB13" s="71">
        <v>44</v>
      </c>
      <c r="JC13" s="71">
        <v>15</v>
      </c>
      <c r="JD13" s="72">
        <v>253</v>
      </c>
      <c r="JE13" s="73">
        <v>386</v>
      </c>
      <c r="JF13" s="70">
        <v>62</v>
      </c>
      <c r="JG13" s="71">
        <v>44</v>
      </c>
      <c r="JH13" s="72">
        <v>106</v>
      </c>
      <c r="JI13" s="244"/>
      <c r="JJ13" s="71">
        <v>100</v>
      </c>
      <c r="JK13" s="71">
        <v>80</v>
      </c>
      <c r="JL13" s="71">
        <v>65</v>
      </c>
      <c r="JM13" s="71">
        <v>45</v>
      </c>
      <c r="JN13" s="71">
        <v>30</v>
      </c>
      <c r="JO13" s="72">
        <v>320</v>
      </c>
      <c r="JP13" s="73">
        <v>426</v>
      </c>
      <c r="JQ13" s="70">
        <v>0</v>
      </c>
      <c r="JR13" s="71">
        <v>0</v>
      </c>
      <c r="JS13" s="72">
        <v>0</v>
      </c>
      <c r="JT13" s="244"/>
      <c r="JU13" s="71">
        <v>0</v>
      </c>
      <c r="JV13" s="71">
        <v>0</v>
      </c>
      <c r="JW13" s="71">
        <v>0</v>
      </c>
      <c r="JX13" s="71">
        <v>0</v>
      </c>
      <c r="JY13" s="71">
        <v>0</v>
      </c>
      <c r="JZ13" s="72">
        <v>0</v>
      </c>
      <c r="KA13" s="73">
        <v>0</v>
      </c>
      <c r="KB13" s="70">
        <v>212</v>
      </c>
      <c r="KC13" s="71">
        <v>137</v>
      </c>
      <c r="KD13" s="72">
        <v>349</v>
      </c>
      <c r="KE13" s="244"/>
      <c r="KF13" s="71">
        <v>248</v>
      </c>
      <c r="KG13" s="71">
        <v>178</v>
      </c>
      <c r="KH13" s="71">
        <v>135</v>
      </c>
      <c r="KI13" s="71">
        <v>109</v>
      </c>
      <c r="KJ13" s="71">
        <v>65</v>
      </c>
      <c r="KK13" s="72">
        <v>735</v>
      </c>
      <c r="KL13" s="73">
        <v>1084</v>
      </c>
    </row>
    <row r="14" spans="1:298" ht="19.5" customHeight="1" x14ac:dyDescent="0.2">
      <c r="A14" s="126" t="s">
        <v>10</v>
      </c>
      <c r="B14" s="316">
        <v>355</v>
      </c>
      <c r="C14" s="82">
        <v>222</v>
      </c>
      <c r="D14" s="83">
        <v>577</v>
      </c>
      <c r="E14" s="241"/>
      <c r="F14" s="82">
        <v>334</v>
      </c>
      <c r="G14" s="82">
        <v>200</v>
      </c>
      <c r="H14" s="82">
        <v>141</v>
      </c>
      <c r="I14" s="82">
        <v>138</v>
      </c>
      <c r="J14" s="82">
        <v>73</v>
      </c>
      <c r="K14" s="84">
        <v>886</v>
      </c>
      <c r="L14" s="85">
        <v>1463</v>
      </c>
      <c r="M14" s="70">
        <v>3</v>
      </c>
      <c r="N14" s="71">
        <v>3</v>
      </c>
      <c r="O14" s="72">
        <v>6</v>
      </c>
      <c r="P14" s="241"/>
      <c r="Q14" s="71">
        <v>6</v>
      </c>
      <c r="R14" s="71">
        <v>7</v>
      </c>
      <c r="S14" s="71">
        <v>0</v>
      </c>
      <c r="T14" s="71">
        <v>2</v>
      </c>
      <c r="U14" s="71">
        <v>2</v>
      </c>
      <c r="V14" s="72">
        <v>17</v>
      </c>
      <c r="W14" s="73">
        <v>23</v>
      </c>
      <c r="X14" s="70">
        <v>14</v>
      </c>
      <c r="Y14" s="71">
        <v>9</v>
      </c>
      <c r="Z14" s="72">
        <v>23</v>
      </c>
      <c r="AA14" s="241"/>
      <c r="AB14" s="71">
        <v>13</v>
      </c>
      <c r="AC14" s="71">
        <v>9</v>
      </c>
      <c r="AD14" s="71">
        <v>2</v>
      </c>
      <c r="AE14" s="71">
        <v>9</v>
      </c>
      <c r="AF14" s="71">
        <v>2</v>
      </c>
      <c r="AG14" s="72">
        <v>35</v>
      </c>
      <c r="AH14" s="73">
        <v>58</v>
      </c>
      <c r="AI14" s="70">
        <v>20</v>
      </c>
      <c r="AJ14" s="71">
        <v>20</v>
      </c>
      <c r="AK14" s="72">
        <v>40</v>
      </c>
      <c r="AL14" s="241"/>
      <c r="AM14" s="71">
        <v>24</v>
      </c>
      <c r="AN14" s="71">
        <v>17</v>
      </c>
      <c r="AO14" s="71">
        <v>16</v>
      </c>
      <c r="AP14" s="71">
        <v>7</v>
      </c>
      <c r="AQ14" s="71">
        <v>7</v>
      </c>
      <c r="AR14" s="72">
        <v>71</v>
      </c>
      <c r="AS14" s="73">
        <v>111</v>
      </c>
      <c r="AT14" s="70">
        <v>78</v>
      </c>
      <c r="AU14" s="71">
        <v>49</v>
      </c>
      <c r="AV14" s="72">
        <v>127</v>
      </c>
      <c r="AW14" s="241"/>
      <c r="AX14" s="71">
        <v>65</v>
      </c>
      <c r="AY14" s="71">
        <v>33</v>
      </c>
      <c r="AZ14" s="71">
        <v>23</v>
      </c>
      <c r="BA14" s="71">
        <v>19</v>
      </c>
      <c r="BB14" s="71">
        <v>12</v>
      </c>
      <c r="BC14" s="72">
        <v>152</v>
      </c>
      <c r="BD14" s="73">
        <v>279</v>
      </c>
      <c r="BE14" s="70">
        <v>133</v>
      </c>
      <c r="BF14" s="71">
        <v>70</v>
      </c>
      <c r="BG14" s="72">
        <v>203</v>
      </c>
      <c r="BH14" s="241"/>
      <c r="BI14" s="71">
        <v>96</v>
      </c>
      <c r="BJ14" s="71">
        <v>56</v>
      </c>
      <c r="BK14" s="71">
        <v>41</v>
      </c>
      <c r="BL14" s="71">
        <v>50</v>
      </c>
      <c r="BM14" s="71">
        <v>23</v>
      </c>
      <c r="BN14" s="72">
        <v>266</v>
      </c>
      <c r="BO14" s="73">
        <v>469</v>
      </c>
      <c r="BP14" s="70">
        <v>107</v>
      </c>
      <c r="BQ14" s="71">
        <v>71</v>
      </c>
      <c r="BR14" s="72">
        <v>178</v>
      </c>
      <c r="BS14" s="241"/>
      <c r="BT14" s="71">
        <v>130</v>
      </c>
      <c r="BU14" s="71">
        <v>78</v>
      </c>
      <c r="BV14" s="71">
        <v>59</v>
      </c>
      <c r="BW14" s="71">
        <v>51</v>
      </c>
      <c r="BX14" s="71">
        <v>27</v>
      </c>
      <c r="BY14" s="72">
        <v>345</v>
      </c>
      <c r="BZ14" s="73">
        <v>523</v>
      </c>
      <c r="CA14" s="70">
        <v>0</v>
      </c>
      <c r="CB14" s="71">
        <v>0</v>
      </c>
      <c r="CC14" s="72">
        <v>0</v>
      </c>
      <c r="CD14" s="241"/>
      <c r="CE14" s="71">
        <v>0</v>
      </c>
      <c r="CF14" s="71">
        <v>0</v>
      </c>
      <c r="CG14" s="71">
        <v>0</v>
      </c>
      <c r="CH14" s="71">
        <v>0</v>
      </c>
      <c r="CI14" s="71">
        <v>0</v>
      </c>
      <c r="CJ14" s="72">
        <v>0</v>
      </c>
      <c r="CK14" s="73">
        <v>0</v>
      </c>
      <c r="CL14" s="70">
        <v>355</v>
      </c>
      <c r="CM14" s="71">
        <v>222</v>
      </c>
      <c r="CN14" s="72">
        <v>577</v>
      </c>
      <c r="CO14" s="241"/>
      <c r="CP14" s="71">
        <v>334</v>
      </c>
      <c r="CQ14" s="71">
        <v>200</v>
      </c>
      <c r="CR14" s="71">
        <v>141</v>
      </c>
      <c r="CS14" s="71">
        <v>138</v>
      </c>
      <c r="CT14" s="71">
        <v>73</v>
      </c>
      <c r="CU14" s="72">
        <v>886</v>
      </c>
      <c r="CV14" s="73">
        <v>1463</v>
      </c>
      <c r="CW14" s="123">
        <v>35</v>
      </c>
      <c r="CX14" s="82">
        <v>32</v>
      </c>
      <c r="CY14" s="83">
        <v>67</v>
      </c>
      <c r="CZ14" s="241"/>
      <c r="DA14" s="82">
        <v>52</v>
      </c>
      <c r="DB14" s="82">
        <v>18</v>
      </c>
      <c r="DC14" s="82">
        <v>23</v>
      </c>
      <c r="DD14" s="82">
        <v>16</v>
      </c>
      <c r="DE14" s="82">
        <v>19</v>
      </c>
      <c r="DF14" s="84">
        <v>128</v>
      </c>
      <c r="DG14" s="85">
        <v>195</v>
      </c>
      <c r="DH14" s="70">
        <v>0</v>
      </c>
      <c r="DI14" s="71">
        <v>0</v>
      </c>
      <c r="DJ14" s="72">
        <v>0</v>
      </c>
      <c r="DK14" s="241"/>
      <c r="DL14" s="71">
        <v>2</v>
      </c>
      <c r="DM14" s="71">
        <v>0</v>
      </c>
      <c r="DN14" s="71">
        <v>0</v>
      </c>
      <c r="DO14" s="71">
        <v>0</v>
      </c>
      <c r="DP14" s="71">
        <v>0</v>
      </c>
      <c r="DQ14" s="72">
        <v>2</v>
      </c>
      <c r="DR14" s="73">
        <v>2</v>
      </c>
      <c r="DS14" s="70">
        <v>1</v>
      </c>
      <c r="DT14" s="71">
        <v>1</v>
      </c>
      <c r="DU14" s="72">
        <v>2</v>
      </c>
      <c r="DV14" s="241"/>
      <c r="DW14" s="71">
        <v>1</v>
      </c>
      <c r="DX14" s="71">
        <v>2</v>
      </c>
      <c r="DY14" s="71">
        <v>0</v>
      </c>
      <c r="DZ14" s="71">
        <v>1</v>
      </c>
      <c r="EA14" s="71">
        <v>1</v>
      </c>
      <c r="EB14" s="72">
        <v>5</v>
      </c>
      <c r="EC14" s="73">
        <v>7</v>
      </c>
      <c r="ED14" s="70">
        <v>5</v>
      </c>
      <c r="EE14" s="71">
        <v>6</v>
      </c>
      <c r="EF14" s="72">
        <v>11</v>
      </c>
      <c r="EG14" s="241"/>
      <c r="EH14" s="71">
        <v>3</v>
      </c>
      <c r="EI14" s="71">
        <v>1</v>
      </c>
      <c r="EJ14" s="71">
        <v>1</v>
      </c>
      <c r="EK14" s="71">
        <v>0</v>
      </c>
      <c r="EL14" s="71">
        <v>0</v>
      </c>
      <c r="EM14" s="72">
        <v>5</v>
      </c>
      <c r="EN14" s="73">
        <v>16</v>
      </c>
      <c r="EO14" s="70">
        <v>7</v>
      </c>
      <c r="EP14" s="71">
        <v>7</v>
      </c>
      <c r="EQ14" s="72">
        <v>14</v>
      </c>
      <c r="ER14" s="241"/>
      <c r="ES14" s="71">
        <v>6</v>
      </c>
      <c r="ET14" s="71">
        <v>0</v>
      </c>
      <c r="EU14" s="71">
        <v>6</v>
      </c>
      <c r="EV14" s="71">
        <v>2</v>
      </c>
      <c r="EW14" s="71">
        <v>0</v>
      </c>
      <c r="EX14" s="72">
        <v>14</v>
      </c>
      <c r="EY14" s="73">
        <v>28</v>
      </c>
      <c r="EZ14" s="70">
        <v>15</v>
      </c>
      <c r="FA14" s="71">
        <v>8</v>
      </c>
      <c r="FB14" s="72">
        <v>23</v>
      </c>
      <c r="FC14" s="241"/>
      <c r="FD14" s="71">
        <v>15</v>
      </c>
      <c r="FE14" s="71">
        <v>4</v>
      </c>
      <c r="FF14" s="71">
        <v>5</v>
      </c>
      <c r="FG14" s="71">
        <v>4</v>
      </c>
      <c r="FH14" s="71">
        <v>3</v>
      </c>
      <c r="FI14" s="72">
        <v>31</v>
      </c>
      <c r="FJ14" s="73">
        <v>54</v>
      </c>
      <c r="FK14" s="70">
        <v>7</v>
      </c>
      <c r="FL14" s="71">
        <v>10</v>
      </c>
      <c r="FM14" s="72">
        <v>17</v>
      </c>
      <c r="FN14" s="244"/>
      <c r="FO14" s="71">
        <v>25</v>
      </c>
      <c r="FP14" s="71">
        <v>11</v>
      </c>
      <c r="FQ14" s="71">
        <v>11</v>
      </c>
      <c r="FR14" s="71">
        <v>9</v>
      </c>
      <c r="FS14" s="71">
        <v>15</v>
      </c>
      <c r="FT14" s="72">
        <v>71</v>
      </c>
      <c r="FU14" s="73">
        <v>88</v>
      </c>
      <c r="FV14" s="70">
        <v>0</v>
      </c>
      <c r="FW14" s="71">
        <v>0</v>
      </c>
      <c r="FX14" s="72">
        <v>0</v>
      </c>
      <c r="FY14" s="244"/>
      <c r="FZ14" s="71">
        <v>0</v>
      </c>
      <c r="GA14" s="71">
        <v>0</v>
      </c>
      <c r="GB14" s="71">
        <v>0</v>
      </c>
      <c r="GC14" s="71">
        <v>0</v>
      </c>
      <c r="GD14" s="71">
        <v>0</v>
      </c>
      <c r="GE14" s="72">
        <v>0</v>
      </c>
      <c r="GF14" s="73">
        <v>0</v>
      </c>
      <c r="GG14" s="70">
        <v>35</v>
      </c>
      <c r="GH14" s="71">
        <v>32</v>
      </c>
      <c r="GI14" s="72">
        <v>67</v>
      </c>
      <c r="GJ14" s="241"/>
      <c r="GK14" s="71">
        <v>52</v>
      </c>
      <c r="GL14" s="71">
        <v>18</v>
      </c>
      <c r="GM14" s="71">
        <v>23</v>
      </c>
      <c r="GN14" s="71">
        <v>16</v>
      </c>
      <c r="GO14" s="71">
        <v>19</v>
      </c>
      <c r="GP14" s="72">
        <v>128</v>
      </c>
      <c r="GQ14" s="73">
        <v>195</v>
      </c>
      <c r="GR14" s="123">
        <v>390</v>
      </c>
      <c r="GS14" s="82">
        <v>254</v>
      </c>
      <c r="GT14" s="83">
        <v>644</v>
      </c>
      <c r="GU14" s="241"/>
      <c r="GV14" s="82">
        <v>386</v>
      </c>
      <c r="GW14" s="82">
        <v>218</v>
      </c>
      <c r="GX14" s="82">
        <v>164</v>
      </c>
      <c r="GY14" s="82">
        <v>154</v>
      </c>
      <c r="GZ14" s="82">
        <v>92</v>
      </c>
      <c r="HA14" s="84">
        <v>1014</v>
      </c>
      <c r="HB14" s="85">
        <v>1658</v>
      </c>
      <c r="HC14" s="70">
        <v>3</v>
      </c>
      <c r="HD14" s="71">
        <v>3</v>
      </c>
      <c r="HE14" s="72">
        <v>6</v>
      </c>
      <c r="HF14" s="241"/>
      <c r="HG14" s="71">
        <v>8</v>
      </c>
      <c r="HH14" s="71">
        <v>7</v>
      </c>
      <c r="HI14" s="71">
        <v>0</v>
      </c>
      <c r="HJ14" s="71">
        <v>2</v>
      </c>
      <c r="HK14" s="71">
        <v>2</v>
      </c>
      <c r="HL14" s="72">
        <v>19</v>
      </c>
      <c r="HM14" s="73">
        <v>25</v>
      </c>
      <c r="HN14" s="70">
        <v>15</v>
      </c>
      <c r="HO14" s="71">
        <v>10</v>
      </c>
      <c r="HP14" s="72">
        <v>25</v>
      </c>
      <c r="HQ14" s="241"/>
      <c r="HR14" s="71">
        <v>14</v>
      </c>
      <c r="HS14" s="71">
        <v>11</v>
      </c>
      <c r="HT14" s="71">
        <v>2</v>
      </c>
      <c r="HU14" s="71">
        <v>10</v>
      </c>
      <c r="HV14" s="71">
        <v>3</v>
      </c>
      <c r="HW14" s="72">
        <v>40</v>
      </c>
      <c r="HX14" s="73">
        <v>65</v>
      </c>
      <c r="HY14" s="70">
        <v>25</v>
      </c>
      <c r="HZ14" s="71">
        <v>26</v>
      </c>
      <c r="IA14" s="72">
        <v>51</v>
      </c>
      <c r="IB14" s="244"/>
      <c r="IC14" s="71">
        <v>27</v>
      </c>
      <c r="ID14" s="71">
        <v>18</v>
      </c>
      <c r="IE14" s="71">
        <v>17</v>
      </c>
      <c r="IF14" s="71">
        <v>7</v>
      </c>
      <c r="IG14" s="71">
        <v>7</v>
      </c>
      <c r="IH14" s="72">
        <v>76</v>
      </c>
      <c r="II14" s="73">
        <v>127</v>
      </c>
      <c r="IJ14" s="70">
        <v>85</v>
      </c>
      <c r="IK14" s="71">
        <v>56</v>
      </c>
      <c r="IL14" s="72">
        <v>141</v>
      </c>
      <c r="IM14" s="244"/>
      <c r="IN14" s="71">
        <v>71</v>
      </c>
      <c r="IO14" s="71">
        <v>33</v>
      </c>
      <c r="IP14" s="71">
        <v>29</v>
      </c>
      <c r="IQ14" s="71">
        <v>21</v>
      </c>
      <c r="IR14" s="71">
        <v>12</v>
      </c>
      <c r="IS14" s="72">
        <v>166</v>
      </c>
      <c r="IT14" s="73">
        <v>307</v>
      </c>
      <c r="IU14" s="70">
        <v>148</v>
      </c>
      <c r="IV14" s="71">
        <v>78</v>
      </c>
      <c r="IW14" s="72">
        <v>226</v>
      </c>
      <c r="IX14" s="244"/>
      <c r="IY14" s="71">
        <v>111</v>
      </c>
      <c r="IZ14" s="71">
        <v>60</v>
      </c>
      <c r="JA14" s="71">
        <v>46</v>
      </c>
      <c r="JB14" s="71">
        <v>54</v>
      </c>
      <c r="JC14" s="71">
        <v>26</v>
      </c>
      <c r="JD14" s="72">
        <v>297</v>
      </c>
      <c r="JE14" s="73">
        <v>523</v>
      </c>
      <c r="JF14" s="70">
        <v>114</v>
      </c>
      <c r="JG14" s="71">
        <v>81</v>
      </c>
      <c r="JH14" s="72">
        <v>195</v>
      </c>
      <c r="JI14" s="244"/>
      <c r="JJ14" s="71">
        <v>155</v>
      </c>
      <c r="JK14" s="71">
        <v>89</v>
      </c>
      <c r="JL14" s="71">
        <v>70</v>
      </c>
      <c r="JM14" s="71">
        <v>60</v>
      </c>
      <c r="JN14" s="71">
        <v>42</v>
      </c>
      <c r="JO14" s="72">
        <v>416</v>
      </c>
      <c r="JP14" s="73">
        <v>611</v>
      </c>
      <c r="JQ14" s="70">
        <v>0</v>
      </c>
      <c r="JR14" s="71">
        <v>0</v>
      </c>
      <c r="JS14" s="72">
        <v>0</v>
      </c>
      <c r="JT14" s="244"/>
      <c r="JU14" s="71">
        <v>0</v>
      </c>
      <c r="JV14" s="71">
        <v>0</v>
      </c>
      <c r="JW14" s="71">
        <v>0</v>
      </c>
      <c r="JX14" s="71">
        <v>0</v>
      </c>
      <c r="JY14" s="71">
        <v>0</v>
      </c>
      <c r="JZ14" s="72">
        <v>0</v>
      </c>
      <c r="KA14" s="73">
        <v>0</v>
      </c>
      <c r="KB14" s="70">
        <v>390</v>
      </c>
      <c r="KC14" s="71">
        <v>254</v>
      </c>
      <c r="KD14" s="72">
        <v>644</v>
      </c>
      <c r="KE14" s="244"/>
      <c r="KF14" s="71">
        <v>386</v>
      </c>
      <c r="KG14" s="71">
        <v>218</v>
      </c>
      <c r="KH14" s="71">
        <v>164</v>
      </c>
      <c r="KI14" s="71">
        <v>154</v>
      </c>
      <c r="KJ14" s="71">
        <v>92</v>
      </c>
      <c r="KK14" s="72">
        <v>1014</v>
      </c>
      <c r="KL14" s="73">
        <v>1658</v>
      </c>
    </row>
    <row r="15" spans="1:298" ht="19.5" customHeight="1" x14ac:dyDescent="0.2">
      <c r="A15" s="126" t="s">
        <v>11</v>
      </c>
      <c r="B15" s="316">
        <v>78</v>
      </c>
      <c r="C15" s="82">
        <v>54</v>
      </c>
      <c r="D15" s="83">
        <v>132</v>
      </c>
      <c r="E15" s="241"/>
      <c r="F15" s="82">
        <v>137</v>
      </c>
      <c r="G15" s="82">
        <v>89</v>
      </c>
      <c r="H15" s="82">
        <v>70</v>
      </c>
      <c r="I15" s="82">
        <v>60</v>
      </c>
      <c r="J15" s="82">
        <v>24</v>
      </c>
      <c r="K15" s="84">
        <v>380</v>
      </c>
      <c r="L15" s="85">
        <v>512</v>
      </c>
      <c r="M15" s="70">
        <v>3</v>
      </c>
      <c r="N15" s="71">
        <v>0</v>
      </c>
      <c r="O15" s="72">
        <v>3</v>
      </c>
      <c r="P15" s="241"/>
      <c r="Q15" s="71">
        <v>5</v>
      </c>
      <c r="R15" s="71">
        <v>2</v>
      </c>
      <c r="S15" s="71">
        <v>0</v>
      </c>
      <c r="T15" s="71">
        <v>1</v>
      </c>
      <c r="U15" s="71">
        <v>0</v>
      </c>
      <c r="V15" s="72">
        <v>8</v>
      </c>
      <c r="W15" s="73">
        <v>11</v>
      </c>
      <c r="X15" s="70">
        <v>2</v>
      </c>
      <c r="Y15" s="71">
        <v>6</v>
      </c>
      <c r="Z15" s="72">
        <v>8</v>
      </c>
      <c r="AA15" s="241"/>
      <c r="AB15" s="71">
        <v>8</v>
      </c>
      <c r="AC15" s="71">
        <v>4</v>
      </c>
      <c r="AD15" s="71">
        <v>4</v>
      </c>
      <c r="AE15" s="71">
        <v>4</v>
      </c>
      <c r="AF15" s="71">
        <v>3</v>
      </c>
      <c r="AG15" s="72">
        <v>23</v>
      </c>
      <c r="AH15" s="73">
        <v>31</v>
      </c>
      <c r="AI15" s="70">
        <v>6</v>
      </c>
      <c r="AJ15" s="71">
        <v>4</v>
      </c>
      <c r="AK15" s="72">
        <v>10</v>
      </c>
      <c r="AL15" s="241"/>
      <c r="AM15" s="71">
        <v>7</v>
      </c>
      <c r="AN15" s="71">
        <v>5</v>
      </c>
      <c r="AO15" s="71">
        <v>9</v>
      </c>
      <c r="AP15" s="71">
        <v>4</v>
      </c>
      <c r="AQ15" s="71">
        <v>3</v>
      </c>
      <c r="AR15" s="72">
        <v>28</v>
      </c>
      <c r="AS15" s="73">
        <v>38</v>
      </c>
      <c r="AT15" s="70">
        <v>15</v>
      </c>
      <c r="AU15" s="71">
        <v>12</v>
      </c>
      <c r="AV15" s="72">
        <v>27</v>
      </c>
      <c r="AW15" s="241"/>
      <c r="AX15" s="71">
        <v>25</v>
      </c>
      <c r="AY15" s="71">
        <v>21</v>
      </c>
      <c r="AZ15" s="71">
        <v>8</v>
      </c>
      <c r="BA15" s="71">
        <v>7</v>
      </c>
      <c r="BB15" s="71">
        <v>5</v>
      </c>
      <c r="BC15" s="72">
        <v>66</v>
      </c>
      <c r="BD15" s="73">
        <v>93</v>
      </c>
      <c r="BE15" s="70">
        <v>30</v>
      </c>
      <c r="BF15" s="71">
        <v>16</v>
      </c>
      <c r="BG15" s="72">
        <v>46</v>
      </c>
      <c r="BH15" s="241"/>
      <c r="BI15" s="71">
        <v>44</v>
      </c>
      <c r="BJ15" s="71">
        <v>24</v>
      </c>
      <c r="BK15" s="71">
        <v>16</v>
      </c>
      <c r="BL15" s="71">
        <v>22</v>
      </c>
      <c r="BM15" s="71">
        <v>5</v>
      </c>
      <c r="BN15" s="72">
        <v>111</v>
      </c>
      <c r="BO15" s="73">
        <v>157</v>
      </c>
      <c r="BP15" s="70">
        <v>22</v>
      </c>
      <c r="BQ15" s="71">
        <v>16</v>
      </c>
      <c r="BR15" s="72">
        <v>38</v>
      </c>
      <c r="BS15" s="241"/>
      <c r="BT15" s="71">
        <v>48</v>
      </c>
      <c r="BU15" s="71">
        <v>33</v>
      </c>
      <c r="BV15" s="71">
        <v>33</v>
      </c>
      <c r="BW15" s="71">
        <v>22</v>
      </c>
      <c r="BX15" s="71">
        <v>8</v>
      </c>
      <c r="BY15" s="72">
        <v>144</v>
      </c>
      <c r="BZ15" s="73">
        <v>182</v>
      </c>
      <c r="CA15" s="70">
        <v>0</v>
      </c>
      <c r="CB15" s="71">
        <v>0</v>
      </c>
      <c r="CC15" s="72">
        <v>0</v>
      </c>
      <c r="CD15" s="241"/>
      <c r="CE15" s="71">
        <v>0</v>
      </c>
      <c r="CF15" s="71">
        <v>0</v>
      </c>
      <c r="CG15" s="71">
        <v>0</v>
      </c>
      <c r="CH15" s="71">
        <v>0</v>
      </c>
      <c r="CI15" s="71">
        <v>0</v>
      </c>
      <c r="CJ15" s="72">
        <v>0</v>
      </c>
      <c r="CK15" s="73">
        <v>0</v>
      </c>
      <c r="CL15" s="70">
        <v>78</v>
      </c>
      <c r="CM15" s="71">
        <v>54</v>
      </c>
      <c r="CN15" s="72">
        <v>132</v>
      </c>
      <c r="CO15" s="241"/>
      <c r="CP15" s="71">
        <v>137</v>
      </c>
      <c r="CQ15" s="71">
        <v>89</v>
      </c>
      <c r="CR15" s="71">
        <v>70</v>
      </c>
      <c r="CS15" s="71">
        <v>60</v>
      </c>
      <c r="CT15" s="71">
        <v>24</v>
      </c>
      <c r="CU15" s="72">
        <v>380</v>
      </c>
      <c r="CV15" s="73">
        <v>512</v>
      </c>
      <c r="CW15" s="123">
        <v>18</v>
      </c>
      <c r="CX15" s="82">
        <v>12</v>
      </c>
      <c r="CY15" s="83">
        <v>30</v>
      </c>
      <c r="CZ15" s="241"/>
      <c r="DA15" s="82">
        <v>18</v>
      </c>
      <c r="DB15" s="82">
        <v>20</v>
      </c>
      <c r="DC15" s="82">
        <v>15</v>
      </c>
      <c r="DD15" s="82">
        <v>15</v>
      </c>
      <c r="DE15" s="82">
        <v>7</v>
      </c>
      <c r="DF15" s="84">
        <v>75</v>
      </c>
      <c r="DG15" s="85">
        <v>105</v>
      </c>
      <c r="DH15" s="70">
        <v>1</v>
      </c>
      <c r="DI15" s="71">
        <v>0</v>
      </c>
      <c r="DJ15" s="72">
        <v>1</v>
      </c>
      <c r="DK15" s="241"/>
      <c r="DL15" s="71">
        <v>1</v>
      </c>
      <c r="DM15" s="71">
        <v>0</v>
      </c>
      <c r="DN15" s="71">
        <v>0</v>
      </c>
      <c r="DO15" s="71">
        <v>0</v>
      </c>
      <c r="DP15" s="71">
        <v>0</v>
      </c>
      <c r="DQ15" s="72">
        <v>1</v>
      </c>
      <c r="DR15" s="73">
        <v>2</v>
      </c>
      <c r="DS15" s="70">
        <v>1</v>
      </c>
      <c r="DT15" s="71">
        <v>1</v>
      </c>
      <c r="DU15" s="72">
        <v>2</v>
      </c>
      <c r="DV15" s="241"/>
      <c r="DW15" s="71">
        <v>1</v>
      </c>
      <c r="DX15" s="71">
        <v>0</v>
      </c>
      <c r="DY15" s="71">
        <v>1</v>
      </c>
      <c r="DZ15" s="71">
        <v>1</v>
      </c>
      <c r="EA15" s="71">
        <v>1</v>
      </c>
      <c r="EB15" s="72">
        <v>4</v>
      </c>
      <c r="EC15" s="73">
        <v>6</v>
      </c>
      <c r="ED15" s="70">
        <v>0</v>
      </c>
      <c r="EE15" s="71">
        <v>0</v>
      </c>
      <c r="EF15" s="72">
        <v>0</v>
      </c>
      <c r="EG15" s="241"/>
      <c r="EH15" s="71">
        <v>0</v>
      </c>
      <c r="EI15" s="71">
        <v>1</v>
      </c>
      <c r="EJ15" s="71">
        <v>1</v>
      </c>
      <c r="EK15" s="71">
        <v>0</v>
      </c>
      <c r="EL15" s="71">
        <v>0</v>
      </c>
      <c r="EM15" s="72">
        <v>2</v>
      </c>
      <c r="EN15" s="73">
        <v>2</v>
      </c>
      <c r="EO15" s="70">
        <v>5</v>
      </c>
      <c r="EP15" s="71">
        <v>1</v>
      </c>
      <c r="EQ15" s="72">
        <v>6</v>
      </c>
      <c r="ER15" s="241"/>
      <c r="ES15" s="71">
        <v>3</v>
      </c>
      <c r="ET15" s="71">
        <v>2</v>
      </c>
      <c r="EU15" s="71">
        <v>0</v>
      </c>
      <c r="EV15" s="71">
        <v>0</v>
      </c>
      <c r="EW15" s="71">
        <v>1</v>
      </c>
      <c r="EX15" s="72">
        <v>6</v>
      </c>
      <c r="EY15" s="73">
        <v>12</v>
      </c>
      <c r="EZ15" s="70">
        <v>7</v>
      </c>
      <c r="FA15" s="71">
        <v>8</v>
      </c>
      <c r="FB15" s="72">
        <v>15</v>
      </c>
      <c r="FC15" s="241"/>
      <c r="FD15" s="71">
        <v>8</v>
      </c>
      <c r="FE15" s="71">
        <v>8</v>
      </c>
      <c r="FF15" s="71">
        <v>2</v>
      </c>
      <c r="FG15" s="71">
        <v>5</v>
      </c>
      <c r="FH15" s="71">
        <v>3</v>
      </c>
      <c r="FI15" s="72">
        <v>26</v>
      </c>
      <c r="FJ15" s="73">
        <v>41</v>
      </c>
      <c r="FK15" s="70">
        <v>4</v>
      </c>
      <c r="FL15" s="71">
        <v>2</v>
      </c>
      <c r="FM15" s="72">
        <v>6</v>
      </c>
      <c r="FN15" s="244"/>
      <c r="FO15" s="71">
        <v>5</v>
      </c>
      <c r="FP15" s="71">
        <v>9</v>
      </c>
      <c r="FQ15" s="71">
        <v>11</v>
      </c>
      <c r="FR15" s="71">
        <v>9</v>
      </c>
      <c r="FS15" s="71">
        <v>2</v>
      </c>
      <c r="FT15" s="72">
        <v>36</v>
      </c>
      <c r="FU15" s="73">
        <v>42</v>
      </c>
      <c r="FV15" s="70">
        <v>0</v>
      </c>
      <c r="FW15" s="71">
        <v>0</v>
      </c>
      <c r="FX15" s="72">
        <v>0</v>
      </c>
      <c r="FY15" s="244"/>
      <c r="FZ15" s="71">
        <v>0</v>
      </c>
      <c r="GA15" s="71">
        <v>0</v>
      </c>
      <c r="GB15" s="71">
        <v>0</v>
      </c>
      <c r="GC15" s="71">
        <v>0</v>
      </c>
      <c r="GD15" s="71">
        <v>0</v>
      </c>
      <c r="GE15" s="72">
        <v>0</v>
      </c>
      <c r="GF15" s="73">
        <v>0</v>
      </c>
      <c r="GG15" s="70">
        <v>18</v>
      </c>
      <c r="GH15" s="71">
        <v>12</v>
      </c>
      <c r="GI15" s="72">
        <v>30</v>
      </c>
      <c r="GJ15" s="241"/>
      <c r="GK15" s="71">
        <v>18</v>
      </c>
      <c r="GL15" s="71">
        <v>20</v>
      </c>
      <c r="GM15" s="71">
        <v>15</v>
      </c>
      <c r="GN15" s="71">
        <v>15</v>
      </c>
      <c r="GO15" s="71">
        <v>7</v>
      </c>
      <c r="GP15" s="72">
        <v>75</v>
      </c>
      <c r="GQ15" s="73">
        <v>105</v>
      </c>
      <c r="GR15" s="123">
        <v>96</v>
      </c>
      <c r="GS15" s="82">
        <v>66</v>
      </c>
      <c r="GT15" s="83">
        <v>162</v>
      </c>
      <c r="GU15" s="241"/>
      <c r="GV15" s="82">
        <v>155</v>
      </c>
      <c r="GW15" s="82">
        <v>109</v>
      </c>
      <c r="GX15" s="82">
        <v>85</v>
      </c>
      <c r="GY15" s="82">
        <v>75</v>
      </c>
      <c r="GZ15" s="82">
        <v>31</v>
      </c>
      <c r="HA15" s="84">
        <v>455</v>
      </c>
      <c r="HB15" s="85">
        <v>617</v>
      </c>
      <c r="HC15" s="70">
        <v>4</v>
      </c>
      <c r="HD15" s="71">
        <v>0</v>
      </c>
      <c r="HE15" s="72">
        <v>4</v>
      </c>
      <c r="HF15" s="241"/>
      <c r="HG15" s="71">
        <v>6</v>
      </c>
      <c r="HH15" s="71">
        <v>2</v>
      </c>
      <c r="HI15" s="71">
        <v>0</v>
      </c>
      <c r="HJ15" s="71">
        <v>1</v>
      </c>
      <c r="HK15" s="71">
        <v>0</v>
      </c>
      <c r="HL15" s="72">
        <v>9</v>
      </c>
      <c r="HM15" s="73">
        <v>13</v>
      </c>
      <c r="HN15" s="70">
        <v>3</v>
      </c>
      <c r="HO15" s="71">
        <v>7</v>
      </c>
      <c r="HP15" s="72">
        <v>10</v>
      </c>
      <c r="HQ15" s="241"/>
      <c r="HR15" s="71">
        <v>9</v>
      </c>
      <c r="HS15" s="71">
        <v>4</v>
      </c>
      <c r="HT15" s="71">
        <v>5</v>
      </c>
      <c r="HU15" s="71">
        <v>5</v>
      </c>
      <c r="HV15" s="71">
        <v>4</v>
      </c>
      <c r="HW15" s="72">
        <v>27</v>
      </c>
      <c r="HX15" s="73">
        <v>37</v>
      </c>
      <c r="HY15" s="70">
        <v>6</v>
      </c>
      <c r="HZ15" s="71">
        <v>4</v>
      </c>
      <c r="IA15" s="72">
        <v>10</v>
      </c>
      <c r="IB15" s="244"/>
      <c r="IC15" s="71">
        <v>7</v>
      </c>
      <c r="ID15" s="71">
        <v>6</v>
      </c>
      <c r="IE15" s="71">
        <v>10</v>
      </c>
      <c r="IF15" s="71">
        <v>4</v>
      </c>
      <c r="IG15" s="71">
        <v>3</v>
      </c>
      <c r="IH15" s="72">
        <v>30</v>
      </c>
      <c r="II15" s="73">
        <v>40</v>
      </c>
      <c r="IJ15" s="70">
        <v>20</v>
      </c>
      <c r="IK15" s="71">
        <v>13</v>
      </c>
      <c r="IL15" s="72">
        <v>33</v>
      </c>
      <c r="IM15" s="244"/>
      <c r="IN15" s="71">
        <v>28</v>
      </c>
      <c r="IO15" s="71">
        <v>23</v>
      </c>
      <c r="IP15" s="71">
        <v>8</v>
      </c>
      <c r="IQ15" s="71">
        <v>7</v>
      </c>
      <c r="IR15" s="71">
        <v>6</v>
      </c>
      <c r="IS15" s="72">
        <v>72</v>
      </c>
      <c r="IT15" s="73">
        <v>105</v>
      </c>
      <c r="IU15" s="70">
        <v>37</v>
      </c>
      <c r="IV15" s="71">
        <v>24</v>
      </c>
      <c r="IW15" s="72">
        <v>61</v>
      </c>
      <c r="IX15" s="244"/>
      <c r="IY15" s="71">
        <v>52</v>
      </c>
      <c r="IZ15" s="71">
        <v>32</v>
      </c>
      <c r="JA15" s="71">
        <v>18</v>
      </c>
      <c r="JB15" s="71">
        <v>27</v>
      </c>
      <c r="JC15" s="71">
        <v>8</v>
      </c>
      <c r="JD15" s="72">
        <v>137</v>
      </c>
      <c r="JE15" s="73">
        <v>198</v>
      </c>
      <c r="JF15" s="70">
        <v>26</v>
      </c>
      <c r="JG15" s="71">
        <v>18</v>
      </c>
      <c r="JH15" s="72">
        <v>44</v>
      </c>
      <c r="JI15" s="244"/>
      <c r="JJ15" s="71">
        <v>53</v>
      </c>
      <c r="JK15" s="71">
        <v>42</v>
      </c>
      <c r="JL15" s="71">
        <v>44</v>
      </c>
      <c r="JM15" s="71">
        <v>31</v>
      </c>
      <c r="JN15" s="71">
        <v>10</v>
      </c>
      <c r="JO15" s="72">
        <v>180</v>
      </c>
      <c r="JP15" s="73">
        <v>224</v>
      </c>
      <c r="JQ15" s="70">
        <v>0</v>
      </c>
      <c r="JR15" s="71">
        <v>0</v>
      </c>
      <c r="JS15" s="72">
        <v>0</v>
      </c>
      <c r="JT15" s="244"/>
      <c r="JU15" s="71">
        <v>0</v>
      </c>
      <c r="JV15" s="71">
        <v>0</v>
      </c>
      <c r="JW15" s="71">
        <v>0</v>
      </c>
      <c r="JX15" s="71">
        <v>0</v>
      </c>
      <c r="JY15" s="71">
        <v>0</v>
      </c>
      <c r="JZ15" s="72">
        <v>0</v>
      </c>
      <c r="KA15" s="73">
        <v>0</v>
      </c>
      <c r="KB15" s="70">
        <v>96</v>
      </c>
      <c r="KC15" s="71">
        <v>66</v>
      </c>
      <c r="KD15" s="72">
        <v>162</v>
      </c>
      <c r="KE15" s="244"/>
      <c r="KF15" s="71">
        <v>155</v>
      </c>
      <c r="KG15" s="71">
        <v>109</v>
      </c>
      <c r="KH15" s="71">
        <v>85</v>
      </c>
      <c r="KI15" s="71">
        <v>75</v>
      </c>
      <c r="KJ15" s="71">
        <v>31</v>
      </c>
      <c r="KK15" s="72">
        <v>455</v>
      </c>
      <c r="KL15" s="73">
        <v>617</v>
      </c>
    </row>
    <row r="16" spans="1:298" ht="19.5" customHeight="1" x14ac:dyDescent="0.2">
      <c r="A16" s="126" t="s">
        <v>12</v>
      </c>
      <c r="B16" s="316">
        <v>166</v>
      </c>
      <c r="C16" s="82">
        <v>108</v>
      </c>
      <c r="D16" s="83">
        <v>274</v>
      </c>
      <c r="E16" s="241"/>
      <c r="F16" s="82">
        <v>170</v>
      </c>
      <c r="G16" s="82">
        <v>125</v>
      </c>
      <c r="H16" s="82">
        <v>102</v>
      </c>
      <c r="I16" s="82">
        <v>90</v>
      </c>
      <c r="J16" s="82">
        <v>40</v>
      </c>
      <c r="K16" s="84">
        <v>527</v>
      </c>
      <c r="L16" s="85">
        <v>801</v>
      </c>
      <c r="M16" s="86">
        <v>2</v>
      </c>
      <c r="N16" s="71">
        <v>2</v>
      </c>
      <c r="O16" s="72">
        <v>4</v>
      </c>
      <c r="P16" s="241"/>
      <c r="Q16" s="71">
        <v>1</v>
      </c>
      <c r="R16" s="71">
        <v>0</v>
      </c>
      <c r="S16" s="71">
        <v>3</v>
      </c>
      <c r="T16" s="71">
        <v>0</v>
      </c>
      <c r="U16" s="71">
        <v>1</v>
      </c>
      <c r="V16" s="72">
        <v>5</v>
      </c>
      <c r="W16" s="73">
        <v>9</v>
      </c>
      <c r="X16" s="70">
        <v>6</v>
      </c>
      <c r="Y16" s="71">
        <v>7</v>
      </c>
      <c r="Z16" s="72">
        <v>13</v>
      </c>
      <c r="AA16" s="241"/>
      <c r="AB16" s="71">
        <v>7</v>
      </c>
      <c r="AC16" s="71">
        <v>5</v>
      </c>
      <c r="AD16" s="71">
        <v>4</v>
      </c>
      <c r="AE16" s="71">
        <v>4</v>
      </c>
      <c r="AF16" s="71">
        <v>5</v>
      </c>
      <c r="AG16" s="72">
        <v>25</v>
      </c>
      <c r="AH16" s="73">
        <v>38</v>
      </c>
      <c r="AI16" s="86">
        <v>12</v>
      </c>
      <c r="AJ16" s="71">
        <v>9</v>
      </c>
      <c r="AK16" s="72">
        <v>21</v>
      </c>
      <c r="AL16" s="241"/>
      <c r="AM16" s="71">
        <v>9</v>
      </c>
      <c r="AN16" s="71">
        <v>9</v>
      </c>
      <c r="AO16" s="71">
        <v>13</v>
      </c>
      <c r="AP16" s="71">
        <v>7</v>
      </c>
      <c r="AQ16" s="71">
        <v>5</v>
      </c>
      <c r="AR16" s="72">
        <v>43</v>
      </c>
      <c r="AS16" s="73">
        <v>64</v>
      </c>
      <c r="AT16" s="70">
        <v>35</v>
      </c>
      <c r="AU16" s="71">
        <v>21</v>
      </c>
      <c r="AV16" s="72">
        <v>56</v>
      </c>
      <c r="AW16" s="241"/>
      <c r="AX16" s="71">
        <v>39</v>
      </c>
      <c r="AY16" s="71">
        <v>29</v>
      </c>
      <c r="AZ16" s="71">
        <v>14</v>
      </c>
      <c r="BA16" s="71">
        <v>13</v>
      </c>
      <c r="BB16" s="71">
        <v>10</v>
      </c>
      <c r="BC16" s="72">
        <v>105</v>
      </c>
      <c r="BD16" s="73">
        <v>161</v>
      </c>
      <c r="BE16" s="86">
        <v>59</v>
      </c>
      <c r="BF16" s="71">
        <v>27</v>
      </c>
      <c r="BG16" s="72">
        <v>86</v>
      </c>
      <c r="BH16" s="241"/>
      <c r="BI16" s="71">
        <v>66</v>
      </c>
      <c r="BJ16" s="71">
        <v>34</v>
      </c>
      <c r="BK16" s="71">
        <v>33</v>
      </c>
      <c r="BL16" s="71">
        <v>26</v>
      </c>
      <c r="BM16" s="71">
        <v>8</v>
      </c>
      <c r="BN16" s="72">
        <v>167</v>
      </c>
      <c r="BO16" s="73">
        <v>253</v>
      </c>
      <c r="BP16" s="70">
        <v>52</v>
      </c>
      <c r="BQ16" s="71">
        <v>42</v>
      </c>
      <c r="BR16" s="72">
        <v>94</v>
      </c>
      <c r="BS16" s="241"/>
      <c r="BT16" s="71">
        <v>48</v>
      </c>
      <c r="BU16" s="71">
        <v>48</v>
      </c>
      <c r="BV16" s="71">
        <v>35</v>
      </c>
      <c r="BW16" s="71">
        <v>40</v>
      </c>
      <c r="BX16" s="71">
        <v>11</v>
      </c>
      <c r="BY16" s="72">
        <v>182</v>
      </c>
      <c r="BZ16" s="73">
        <v>276</v>
      </c>
      <c r="CA16" s="70">
        <v>0</v>
      </c>
      <c r="CB16" s="71">
        <v>0</v>
      </c>
      <c r="CC16" s="72">
        <v>0</v>
      </c>
      <c r="CD16" s="241"/>
      <c r="CE16" s="71">
        <v>0</v>
      </c>
      <c r="CF16" s="71">
        <v>0</v>
      </c>
      <c r="CG16" s="71">
        <v>0</v>
      </c>
      <c r="CH16" s="71">
        <v>0</v>
      </c>
      <c r="CI16" s="71">
        <v>0</v>
      </c>
      <c r="CJ16" s="72">
        <v>0</v>
      </c>
      <c r="CK16" s="73">
        <v>0</v>
      </c>
      <c r="CL16" s="70">
        <v>166</v>
      </c>
      <c r="CM16" s="71">
        <v>108</v>
      </c>
      <c r="CN16" s="72">
        <v>274</v>
      </c>
      <c r="CO16" s="241"/>
      <c r="CP16" s="71">
        <v>170</v>
      </c>
      <c r="CQ16" s="71">
        <v>125</v>
      </c>
      <c r="CR16" s="71">
        <v>102</v>
      </c>
      <c r="CS16" s="71">
        <v>90</v>
      </c>
      <c r="CT16" s="71">
        <v>40</v>
      </c>
      <c r="CU16" s="72">
        <v>527</v>
      </c>
      <c r="CV16" s="73">
        <v>801</v>
      </c>
      <c r="CW16" s="123">
        <v>13</v>
      </c>
      <c r="CX16" s="82">
        <v>27</v>
      </c>
      <c r="CY16" s="83">
        <v>40</v>
      </c>
      <c r="CZ16" s="241"/>
      <c r="DA16" s="82">
        <v>15</v>
      </c>
      <c r="DB16" s="82">
        <v>10</v>
      </c>
      <c r="DC16" s="82">
        <v>10</v>
      </c>
      <c r="DD16" s="82">
        <v>17</v>
      </c>
      <c r="DE16" s="82">
        <v>6</v>
      </c>
      <c r="DF16" s="84">
        <v>58</v>
      </c>
      <c r="DG16" s="85">
        <v>98</v>
      </c>
      <c r="DH16" s="86">
        <v>0</v>
      </c>
      <c r="DI16" s="71">
        <v>1</v>
      </c>
      <c r="DJ16" s="72">
        <v>1</v>
      </c>
      <c r="DK16" s="241"/>
      <c r="DL16" s="71">
        <v>0</v>
      </c>
      <c r="DM16" s="71">
        <v>0</v>
      </c>
      <c r="DN16" s="71">
        <v>0</v>
      </c>
      <c r="DO16" s="71">
        <v>0</v>
      </c>
      <c r="DP16" s="71">
        <v>0</v>
      </c>
      <c r="DQ16" s="72">
        <v>0</v>
      </c>
      <c r="DR16" s="73">
        <v>1</v>
      </c>
      <c r="DS16" s="70">
        <v>1</v>
      </c>
      <c r="DT16" s="71">
        <v>3</v>
      </c>
      <c r="DU16" s="72">
        <v>4</v>
      </c>
      <c r="DV16" s="241"/>
      <c r="DW16" s="71">
        <v>1</v>
      </c>
      <c r="DX16" s="71">
        <v>0</v>
      </c>
      <c r="DY16" s="71">
        <v>1</v>
      </c>
      <c r="DZ16" s="71">
        <v>1</v>
      </c>
      <c r="EA16" s="71">
        <v>1</v>
      </c>
      <c r="EB16" s="72">
        <v>4</v>
      </c>
      <c r="EC16" s="73">
        <v>8</v>
      </c>
      <c r="ED16" s="86">
        <v>1</v>
      </c>
      <c r="EE16" s="71">
        <v>1</v>
      </c>
      <c r="EF16" s="72">
        <v>2</v>
      </c>
      <c r="EG16" s="241"/>
      <c r="EH16" s="71">
        <v>1</v>
      </c>
      <c r="EI16" s="71">
        <v>0</v>
      </c>
      <c r="EJ16" s="71">
        <v>1</v>
      </c>
      <c r="EK16" s="71">
        <v>1</v>
      </c>
      <c r="EL16" s="71">
        <v>1</v>
      </c>
      <c r="EM16" s="72">
        <v>4</v>
      </c>
      <c r="EN16" s="73">
        <v>6</v>
      </c>
      <c r="EO16" s="70">
        <v>4</v>
      </c>
      <c r="EP16" s="71">
        <v>7</v>
      </c>
      <c r="EQ16" s="72">
        <v>11</v>
      </c>
      <c r="ER16" s="241"/>
      <c r="ES16" s="71">
        <v>2</v>
      </c>
      <c r="ET16" s="71">
        <v>2</v>
      </c>
      <c r="EU16" s="71">
        <v>0</v>
      </c>
      <c r="EV16" s="71">
        <v>4</v>
      </c>
      <c r="EW16" s="71">
        <v>0</v>
      </c>
      <c r="EX16" s="72">
        <v>8</v>
      </c>
      <c r="EY16" s="73">
        <v>19</v>
      </c>
      <c r="EZ16" s="86">
        <v>3</v>
      </c>
      <c r="FA16" s="71">
        <v>10</v>
      </c>
      <c r="FB16" s="72">
        <v>13</v>
      </c>
      <c r="FC16" s="241"/>
      <c r="FD16" s="71">
        <v>4</v>
      </c>
      <c r="FE16" s="71">
        <v>1</v>
      </c>
      <c r="FF16" s="71">
        <v>2</v>
      </c>
      <c r="FG16" s="71">
        <v>0</v>
      </c>
      <c r="FH16" s="71">
        <v>1</v>
      </c>
      <c r="FI16" s="72">
        <v>8</v>
      </c>
      <c r="FJ16" s="73">
        <v>21</v>
      </c>
      <c r="FK16" s="70">
        <v>4</v>
      </c>
      <c r="FL16" s="71">
        <v>5</v>
      </c>
      <c r="FM16" s="72">
        <v>9</v>
      </c>
      <c r="FN16" s="244"/>
      <c r="FO16" s="71">
        <v>7</v>
      </c>
      <c r="FP16" s="71">
        <v>7</v>
      </c>
      <c r="FQ16" s="71">
        <v>6</v>
      </c>
      <c r="FR16" s="71">
        <v>11</v>
      </c>
      <c r="FS16" s="71">
        <v>3</v>
      </c>
      <c r="FT16" s="72">
        <v>34</v>
      </c>
      <c r="FU16" s="73">
        <v>43</v>
      </c>
      <c r="FV16" s="70">
        <v>0</v>
      </c>
      <c r="FW16" s="71">
        <v>0</v>
      </c>
      <c r="FX16" s="72">
        <v>0</v>
      </c>
      <c r="FY16" s="244"/>
      <c r="FZ16" s="71">
        <v>0</v>
      </c>
      <c r="GA16" s="71">
        <v>0</v>
      </c>
      <c r="GB16" s="71">
        <v>0</v>
      </c>
      <c r="GC16" s="71">
        <v>0</v>
      </c>
      <c r="GD16" s="71">
        <v>0</v>
      </c>
      <c r="GE16" s="72">
        <v>0</v>
      </c>
      <c r="GF16" s="73">
        <v>0</v>
      </c>
      <c r="GG16" s="70">
        <v>13</v>
      </c>
      <c r="GH16" s="71">
        <v>27</v>
      </c>
      <c r="GI16" s="72">
        <v>40</v>
      </c>
      <c r="GJ16" s="241"/>
      <c r="GK16" s="71">
        <v>15</v>
      </c>
      <c r="GL16" s="71">
        <v>10</v>
      </c>
      <c r="GM16" s="71">
        <v>10</v>
      </c>
      <c r="GN16" s="71">
        <v>17</v>
      </c>
      <c r="GO16" s="71">
        <v>6</v>
      </c>
      <c r="GP16" s="72">
        <v>58</v>
      </c>
      <c r="GQ16" s="73">
        <v>98</v>
      </c>
      <c r="GR16" s="123">
        <v>179</v>
      </c>
      <c r="GS16" s="82">
        <v>135</v>
      </c>
      <c r="GT16" s="83">
        <v>314</v>
      </c>
      <c r="GU16" s="241"/>
      <c r="GV16" s="82">
        <v>185</v>
      </c>
      <c r="GW16" s="82">
        <v>135</v>
      </c>
      <c r="GX16" s="82">
        <v>112</v>
      </c>
      <c r="GY16" s="82">
        <v>107</v>
      </c>
      <c r="GZ16" s="82">
        <v>46</v>
      </c>
      <c r="HA16" s="84">
        <v>585</v>
      </c>
      <c r="HB16" s="85">
        <v>899</v>
      </c>
      <c r="HC16" s="86">
        <v>2</v>
      </c>
      <c r="HD16" s="71">
        <v>3</v>
      </c>
      <c r="HE16" s="72">
        <v>5</v>
      </c>
      <c r="HF16" s="241"/>
      <c r="HG16" s="71">
        <v>1</v>
      </c>
      <c r="HH16" s="71">
        <v>0</v>
      </c>
      <c r="HI16" s="71">
        <v>3</v>
      </c>
      <c r="HJ16" s="71">
        <v>0</v>
      </c>
      <c r="HK16" s="71">
        <v>1</v>
      </c>
      <c r="HL16" s="72">
        <v>5</v>
      </c>
      <c r="HM16" s="73">
        <v>10</v>
      </c>
      <c r="HN16" s="70">
        <v>7</v>
      </c>
      <c r="HO16" s="71">
        <v>10</v>
      </c>
      <c r="HP16" s="72">
        <v>17</v>
      </c>
      <c r="HQ16" s="241"/>
      <c r="HR16" s="71">
        <v>8</v>
      </c>
      <c r="HS16" s="71">
        <v>5</v>
      </c>
      <c r="HT16" s="71">
        <v>5</v>
      </c>
      <c r="HU16" s="71">
        <v>5</v>
      </c>
      <c r="HV16" s="71">
        <v>6</v>
      </c>
      <c r="HW16" s="72">
        <v>29</v>
      </c>
      <c r="HX16" s="73">
        <v>46</v>
      </c>
      <c r="HY16" s="86">
        <v>13</v>
      </c>
      <c r="HZ16" s="71">
        <v>10</v>
      </c>
      <c r="IA16" s="72">
        <v>23</v>
      </c>
      <c r="IB16" s="244"/>
      <c r="IC16" s="71">
        <v>10</v>
      </c>
      <c r="ID16" s="71">
        <v>9</v>
      </c>
      <c r="IE16" s="71">
        <v>14</v>
      </c>
      <c r="IF16" s="71">
        <v>8</v>
      </c>
      <c r="IG16" s="71">
        <v>6</v>
      </c>
      <c r="IH16" s="72">
        <v>47</v>
      </c>
      <c r="II16" s="73">
        <v>70</v>
      </c>
      <c r="IJ16" s="70">
        <v>39</v>
      </c>
      <c r="IK16" s="71">
        <v>28</v>
      </c>
      <c r="IL16" s="72">
        <v>67</v>
      </c>
      <c r="IM16" s="244"/>
      <c r="IN16" s="71">
        <v>41</v>
      </c>
      <c r="IO16" s="71">
        <v>31</v>
      </c>
      <c r="IP16" s="71">
        <v>14</v>
      </c>
      <c r="IQ16" s="71">
        <v>17</v>
      </c>
      <c r="IR16" s="71">
        <v>10</v>
      </c>
      <c r="IS16" s="72">
        <v>113</v>
      </c>
      <c r="IT16" s="73">
        <v>180</v>
      </c>
      <c r="IU16" s="86">
        <v>62</v>
      </c>
      <c r="IV16" s="71">
        <v>37</v>
      </c>
      <c r="IW16" s="72">
        <v>99</v>
      </c>
      <c r="IX16" s="244"/>
      <c r="IY16" s="71">
        <v>70</v>
      </c>
      <c r="IZ16" s="71">
        <v>35</v>
      </c>
      <c r="JA16" s="71">
        <v>35</v>
      </c>
      <c r="JB16" s="71">
        <v>26</v>
      </c>
      <c r="JC16" s="71">
        <v>9</v>
      </c>
      <c r="JD16" s="72">
        <v>175</v>
      </c>
      <c r="JE16" s="73">
        <v>274</v>
      </c>
      <c r="JF16" s="70">
        <v>56</v>
      </c>
      <c r="JG16" s="71">
        <v>47</v>
      </c>
      <c r="JH16" s="72">
        <v>103</v>
      </c>
      <c r="JI16" s="244"/>
      <c r="JJ16" s="71">
        <v>55</v>
      </c>
      <c r="JK16" s="71">
        <v>55</v>
      </c>
      <c r="JL16" s="71">
        <v>41</v>
      </c>
      <c r="JM16" s="71">
        <v>51</v>
      </c>
      <c r="JN16" s="71">
        <v>14</v>
      </c>
      <c r="JO16" s="72">
        <v>216</v>
      </c>
      <c r="JP16" s="73">
        <v>319</v>
      </c>
      <c r="JQ16" s="70">
        <v>0</v>
      </c>
      <c r="JR16" s="71">
        <v>0</v>
      </c>
      <c r="JS16" s="72">
        <v>0</v>
      </c>
      <c r="JT16" s="244"/>
      <c r="JU16" s="71">
        <v>0</v>
      </c>
      <c r="JV16" s="71">
        <v>0</v>
      </c>
      <c r="JW16" s="71">
        <v>0</v>
      </c>
      <c r="JX16" s="71">
        <v>0</v>
      </c>
      <c r="JY16" s="71">
        <v>0</v>
      </c>
      <c r="JZ16" s="72">
        <v>0</v>
      </c>
      <c r="KA16" s="73">
        <v>0</v>
      </c>
      <c r="KB16" s="70">
        <v>179</v>
      </c>
      <c r="KC16" s="71">
        <v>135</v>
      </c>
      <c r="KD16" s="72">
        <v>314</v>
      </c>
      <c r="KE16" s="244"/>
      <c r="KF16" s="71">
        <v>185</v>
      </c>
      <c r="KG16" s="71">
        <v>135</v>
      </c>
      <c r="KH16" s="71">
        <v>112</v>
      </c>
      <c r="KI16" s="71">
        <v>107</v>
      </c>
      <c r="KJ16" s="71">
        <v>46</v>
      </c>
      <c r="KK16" s="72">
        <v>585</v>
      </c>
      <c r="KL16" s="73">
        <v>899</v>
      </c>
    </row>
    <row r="17" spans="1:298" ht="19.5" customHeight="1" x14ac:dyDescent="0.2">
      <c r="A17" s="126" t="s">
        <v>13</v>
      </c>
      <c r="B17" s="316">
        <v>34</v>
      </c>
      <c r="C17" s="82">
        <v>47</v>
      </c>
      <c r="D17" s="83">
        <v>81</v>
      </c>
      <c r="E17" s="241"/>
      <c r="F17" s="82">
        <v>82</v>
      </c>
      <c r="G17" s="82">
        <v>61</v>
      </c>
      <c r="H17" s="82">
        <v>39</v>
      </c>
      <c r="I17" s="82">
        <v>43</v>
      </c>
      <c r="J17" s="82">
        <v>23</v>
      </c>
      <c r="K17" s="84">
        <v>248</v>
      </c>
      <c r="L17" s="85">
        <v>329</v>
      </c>
      <c r="M17" s="70">
        <v>0</v>
      </c>
      <c r="N17" s="71">
        <v>0</v>
      </c>
      <c r="O17" s="72">
        <v>0</v>
      </c>
      <c r="P17" s="241"/>
      <c r="Q17" s="71">
        <v>0</v>
      </c>
      <c r="R17" s="71">
        <v>0</v>
      </c>
      <c r="S17" s="71">
        <v>0</v>
      </c>
      <c r="T17" s="71">
        <v>0</v>
      </c>
      <c r="U17" s="71">
        <v>0</v>
      </c>
      <c r="V17" s="72">
        <v>0</v>
      </c>
      <c r="W17" s="73">
        <v>0</v>
      </c>
      <c r="X17" s="70">
        <v>0</v>
      </c>
      <c r="Y17" s="71">
        <v>2</v>
      </c>
      <c r="Z17" s="72">
        <v>2</v>
      </c>
      <c r="AA17" s="241"/>
      <c r="AB17" s="71">
        <v>1</v>
      </c>
      <c r="AC17" s="71">
        <v>2</v>
      </c>
      <c r="AD17" s="71">
        <v>0</v>
      </c>
      <c r="AE17" s="71">
        <v>1</v>
      </c>
      <c r="AF17" s="71">
        <v>2</v>
      </c>
      <c r="AG17" s="72">
        <v>6</v>
      </c>
      <c r="AH17" s="73">
        <v>8</v>
      </c>
      <c r="AI17" s="70">
        <v>3</v>
      </c>
      <c r="AJ17" s="71">
        <v>2</v>
      </c>
      <c r="AK17" s="72">
        <v>5</v>
      </c>
      <c r="AL17" s="241"/>
      <c r="AM17" s="71">
        <v>3</v>
      </c>
      <c r="AN17" s="71">
        <v>4</v>
      </c>
      <c r="AO17" s="71">
        <v>2</v>
      </c>
      <c r="AP17" s="71">
        <v>4</v>
      </c>
      <c r="AQ17" s="71">
        <v>1</v>
      </c>
      <c r="AR17" s="72">
        <v>14</v>
      </c>
      <c r="AS17" s="73">
        <v>19</v>
      </c>
      <c r="AT17" s="70">
        <v>1</v>
      </c>
      <c r="AU17" s="71">
        <v>14</v>
      </c>
      <c r="AV17" s="72">
        <v>15</v>
      </c>
      <c r="AW17" s="241"/>
      <c r="AX17" s="71">
        <v>17</v>
      </c>
      <c r="AY17" s="71">
        <v>9</v>
      </c>
      <c r="AZ17" s="71">
        <v>6</v>
      </c>
      <c r="BA17" s="71">
        <v>7</v>
      </c>
      <c r="BB17" s="71">
        <v>4</v>
      </c>
      <c r="BC17" s="72">
        <v>43</v>
      </c>
      <c r="BD17" s="73">
        <v>58</v>
      </c>
      <c r="BE17" s="70">
        <v>16</v>
      </c>
      <c r="BF17" s="71">
        <v>17</v>
      </c>
      <c r="BG17" s="72">
        <v>33</v>
      </c>
      <c r="BH17" s="241"/>
      <c r="BI17" s="71">
        <v>34</v>
      </c>
      <c r="BJ17" s="71">
        <v>20</v>
      </c>
      <c r="BK17" s="71">
        <v>13</v>
      </c>
      <c r="BL17" s="71">
        <v>15</v>
      </c>
      <c r="BM17" s="71">
        <v>6</v>
      </c>
      <c r="BN17" s="72">
        <v>88</v>
      </c>
      <c r="BO17" s="73">
        <v>121</v>
      </c>
      <c r="BP17" s="70">
        <v>14</v>
      </c>
      <c r="BQ17" s="71">
        <v>12</v>
      </c>
      <c r="BR17" s="72">
        <v>26</v>
      </c>
      <c r="BS17" s="241"/>
      <c r="BT17" s="71">
        <v>27</v>
      </c>
      <c r="BU17" s="71">
        <v>26</v>
      </c>
      <c r="BV17" s="71">
        <v>18</v>
      </c>
      <c r="BW17" s="71">
        <v>16</v>
      </c>
      <c r="BX17" s="71">
        <v>10</v>
      </c>
      <c r="BY17" s="72">
        <v>97</v>
      </c>
      <c r="BZ17" s="73">
        <v>123</v>
      </c>
      <c r="CA17" s="70">
        <v>0</v>
      </c>
      <c r="CB17" s="71">
        <v>0</v>
      </c>
      <c r="CC17" s="72">
        <v>0</v>
      </c>
      <c r="CD17" s="241"/>
      <c r="CE17" s="71">
        <v>0</v>
      </c>
      <c r="CF17" s="71">
        <v>0</v>
      </c>
      <c r="CG17" s="71">
        <v>0</v>
      </c>
      <c r="CH17" s="71">
        <v>0</v>
      </c>
      <c r="CI17" s="71">
        <v>0</v>
      </c>
      <c r="CJ17" s="72">
        <v>0</v>
      </c>
      <c r="CK17" s="73">
        <v>0</v>
      </c>
      <c r="CL17" s="70">
        <v>34</v>
      </c>
      <c r="CM17" s="71">
        <v>47</v>
      </c>
      <c r="CN17" s="72">
        <v>81</v>
      </c>
      <c r="CO17" s="241"/>
      <c r="CP17" s="71">
        <v>82</v>
      </c>
      <c r="CQ17" s="71">
        <v>61</v>
      </c>
      <c r="CR17" s="71">
        <v>39</v>
      </c>
      <c r="CS17" s="71">
        <v>43</v>
      </c>
      <c r="CT17" s="71">
        <v>23</v>
      </c>
      <c r="CU17" s="72">
        <v>248</v>
      </c>
      <c r="CV17" s="73">
        <v>329</v>
      </c>
      <c r="CW17" s="123">
        <v>4</v>
      </c>
      <c r="CX17" s="82">
        <v>3</v>
      </c>
      <c r="CY17" s="83">
        <v>7</v>
      </c>
      <c r="CZ17" s="241"/>
      <c r="DA17" s="82">
        <v>13</v>
      </c>
      <c r="DB17" s="82">
        <v>8</v>
      </c>
      <c r="DC17" s="82">
        <v>5</v>
      </c>
      <c r="DD17" s="82">
        <v>10</v>
      </c>
      <c r="DE17" s="82">
        <v>5</v>
      </c>
      <c r="DF17" s="84">
        <v>41</v>
      </c>
      <c r="DG17" s="85">
        <v>48</v>
      </c>
      <c r="DH17" s="70">
        <v>0</v>
      </c>
      <c r="DI17" s="71">
        <v>0</v>
      </c>
      <c r="DJ17" s="72">
        <v>0</v>
      </c>
      <c r="DK17" s="241"/>
      <c r="DL17" s="71">
        <v>0</v>
      </c>
      <c r="DM17" s="71">
        <v>0</v>
      </c>
      <c r="DN17" s="71">
        <v>0</v>
      </c>
      <c r="DO17" s="71">
        <v>0</v>
      </c>
      <c r="DP17" s="71">
        <v>0</v>
      </c>
      <c r="DQ17" s="72">
        <v>0</v>
      </c>
      <c r="DR17" s="73">
        <v>0</v>
      </c>
      <c r="DS17" s="70">
        <v>0</v>
      </c>
      <c r="DT17" s="71">
        <v>0</v>
      </c>
      <c r="DU17" s="72">
        <v>0</v>
      </c>
      <c r="DV17" s="241"/>
      <c r="DW17" s="71">
        <v>0</v>
      </c>
      <c r="DX17" s="71">
        <v>0</v>
      </c>
      <c r="DY17" s="71">
        <v>0</v>
      </c>
      <c r="DZ17" s="71">
        <v>0</v>
      </c>
      <c r="EA17" s="71">
        <v>0</v>
      </c>
      <c r="EB17" s="72">
        <v>0</v>
      </c>
      <c r="EC17" s="73">
        <v>0</v>
      </c>
      <c r="ED17" s="70">
        <v>0</v>
      </c>
      <c r="EE17" s="71">
        <v>0</v>
      </c>
      <c r="EF17" s="72">
        <v>0</v>
      </c>
      <c r="EG17" s="241"/>
      <c r="EH17" s="71">
        <v>1</v>
      </c>
      <c r="EI17" s="71">
        <v>1</v>
      </c>
      <c r="EJ17" s="71">
        <v>0</v>
      </c>
      <c r="EK17" s="71">
        <v>0</v>
      </c>
      <c r="EL17" s="71">
        <v>0</v>
      </c>
      <c r="EM17" s="72">
        <v>2</v>
      </c>
      <c r="EN17" s="73">
        <v>2</v>
      </c>
      <c r="EO17" s="70">
        <v>1</v>
      </c>
      <c r="EP17" s="71">
        <v>0</v>
      </c>
      <c r="EQ17" s="72">
        <v>1</v>
      </c>
      <c r="ER17" s="241"/>
      <c r="ES17" s="71">
        <v>5</v>
      </c>
      <c r="ET17" s="71">
        <v>0</v>
      </c>
      <c r="EU17" s="71">
        <v>1</v>
      </c>
      <c r="EV17" s="71">
        <v>1</v>
      </c>
      <c r="EW17" s="71">
        <v>1</v>
      </c>
      <c r="EX17" s="72">
        <v>8</v>
      </c>
      <c r="EY17" s="73">
        <v>9</v>
      </c>
      <c r="EZ17" s="70">
        <v>3</v>
      </c>
      <c r="FA17" s="71">
        <v>0</v>
      </c>
      <c r="FB17" s="72">
        <v>3</v>
      </c>
      <c r="FC17" s="241"/>
      <c r="FD17" s="71">
        <v>4</v>
      </c>
      <c r="FE17" s="71">
        <v>2</v>
      </c>
      <c r="FF17" s="71">
        <v>2</v>
      </c>
      <c r="FG17" s="71">
        <v>3</v>
      </c>
      <c r="FH17" s="71">
        <v>1</v>
      </c>
      <c r="FI17" s="72">
        <v>12</v>
      </c>
      <c r="FJ17" s="73">
        <v>15</v>
      </c>
      <c r="FK17" s="70">
        <v>0</v>
      </c>
      <c r="FL17" s="71">
        <v>3</v>
      </c>
      <c r="FM17" s="72">
        <v>3</v>
      </c>
      <c r="FN17" s="244"/>
      <c r="FO17" s="71">
        <v>3</v>
      </c>
      <c r="FP17" s="71">
        <v>5</v>
      </c>
      <c r="FQ17" s="71">
        <v>2</v>
      </c>
      <c r="FR17" s="71">
        <v>6</v>
      </c>
      <c r="FS17" s="71">
        <v>3</v>
      </c>
      <c r="FT17" s="72">
        <v>19</v>
      </c>
      <c r="FU17" s="73">
        <v>22</v>
      </c>
      <c r="FV17" s="70">
        <v>0</v>
      </c>
      <c r="FW17" s="71">
        <v>0</v>
      </c>
      <c r="FX17" s="72">
        <v>0</v>
      </c>
      <c r="FY17" s="244"/>
      <c r="FZ17" s="71">
        <v>0</v>
      </c>
      <c r="GA17" s="71">
        <v>0</v>
      </c>
      <c r="GB17" s="71">
        <v>0</v>
      </c>
      <c r="GC17" s="71">
        <v>0</v>
      </c>
      <c r="GD17" s="71">
        <v>0</v>
      </c>
      <c r="GE17" s="72">
        <v>0</v>
      </c>
      <c r="GF17" s="73">
        <v>0</v>
      </c>
      <c r="GG17" s="70">
        <v>4</v>
      </c>
      <c r="GH17" s="71">
        <v>3</v>
      </c>
      <c r="GI17" s="72">
        <v>7</v>
      </c>
      <c r="GJ17" s="241"/>
      <c r="GK17" s="71">
        <v>13</v>
      </c>
      <c r="GL17" s="71">
        <v>8</v>
      </c>
      <c r="GM17" s="71">
        <v>5</v>
      </c>
      <c r="GN17" s="71">
        <v>10</v>
      </c>
      <c r="GO17" s="71">
        <v>5</v>
      </c>
      <c r="GP17" s="72">
        <v>41</v>
      </c>
      <c r="GQ17" s="73">
        <v>48</v>
      </c>
      <c r="GR17" s="123">
        <v>38</v>
      </c>
      <c r="GS17" s="82">
        <v>50</v>
      </c>
      <c r="GT17" s="83">
        <v>88</v>
      </c>
      <c r="GU17" s="241"/>
      <c r="GV17" s="82">
        <v>95</v>
      </c>
      <c r="GW17" s="82">
        <v>69</v>
      </c>
      <c r="GX17" s="82">
        <v>44</v>
      </c>
      <c r="GY17" s="82">
        <v>53</v>
      </c>
      <c r="GZ17" s="82">
        <v>28</v>
      </c>
      <c r="HA17" s="84">
        <v>289</v>
      </c>
      <c r="HB17" s="85">
        <v>377</v>
      </c>
      <c r="HC17" s="70">
        <v>0</v>
      </c>
      <c r="HD17" s="71">
        <v>0</v>
      </c>
      <c r="HE17" s="72">
        <v>0</v>
      </c>
      <c r="HF17" s="241"/>
      <c r="HG17" s="71">
        <v>0</v>
      </c>
      <c r="HH17" s="71">
        <v>0</v>
      </c>
      <c r="HI17" s="71">
        <v>0</v>
      </c>
      <c r="HJ17" s="71">
        <v>0</v>
      </c>
      <c r="HK17" s="71">
        <v>0</v>
      </c>
      <c r="HL17" s="72">
        <v>0</v>
      </c>
      <c r="HM17" s="73">
        <v>0</v>
      </c>
      <c r="HN17" s="70">
        <v>0</v>
      </c>
      <c r="HO17" s="71">
        <v>2</v>
      </c>
      <c r="HP17" s="72">
        <v>2</v>
      </c>
      <c r="HQ17" s="241"/>
      <c r="HR17" s="71">
        <v>1</v>
      </c>
      <c r="HS17" s="71">
        <v>2</v>
      </c>
      <c r="HT17" s="71">
        <v>0</v>
      </c>
      <c r="HU17" s="71">
        <v>1</v>
      </c>
      <c r="HV17" s="71">
        <v>2</v>
      </c>
      <c r="HW17" s="72">
        <v>6</v>
      </c>
      <c r="HX17" s="73">
        <v>8</v>
      </c>
      <c r="HY17" s="70">
        <v>3</v>
      </c>
      <c r="HZ17" s="71">
        <v>2</v>
      </c>
      <c r="IA17" s="72">
        <v>5</v>
      </c>
      <c r="IB17" s="244"/>
      <c r="IC17" s="71">
        <v>4</v>
      </c>
      <c r="ID17" s="71">
        <v>5</v>
      </c>
      <c r="IE17" s="71">
        <v>2</v>
      </c>
      <c r="IF17" s="71">
        <v>4</v>
      </c>
      <c r="IG17" s="71">
        <v>1</v>
      </c>
      <c r="IH17" s="72">
        <v>16</v>
      </c>
      <c r="II17" s="73">
        <v>21</v>
      </c>
      <c r="IJ17" s="70">
        <v>2</v>
      </c>
      <c r="IK17" s="71">
        <v>14</v>
      </c>
      <c r="IL17" s="72">
        <v>16</v>
      </c>
      <c r="IM17" s="244"/>
      <c r="IN17" s="71">
        <v>22</v>
      </c>
      <c r="IO17" s="71">
        <v>9</v>
      </c>
      <c r="IP17" s="71">
        <v>7</v>
      </c>
      <c r="IQ17" s="71">
        <v>8</v>
      </c>
      <c r="IR17" s="71">
        <v>5</v>
      </c>
      <c r="IS17" s="72">
        <v>51</v>
      </c>
      <c r="IT17" s="73">
        <v>67</v>
      </c>
      <c r="IU17" s="70">
        <v>19</v>
      </c>
      <c r="IV17" s="71">
        <v>17</v>
      </c>
      <c r="IW17" s="72">
        <v>36</v>
      </c>
      <c r="IX17" s="244"/>
      <c r="IY17" s="71">
        <v>38</v>
      </c>
      <c r="IZ17" s="71">
        <v>22</v>
      </c>
      <c r="JA17" s="71">
        <v>15</v>
      </c>
      <c r="JB17" s="71">
        <v>18</v>
      </c>
      <c r="JC17" s="71">
        <v>7</v>
      </c>
      <c r="JD17" s="72">
        <v>100</v>
      </c>
      <c r="JE17" s="73">
        <v>136</v>
      </c>
      <c r="JF17" s="70">
        <v>14</v>
      </c>
      <c r="JG17" s="71">
        <v>15</v>
      </c>
      <c r="JH17" s="72">
        <v>29</v>
      </c>
      <c r="JI17" s="244"/>
      <c r="JJ17" s="71">
        <v>30</v>
      </c>
      <c r="JK17" s="71">
        <v>31</v>
      </c>
      <c r="JL17" s="71">
        <v>20</v>
      </c>
      <c r="JM17" s="71">
        <v>22</v>
      </c>
      <c r="JN17" s="71">
        <v>13</v>
      </c>
      <c r="JO17" s="72">
        <v>116</v>
      </c>
      <c r="JP17" s="73">
        <v>145</v>
      </c>
      <c r="JQ17" s="70">
        <v>0</v>
      </c>
      <c r="JR17" s="71">
        <v>0</v>
      </c>
      <c r="JS17" s="72">
        <v>0</v>
      </c>
      <c r="JT17" s="244"/>
      <c r="JU17" s="71">
        <v>0</v>
      </c>
      <c r="JV17" s="71">
        <v>0</v>
      </c>
      <c r="JW17" s="71">
        <v>0</v>
      </c>
      <c r="JX17" s="71">
        <v>0</v>
      </c>
      <c r="JY17" s="71">
        <v>0</v>
      </c>
      <c r="JZ17" s="72">
        <v>0</v>
      </c>
      <c r="KA17" s="73">
        <v>0</v>
      </c>
      <c r="KB17" s="70">
        <v>38</v>
      </c>
      <c r="KC17" s="71">
        <v>50</v>
      </c>
      <c r="KD17" s="72">
        <v>88</v>
      </c>
      <c r="KE17" s="244"/>
      <c r="KF17" s="71">
        <v>95</v>
      </c>
      <c r="KG17" s="71">
        <v>69</v>
      </c>
      <c r="KH17" s="71">
        <v>44</v>
      </c>
      <c r="KI17" s="71">
        <v>53</v>
      </c>
      <c r="KJ17" s="71">
        <v>28</v>
      </c>
      <c r="KK17" s="72">
        <v>289</v>
      </c>
      <c r="KL17" s="73">
        <v>377</v>
      </c>
    </row>
    <row r="18" spans="1:298" ht="19.5" customHeight="1" x14ac:dyDescent="0.2">
      <c r="A18" s="126" t="s">
        <v>15</v>
      </c>
      <c r="B18" s="316">
        <v>21</v>
      </c>
      <c r="C18" s="82">
        <v>24</v>
      </c>
      <c r="D18" s="83">
        <v>45</v>
      </c>
      <c r="E18" s="241"/>
      <c r="F18" s="82">
        <v>30</v>
      </c>
      <c r="G18" s="82">
        <v>28</v>
      </c>
      <c r="H18" s="82">
        <v>24</v>
      </c>
      <c r="I18" s="82">
        <v>20</v>
      </c>
      <c r="J18" s="82">
        <v>8</v>
      </c>
      <c r="K18" s="84">
        <v>110</v>
      </c>
      <c r="L18" s="85">
        <v>155</v>
      </c>
      <c r="M18" s="70">
        <v>1</v>
      </c>
      <c r="N18" s="71">
        <v>0</v>
      </c>
      <c r="O18" s="72">
        <v>1</v>
      </c>
      <c r="P18" s="241"/>
      <c r="Q18" s="71">
        <v>0</v>
      </c>
      <c r="R18" s="71">
        <v>0</v>
      </c>
      <c r="S18" s="71">
        <v>1</v>
      </c>
      <c r="T18" s="71">
        <v>0</v>
      </c>
      <c r="U18" s="71">
        <v>0</v>
      </c>
      <c r="V18" s="72">
        <v>1</v>
      </c>
      <c r="W18" s="73">
        <v>2</v>
      </c>
      <c r="X18" s="70">
        <v>2</v>
      </c>
      <c r="Y18" s="71">
        <v>2</v>
      </c>
      <c r="Z18" s="72">
        <v>4</v>
      </c>
      <c r="AA18" s="241"/>
      <c r="AB18" s="71">
        <v>3</v>
      </c>
      <c r="AC18" s="71">
        <v>0</v>
      </c>
      <c r="AD18" s="71">
        <v>4</v>
      </c>
      <c r="AE18" s="71">
        <v>1</v>
      </c>
      <c r="AF18" s="71">
        <v>2</v>
      </c>
      <c r="AG18" s="72">
        <v>10</v>
      </c>
      <c r="AH18" s="73">
        <v>14</v>
      </c>
      <c r="AI18" s="70">
        <v>3</v>
      </c>
      <c r="AJ18" s="71">
        <v>1</v>
      </c>
      <c r="AK18" s="72">
        <v>4</v>
      </c>
      <c r="AL18" s="241"/>
      <c r="AM18" s="71">
        <v>6</v>
      </c>
      <c r="AN18" s="71">
        <v>5</v>
      </c>
      <c r="AO18" s="71">
        <v>1</v>
      </c>
      <c r="AP18" s="71">
        <v>1</v>
      </c>
      <c r="AQ18" s="71">
        <v>3</v>
      </c>
      <c r="AR18" s="72">
        <v>16</v>
      </c>
      <c r="AS18" s="73">
        <v>20</v>
      </c>
      <c r="AT18" s="70">
        <v>8</v>
      </c>
      <c r="AU18" s="71">
        <v>4</v>
      </c>
      <c r="AV18" s="72">
        <v>12</v>
      </c>
      <c r="AW18" s="241"/>
      <c r="AX18" s="71">
        <v>5</v>
      </c>
      <c r="AY18" s="71">
        <v>5</v>
      </c>
      <c r="AZ18" s="71">
        <v>3</v>
      </c>
      <c r="BA18" s="71">
        <v>4</v>
      </c>
      <c r="BB18" s="71">
        <v>0</v>
      </c>
      <c r="BC18" s="72">
        <v>17</v>
      </c>
      <c r="BD18" s="73">
        <v>29</v>
      </c>
      <c r="BE18" s="70">
        <v>3</v>
      </c>
      <c r="BF18" s="71">
        <v>8</v>
      </c>
      <c r="BG18" s="72">
        <v>11</v>
      </c>
      <c r="BH18" s="241"/>
      <c r="BI18" s="71">
        <v>5</v>
      </c>
      <c r="BJ18" s="71">
        <v>5</v>
      </c>
      <c r="BK18" s="71">
        <v>2</v>
      </c>
      <c r="BL18" s="71">
        <v>5</v>
      </c>
      <c r="BM18" s="71">
        <v>2</v>
      </c>
      <c r="BN18" s="72">
        <v>19</v>
      </c>
      <c r="BO18" s="73">
        <v>30</v>
      </c>
      <c r="BP18" s="70">
        <v>4</v>
      </c>
      <c r="BQ18" s="71">
        <v>9</v>
      </c>
      <c r="BR18" s="72">
        <v>13</v>
      </c>
      <c r="BS18" s="241"/>
      <c r="BT18" s="71">
        <v>11</v>
      </c>
      <c r="BU18" s="71">
        <v>13</v>
      </c>
      <c r="BV18" s="71">
        <v>13</v>
      </c>
      <c r="BW18" s="71">
        <v>9</v>
      </c>
      <c r="BX18" s="71">
        <v>1</v>
      </c>
      <c r="BY18" s="72">
        <v>47</v>
      </c>
      <c r="BZ18" s="73">
        <v>60</v>
      </c>
      <c r="CA18" s="70">
        <v>0</v>
      </c>
      <c r="CB18" s="71">
        <v>0</v>
      </c>
      <c r="CC18" s="72">
        <v>0</v>
      </c>
      <c r="CD18" s="241"/>
      <c r="CE18" s="71">
        <v>0</v>
      </c>
      <c r="CF18" s="71">
        <v>0</v>
      </c>
      <c r="CG18" s="71">
        <v>0</v>
      </c>
      <c r="CH18" s="71">
        <v>0</v>
      </c>
      <c r="CI18" s="71">
        <v>0</v>
      </c>
      <c r="CJ18" s="72">
        <v>0</v>
      </c>
      <c r="CK18" s="73">
        <v>0</v>
      </c>
      <c r="CL18" s="70">
        <v>21</v>
      </c>
      <c r="CM18" s="71">
        <v>24</v>
      </c>
      <c r="CN18" s="72">
        <v>45</v>
      </c>
      <c r="CO18" s="241"/>
      <c r="CP18" s="71">
        <v>30</v>
      </c>
      <c r="CQ18" s="71">
        <v>28</v>
      </c>
      <c r="CR18" s="71">
        <v>24</v>
      </c>
      <c r="CS18" s="71">
        <v>20</v>
      </c>
      <c r="CT18" s="71">
        <v>8</v>
      </c>
      <c r="CU18" s="72">
        <v>110</v>
      </c>
      <c r="CV18" s="73">
        <v>155</v>
      </c>
      <c r="CW18" s="123">
        <v>2</v>
      </c>
      <c r="CX18" s="82">
        <v>1</v>
      </c>
      <c r="CY18" s="83">
        <v>3</v>
      </c>
      <c r="CZ18" s="241"/>
      <c r="DA18" s="82">
        <v>2</v>
      </c>
      <c r="DB18" s="82">
        <v>10</v>
      </c>
      <c r="DC18" s="82">
        <v>1</v>
      </c>
      <c r="DD18" s="82">
        <v>2</v>
      </c>
      <c r="DE18" s="82">
        <v>3</v>
      </c>
      <c r="DF18" s="84">
        <v>18</v>
      </c>
      <c r="DG18" s="85">
        <v>21</v>
      </c>
      <c r="DH18" s="70">
        <v>0</v>
      </c>
      <c r="DI18" s="71">
        <v>0</v>
      </c>
      <c r="DJ18" s="72">
        <v>0</v>
      </c>
      <c r="DK18" s="241"/>
      <c r="DL18" s="71">
        <v>0</v>
      </c>
      <c r="DM18" s="71">
        <v>0</v>
      </c>
      <c r="DN18" s="71">
        <v>0</v>
      </c>
      <c r="DO18" s="71">
        <v>0</v>
      </c>
      <c r="DP18" s="71">
        <v>0</v>
      </c>
      <c r="DQ18" s="72">
        <v>0</v>
      </c>
      <c r="DR18" s="73">
        <v>0</v>
      </c>
      <c r="DS18" s="70">
        <v>0</v>
      </c>
      <c r="DT18" s="71">
        <v>0</v>
      </c>
      <c r="DU18" s="72">
        <v>0</v>
      </c>
      <c r="DV18" s="241"/>
      <c r="DW18" s="71">
        <v>1</v>
      </c>
      <c r="DX18" s="71">
        <v>0</v>
      </c>
      <c r="DY18" s="71">
        <v>0</v>
      </c>
      <c r="DZ18" s="71">
        <v>0</v>
      </c>
      <c r="EA18" s="71">
        <v>0</v>
      </c>
      <c r="EB18" s="72">
        <v>1</v>
      </c>
      <c r="EC18" s="73">
        <v>1</v>
      </c>
      <c r="ED18" s="70">
        <v>0</v>
      </c>
      <c r="EE18" s="71">
        <v>0</v>
      </c>
      <c r="EF18" s="72">
        <v>0</v>
      </c>
      <c r="EG18" s="241"/>
      <c r="EH18" s="71">
        <v>0</v>
      </c>
      <c r="EI18" s="71">
        <v>0</v>
      </c>
      <c r="EJ18" s="71">
        <v>0</v>
      </c>
      <c r="EK18" s="71">
        <v>0</v>
      </c>
      <c r="EL18" s="71">
        <v>1</v>
      </c>
      <c r="EM18" s="72">
        <v>1</v>
      </c>
      <c r="EN18" s="73">
        <v>1</v>
      </c>
      <c r="EO18" s="70">
        <v>0</v>
      </c>
      <c r="EP18" s="71">
        <v>0</v>
      </c>
      <c r="EQ18" s="72">
        <v>0</v>
      </c>
      <c r="ER18" s="241"/>
      <c r="ES18" s="71">
        <v>0</v>
      </c>
      <c r="ET18" s="71">
        <v>1</v>
      </c>
      <c r="EU18" s="71">
        <v>0</v>
      </c>
      <c r="EV18" s="71">
        <v>0</v>
      </c>
      <c r="EW18" s="71">
        <v>0</v>
      </c>
      <c r="EX18" s="72">
        <v>1</v>
      </c>
      <c r="EY18" s="73">
        <v>1</v>
      </c>
      <c r="EZ18" s="70">
        <v>0</v>
      </c>
      <c r="FA18" s="71">
        <v>0</v>
      </c>
      <c r="FB18" s="72">
        <v>0</v>
      </c>
      <c r="FC18" s="241"/>
      <c r="FD18" s="71">
        <v>0</v>
      </c>
      <c r="FE18" s="71">
        <v>2</v>
      </c>
      <c r="FF18" s="71">
        <v>1</v>
      </c>
      <c r="FG18" s="71">
        <v>1</v>
      </c>
      <c r="FH18" s="71">
        <v>0</v>
      </c>
      <c r="FI18" s="72">
        <v>4</v>
      </c>
      <c r="FJ18" s="73">
        <v>4</v>
      </c>
      <c r="FK18" s="70">
        <v>2</v>
      </c>
      <c r="FL18" s="71">
        <v>1</v>
      </c>
      <c r="FM18" s="72">
        <v>3</v>
      </c>
      <c r="FN18" s="244"/>
      <c r="FO18" s="71">
        <v>1</v>
      </c>
      <c r="FP18" s="71">
        <v>7</v>
      </c>
      <c r="FQ18" s="71">
        <v>0</v>
      </c>
      <c r="FR18" s="71">
        <v>1</v>
      </c>
      <c r="FS18" s="71">
        <v>2</v>
      </c>
      <c r="FT18" s="72">
        <v>11</v>
      </c>
      <c r="FU18" s="73">
        <v>14</v>
      </c>
      <c r="FV18" s="70">
        <v>0</v>
      </c>
      <c r="FW18" s="71">
        <v>0</v>
      </c>
      <c r="FX18" s="72">
        <v>0</v>
      </c>
      <c r="FY18" s="244"/>
      <c r="FZ18" s="71">
        <v>0</v>
      </c>
      <c r="GA18" s="71">
        <v>0</v>
      </c>
      <c r="GB18" s="71">
        <v>0</v>
      </c>
      <c r="GC18" s="71">
        <v>0</v>
      </c>
      <c r="GD18" s="71">
        <v>0</v>
      </c>
      <c r="GE18" s="72">
        <v>0</v>
      </c>
      <c r="GF18" s="73">
        <v>0</v>
      </c>
      <c r="GG18" s="70">
        <v>2</v>
      </c>
      <c r="GH18" s="71">
        <v>1</v>
      </c>
      <c r="GI18" s="72">
        <v>3</v>
      </c>
      <c r="GJ18" s="241"/>
      <c r="GK18" s="71">
        <v>2</v>
      </c>
      <c r="GL18" s="71">
        <v>10</v>
      </c>
      <c r="GM18" s="71">
        <v>1</v>
      </c>
      <c r="GN18" s="71">
        <v>2</v>
      </c>
      <c r="GO18" s="71">
        <v>3</v>
      </c>
      <c r="GP18" s="72">
        <v>18</v>
      </c>
      <c r="GQ18" s="73">
        <v>21</v>
      </c>
      <c r="GR18" s="123">
        <v>23</v>
      </c>
      <c r="GS18" s="82">
        <v>25</v>
      </c>
      <c r="GT18" s="83">
        <v>48</v>
      </c>
      <c r="GU18" s="241"/>
      <c r="GV18" s="82">
        <v>32</v>
      </c>
      <c r="GW18" s="82">
        <v>38</v>
      </c>
      <c r="GX18" s="82">
        <v>25</v>
      </c>
      <c r="GY18" s="82">
        <v>22</v>
      </c>
      <c r="GZ18" s="82">
        <v>11</v>
      </c>
      <c r="HA18" s="84">
        <v>128</v>
      </c>
      <c r="HB18" s="85">
        <v>176</v>
      </c>
      <c r="HC18" s="70">
        <v>1</v>
      </c>
      <c r="HD18" s="71">
        <v>0</v>
      </c>
      <c r="HE18" s="72">
        <v>1</v>
      </c>
      <c r="HF18" s="241"/>
      <c r="HG18" s="71">
        <v>0</v>
      </c>
      <c r="HH18" s="71">
        <v>0</v>
      </c>
      <c r="HI18" s="71">
        <v>1</v>
      </c>
      <c r="HJ18" s="71">
        <v>0</v>
      </c>
      <c r="HK18" s="71">
        <v>0</v>
      </c>
      <c r="HL18" s="72">
        <v>1</v>
      </c>
      <c r="HM18" s="73">
        <v>2</v>
      </c>
      <c r="HN18" s="70">
        <v>2</v>
      </c>
      <c r="HO18" s="71">
        <v>2</v>
      </c>
      <c r="HP18" s="72">
        <v>4</v>
      </c>
      <c r="HQ18" s="241"/>
      <c r="HR18" s="71">
        <v>4</v>
      </c>
      <c r="HS18" s="71">
        <v>0</v>
      </c>
      <c r="HT18" s="71">
        <v>4</v>
      </c>
      <c r="HU18" s="71">
        <v>1</v>
      </c>
      <c r="HV18" s="71">
        <v>2</v>
      </c>
      <c r="HW18" s="72">
        <v>11</v>
      </c>
      <c r="HX18" s="73">
        <v>15</v>
      </c>
      <c r="HY18" s="70">
        <v>3</v>
      </c>
      <c r="HZ18" s="71">
        <v>1</v>
      </c>
      <c r="IA18" s="72">
        <v>4</v>
      </c>
      <c r="IB18" s="244"/>
      <c r="IC18" s="71">
        <v>6</v>
      </c>
      <c r="ID18" s="71">
        <v>5</v>
      </c>
      <c r="IE18" s="71">
        <v>1</v>
      </c>
      <c r="IF18" s="71">
        <v>1</v>
      </c>
      <c r="IG18" s="71">
        <v>4</v>
      </c>
      <c r="IH18" s="72">
        <v>17</v>
      </c>
      <c r="II18" s="73">
        <v>21</v>
      </c>
      <c r="IJ18" s="70">
        <v>8</v>
      </c>
      <c r="IK18" s="71">
        <v>4</v>
      </c>
      <c r="IL18" s="72">
        <v>12</v>
      </c>
      <c r="IM18" s="244"/>
      <c r="IN18" s="71">
        <v>5</v>
      </c>
      <c r="IO18" s="71">
        <v>6</v>
      </c>
      <c r="IP18" s="71">
        <v>3</v>
      </c>
      <c r="IQ18" s="71">
        <v>4</v>
      </c>
      <c r="IR18" s="71">
        <v>0</v>
      </c>
      <c r="IS18" s="72">
        <v>18</v>
      </c>
      <c r="IT18" s="73">
        <v>30</v>
      </c>
      <c r="IU18" s="70">
        <v>3</v>
      </c>
      <c r="IV18" s="71">
        <v>8</v>
      </c>
      <c r="IW18" s="72">
        <v>11</v>
      </c>
      <c r="IX18" s="244"/>
      <c r="IY18" s="71">
        <v>5</v>
      </c>
      <c r="IZ18" s="71">
        <v>7</v>
      </c>
      <c r="JA18" s="71">
        <v>3</v>
      </c>
      <c r="JB18" s="71">
        <v>6</v>
      </c>
      <c r="JC18" s="71">
        <v>2</v>
      </c>
      <c r="JD18" s="72">
        <v>23</v>
      </c>
      <c r="JE18" s="73">
        <v>34</v>
      </c>
      <c r="JF18" s="70">
        <v>6</v>
      </c>
      <c r="JG18" s="71">
        <v>10</v>
      </c>
      <c r="JH18" s="72">
        <v>16</v>
      </c>
      <c r="JI18" s="244"/>
      <c r="JJ18" s="71">
        <v>12</v>
      </c>
      <c r="JK18" s="71">
        <v>20</v>
      </c>
      <c r="JL18" s="71">
        <v>13</v>
      </c>
      <c r="JM18" s="71">
        <v>10</v>
      </c>
      <c r="JN18" s="71">
        <v>3</v>
      </c>
      <c r="JO18" s="72">
        <v>58</v>
      </c>
      <c r="JP18" s="73">
        <v>74</v>
      </c>
      <c r="JQ18" s="70">
        <v>0</v>
      </c>
      <c r="JR18" s="71">
        <v>0</v>
      </c>
      <c r="JS18" s="72">
        <v>0</v>
      </c>
      <c r="JT18" s="244"/>
      <c r="JU18" s="71">
        <v>0</v>
      </c>
      <c r="JV18" s="71">
        <v>0</v>
      </c>
      <c r="JW18" s="71">
        <v>0</v>
      </c>
      <c r="JX18" s="71">
        <v>0</v>
      </c>
      <c r="JY18" s="71">
        <v>0</v>
      </c>
      <c r="JZ18" s="72">
        <v>0</v>
      </c>
      <c r="KA18" s="73">
        <v>0</v>
      </c>
      <c r="KB18" s="70">
        <v>23</v>
      </c>
      <c r="KC18" s="71">
        <v>25</v>
      </c>
      <c r="KD18" s="72">
        <v>48</v>
      </c>
      <c r="KE18" s="244"/>
      <c r="KF18" s="71">
        <v>32</v>
      </c>
      <c r="KG18" s="71">
        <v>38</v>
      </c>
      <c r="KH18" s="71">
        <v>25</v>
      </c>
      <c r="KI18" s="71">
        <v>22</v>
      </c>
      <c r="KJ18" s="71">
        <v>11</v>
      </c>
      <c r="KK18" s="72">
        <v>128</v>
      </c>
      <c r="KL18" s="73">
        <v>176</v>
      </c>
    </row>
    <row r="19" spans="1:298" ht="19.5" customHeight="1" x14ac:dyDescent="0.2">
      <c r="A19" s="126" t="s">
        <v>16</v>
      </c>
      <c r="B19" s="316">
        <v>42</v>
      </c>
      <c r="C19" s="82">
        <v>36</v>
      </c>
      <c r="D19" s="83">
        <v>78</v>
      </c>
      <c r="E19" s="241"/>
      <c r="F19" s="82">
        <v>78</v>
      </c>
      <c r="G19" s="82">
        <v>101</v>
      </c>
      <c r="H19" s="82">
        <v>63</v>
      </c>
      <c r="I19" s="82">
        <v>46</v>
      </c>
      <c r="J19" s="82">
        <v>24</v>
      </c>
      <c r="K19" s="84">
        <v>312</v>
      </c>
      <c r="L19" s="85">
        <v>390</v>
      </c>
      <c r="M19" s="70">
        <v>0</v>
      </c>
      <c r="N19" s="71">
        <v>2</v>
      </c>
      <c r="O19" s="72">
        <v>2</v>
      </c>
      <c r="P19" s="241"/>
      <c r="Q19" s="71">
        <v>3</v>
      </c>
      <c r="R19" s="71">
        <v>4</v>
      </c>
      <c r="S19" s="71">
        <v>2</v>
      </c>
      <c r="T19" s="71">
        <v>3</v>
      </c>
      <c r="U19" s="71">
        <v>1</v>
      </c>
      <c r="V19" s="72">
        <v>13</v>
      </c>
      <c r="W19" s="73">
        <v>15</v>
      </c>
      <c r="X19" s="70">
        <v>6</v>
      </c>
      <c r="Y19" s="71">
        <v>3</v>
      </c>
      <c r="Z19" s="72">
        <v>9</v>
      </c>
      <c r="AA19" s="241"/>
      <c r="AB19" s="71">
        <v>3</v>
      </c>
      <c r="AC19" s="71">
        <v>11</v>
      </c>
      <c r="AD19" s="71">
        <v>5</v>
      </c>
      <c r="AE19" s="71">
        <v>0</v>
      </c>
      <c r="AF19" s="71">
        <v>2</v>
      </c>
      <c r="AG19" s="72">
        <v>21</v>
      </c>
      <c r="AH19" s="73">
        <v>30</v>
      </c>
      <c r="AI19" s="70">
        <v>7</v>
      </c>
      <c r="AJ19" s="71">
        <v>3</v>
      </c>
      <c r="AK19" s="72">
        <v>10</v>
      </c>
      <c r="AL19" s="241"/>
      <c r="AM19" s="71">
        <v>8</v>
      </c>
      <c r="AN19" s="71">
        <v>8</v>
      </c>
      <c r="AO19" s="71">
        <v>6</v>
      </c>
      <c r="AP19" s="71">
        <v>3</v>
      </c>
      <c r="AQ19" s="71">
        <v>1</v>
      </c>
      <c r="AR19" s="72">
        <v>26</v>
      </c>
      <c r="AS19" s="73">
        <v>36</v>
      </c>
      <c r="AT19" s="70">
        <v>7</v>
      </c>
      <c r="AU19" s="71">
        <v>4</v>
      </c>
      <c r="AV19" s="72">
        <v>11</v>
      </c>
      <c r="AW19" s="241"/>
      <c r="AX19" s="71">
        <v>17</v>
      </c>
      <c r="AY19" s="71">
        <v>26</v>
      </c>
      <c r="AZ19" s="71">
        <v>8</v>
      </c>
      <c r="BA19" s="71">
        <v>8</v>
      </c>
      <c r="BB19" s="71">
        <v>7</v>
      </c>
      <c r="BC19" s="72">
        <v>66</v>
      </c>
      <c r="BD19" s="73">
        <v>77</v>
      </c>
      <c r="BE19" s="70">
        <v>13</v>
      </c>
      <c r="BF19" s="71">
        <v>11</v>
      </c>
      <c r="BG19" s="72">
        <v>24</v>
      </c>
      <c r="BH19" s="241"/>
      <c r="BI19" s="71">
        <v>22</v>
      </c>
      <c r="BJ19" s="71">
        <v>27</v>
      </c>
      <c r="BK19" s="71">
        <v>19</v>
      </c>
      <c r="BL19" s="71">
        <v>12</v>
      </c>
      <c r="BM19" s="71">
        <v>9</v>
      </c>
      <c r="BN19" s="72">
        <v>89</v>
      </c>
      <c r="BO19" s="73">
        <v>113</v>
      </c>
      <c r="BP19" s="70">
        <v>9</v>
      </c>
      <c r="BQ19" s="71">
        <v>13</v>
      </c>
      <c r="BR19" s="72">
        <v>22</v>
      </c>
      <c r="BS19" s="241"/>
      <c r="BT19" s="71">
        <v>25</v>
      </c>
      <c r="BU19" s="71">
        <v>25</v>
      </c>
      <c r="BV19" s="71">
        <v>23</v>
      </c>
      <c r="BW19" s="71">
        <v>20</v>
      </c>
      <c r="BX19" s="71">
        <v>4</v>
      </c>
      <c r="BY19" s="72">
        <v>97</v>
      </c>
      <c r="BZ19" s="73">
        <v>119</v>
      </c>
      <c r="CA19" s="70">
        <v>0</v>
      </c>
      <c r="CB19" s="71">
        <v>0</v>
      </c>
      <c r="CC19" s="72">
        <v>0</v>
      </c>
      <c r="CD19" s="241"/>
      <c r="CE19" s="71">
        <v>0</v>
      </c>
      <c r="CF19" s="71">
        <v>0</v>
      </c>
      <c r="CG19" s="71">
        <v>0</v>
      </c>
      <c r="CH19" s="71">
        <v>0</v>
      </c>
      <c r="CI19" s="71">
        <v>0</v>
      </c>
      <c r="CJ19" s="72">
        <v>0</v>
      </c>
      <c r="CK19" s="73">
        <v>0</v>
      </c>
      <c r="CL19" s="70">
        <v>42</v>
      </c>
      <c r="CM19" s="71">
        <v>36</v>
      </c>
      <c r="CN19" s="72">
        <v>78</v>
      </c>
      <c r="CO19" s="241"/>
      <c r="CP19" s="71">
        <v>78</v>
      </c>
      <c r="CQ19" s="71">
        <v>101</v>
      </c>
      <c r="CR19" s="71">
        <v>63</v>
      </c>
      <c r="CS19" s="71">
        <v>46</v>
      </c>
      <c r="CT19" s="71">
        <v>24</v>
      </c>
      <c r="CU19" s="72">
        <v>312</v>
      </c>
      <c r="CV19" s="73">
        <v>390</v>
      </c>
      <c r="CW19" s="123">
        <v>8</v>
      </c>
      <c r="CX19" s="82">
        <v>7</v>
      </c>
      <c r="CY19" s="83">
        <v>15</v>
      </c>
      <c r="CZ19" s="241"/>
      <c r="DA19" s="82">
        <v>14</v>
      </c>
      <c r="DB19" s="82">
        <v>15</v>
      </c>
      <c r="DC19" s="82">
        <v>8</v>
      </c>
      <c r="DD19" s="82">
        <v>6</v>
      </c>
      <c r="DE19" s="82">
        <v>12</v>
      </c>
      <c r="DF19" s="84">
        <v>55</v>
      </c>
      <c r="DG19" s="85">
        <v>70</v>
      </c>
      <c r="DH19" s="70">
        <v>0</v>
      </c>
      <c r="DI19" s="71">
        <v>0</v>
      </c>
      <c r="DJ19" s="72">
        <v>0</v>
      </c>
      <c r="DK19" s="241"/>
      <c r="DL19" s="71">
        <v>0</v>
      </c>
      <c r="DM19" s="71">
        <v>0</v>
      </c>
      <c r="DN19" s="71">
        <v>0</v>
      </c>
      <c r="DO19" s="71">
        <v>0</v>
      </c>
      <c r="DP19" s="71">
        <v>0</v>
      </c>
      <c r="DQ19" s="72">
        <v>0</v>
      </c>
      <c r="DR19" s="73">
        <v>0</v>
      </c>
      <c r="DS19" s="70">
        <v>1</v>
      </c>
      <c r="DT19" s="71">
        <v>1</v>
      </c>
      <c r="DU19" s="72">
        <v>2</v>
      </c>
      <c r="DV19" s="241"/>
      <c r="DW19" s="71">
        <v>3</v>
      </c>
      <c r="DX19" s="71">
        <v>0</v>
      </c>
      <c r="DY19" s="71">
        <v>0</v>
      </c>
      <c r="DZ19" s="71">
        <v>0</v>
      </c>
      <c r="EA19" s="71">
        <v>0</v>
      </c>
      <c r="EB19" s="72">
        <v>3</v>
      </c>
      <c r="EC19" s="73">
        <v>5</v>
      </c>
      <c r="ED19" s="70">
        <v>2</v>
      </c>
      <c r="EE19" s="71">
        <v>0</v>
      </c>
      <c r="EF19" s="72">
        <v>2</v>
      </c>
      <c r="EG19" s="241"/>
      <c r="EH19" s="71">
        <v>0</v>
      </c>
      <c r="EI19" s="71">
        <v>1</v>
      </c>
      <c r="EJ19" s="71">
        <v>0</v>
      </c>
      <c r="EK19" s="71">
        <v>0</v>
      </c>
      <c r="EL19" s="71">
        <v>0</v>
      </c>
      <c r="EM19" s="72">
        <v>1</v>
      </c>
      <c r="EN19" s="73">
        <v>3</v>
      </c>
      <c r="EO19" s="70">
        <v>3</v>
      </c>
      <c r="EP19" s="71">
        <v>3</v>
      </c>
      <c r="EQ19" s="72">
        <v>6</v>
      </c>
      <c r="ER19" s="241"/>
      <c r="ES19" s="71">
        <v>2</v>
      </c>
      <c r="ET19" s="71">
        <v>4</v>
      </c>
      <c r="EU19" s="71">
        <v>0</v>
      </c>
      <c r="EV19" s="71">
        <v>0</v>
      </c>
      <c r="EW19" s="71">
        <v>0</v>
      </c>
      <c r="EX19" s="72">
        <v>6</v>
      </c>
      <c r="EY19" s="73">
        <v>12</v>
      </c>
      <c r="EZ19" s="70">
        <v>2</v>
      </c>
      <c r="FA19" s="71">
        <v>1</v>
      </c>
      <c r="FB19" s="72">
        <v>3</v>
      </c>
      <c r="FC19" s="241"/>
      <c r="FD19" s="71">
        <v>1</v>
      </c>
      <c r="FE19" s="71">
        <v>3</v>
      </c>
      <c r="FF19" s="71">
        <v>3</v>
      </c>
      <c r="FG19" s="71">
        <v>1</v>
      </c>
      <c r="FH19" s="71">
        <v>3</v>
      </c>
      <c r="FI19" s="72">
        <v>11</v>
      </c>
      <c r="FJ19" s="73">
        <v>14</v>
      </c>
      <c r="FK19" s="70">
        <v>0</v>
      </c>
      <c r="FL19" s="71">
        <v>2</v>
      </c>
      <c r="FM19" s="72">
        <v>2</v>
      </c>
      <c r="FN19" s="244"/>
      <c r="FO19" s="71">
        <v>8</v>
      </c>
      <c r="FP19" s="71">
        <v>7</v>
      </c>
      <c r="FQ19" s="71">
        <v>5</v>
      </c>
      <c r="FR19" s="71">
        <v>5</v>
      </c>
      <c r="FS19" s="71">
        <v>9</v>
      </c>
      <c r="FT19" s="72">
        <v>34</v>
      </c>
      <c r="FU19" s="73">
        <v>36</v>
      </c>
      <c r="FV19" s="70">
        <v>0</v>
      </c>
      <c r="FW19" s="71">
        <v>0</v>
      </c>
      <c r="FX19" s="72">
        <v>0</v>
      </c>
      <c r="FY19" s="244"/>
      <c r="FZ19" s="71">
        <v>0</v>
      </c>
      <c r="GA19" s="71">
        <v>0</v>
      </c>
      <c r="GB19" s="71">
        <v>0</v>
      </c>
      <c r="GC19" s="71">
        <v>0</v>
      </c>
      <c r="GD19" s="71">
        <v>0</v>
      </c>
      <c r="GE19" s="72">
        <v>0</v>
      </c>
      <c r="GF19" s="73">
        <v>0</v>
      </c>
      <c r="GG19" s="70">
        <v>8</v>
      </c>
      <c r="GH19" s="71">
        <v>7</v>
      </c>
      <c r="GI19" s="72">
        <v>15</v>
      </c>
      <c r="GJ19" s="241"/>
      <c r="GK19" s="71">
        <v>14</v>
      </c>
      <c r="GL19" s="71">
        <v>15</v>
      </c>
      <c r="GM19" s="71">
        <v>8</v>
      </c>
      <c r="GN19" s="71">
        <v>6</v>
      </c>
      <c r="GO19" s="71">
        <v>12</v>
      </c>
      <c r="GP19" s="72">
        <v>55</v>
      </c>
      <c r="GQ19" s="73">
        <v>70</v>
      </c>
      <c r="GR19" s="123">
        <v>50</v>
      </c>
      <c r="GS19" s="82">
        <v>43</v>
      </c>
      <c r="GT19" s="83">
        <v>93</v>
      </c>
      <c r="GU19" s="241"/>
      <c r="GV19" s="82">
        <v>92</v>
      </c>
      <c r="GW19" s="82">
        <v>116</v>
      </c>
      <c r="GX19" s="82">
        <v>71</v>
      </c>
      <c r="GY19" s="82">
        <v>52</v>
      </c>
      <c r="GZ19" s="82">
        <v>36</v>
      </c>
      <c r="HA19" s="84">
        <v>367</v>
      </c>
      <c r="HB19" s="85">
        <v>460</v>
      </c>
      <c r="HC19" s="70">
        <v>0</v>
      </c>
      <c r="HD19" s="71">
        <v>2</v>
      </c>
      <c r="HE19" s="72">
        <v>2</v>
      </c>
      <c r="HF19" s="241"/>
      <c r="HG19" s="71">
        <v>3</v>
      </c>
      <c r="HH19" s="71">
        <v>4</v>
      </c>
      <c r="HI19" s="71">
        <v>2</v>
      </c>
      <c r="HJ19" s="71">
        <v>3</v>
      </c>
      <c r="HK19" s="71">
        <v>1</v>
      </c>
      <c r="HL19" s="72">
        <v>13</v>
      </c>
      <c r="HM19" s="73">
        <v>15</v>
      </c>
      <c r="HN19" s="70">
        <v>7</v>
      </c>
      <c r="HO19" s="71">
        <v>4</v>
      </c>
      <c r="HP19" s="72">
        <v>11</v>
      </c>
      <c r="HQ19" s="241"/>
      <c r="HR19" s="71">
        <v>6</v>
      </c>
      <c r="HS19" s="71">
        <v>11</v>
      </c>
      <c r="HT19" s="71">
        <v>5</v>
      </c>
      <c r="HU19" s="71">
        <v>0</v>
      </c>
      <c r="HV19" s="71">
        <v>2</v>
      </c>
      <c r="HW19" s="72">
        <v>24</v>
      </c>
      <c r="HX19" s="73">
        <v>35</v>
      </c>
      <c r="HY19" s="70">
        <v>9</v>
      </c>
      <c r="HZ19" s="71">
        <v>3</v>
      </c>
      <c r="IA19" s="72">
        <v>12</v>
      </c>
      <c r="IB19" s="244"/>
      <c r="IC19" s="71">
        <v>8</v>
      </c>
      <c r="ID19" s="71">
        <v>9</v>
      </c>
      <c r="IE19" s="71">
        <v>6</v>
      </c>
      <c r="IF19" s="71">
        <v>3</v>
      </c>
      <c r="IG19" s="71">
        <v>1</v>
      </c>
      <c r="IH19" s="72">
        <v>27</v>
      </c>
      <c r="II19" s="73">
        <v>39</v>
      </c>
      <c r="IJ19" s="70">
        <v>10</v>
      </c>
      <c r="IK19" s="71">
        <v>7</v>
      </c>
      <c r="IL19" s="72">
        <v>17</v>
      </c>
      <c r="IM19" s="244"/>
      <c r="IN19" s="71">
        <v>19</v>
      </c>
      <c r="IO19" s="71">
        <v>30</v>
      </c>
      <c r="IP19" s="71">
        <v>8</v>
      </c>
      <c r="IQ19" s="71">
        <v>8</v>
      </c>
      <c r="IR19" s="71">
        <v>7</v>
      </c>
      <c r="IS19" s="72">
        <v>72</v>
      </c>
      <c r="IT19" s="73">
        <v>89</v>
      </c>
      <c r="IU19" s="70">
        <v>15</v>
      </c>
      <c r="IV19" s="71">
        <v>12</v>
      </c>
      <c r="IW19" s="72">
        <v>27</v>
      </c>
      <c r="IX19" s="244"/>
      <c r="IY19" s="71">
        <v>23</v>
      </c>
      <c r="IZ19" s="71">
        <v>30</v>
      </c>
      <c r="JA19" s="71">
        <v>22</v>
      </c>
      <c r="JB19" s="71">
        <v>13</v>
      </c>
      <c r="JC19" s="71">
        <v>12</v>
      </c>
      <c r="JD19" s="72">
        <v>100</v>
      </c>
      <c r="JE19" s="73">
        <v>127</v>
      </c>
      <c r="JF19" s="70">
        <v>9</v>
      </c>
      <c r="JG19" s="71">
        <v>15</v>
      </c>
      <c r="JH19" s="72">
        <v>24</v>
      </c>
      <c r="JI19" s="244"/>
      <c r="JJ19" s="71">
        <v>33</v>
      </c>
      <c r="JK19" s="71">
        <v>32</v>
      </c>
      <c r="JL19" s="71">
        <v>28</v>
      </c>
      <c r="JM19" s="71">
        <v>25</v>
      </c>
      <c r="JN19" s="71">
        <v>13</v>
      </c>
      <c r="JO19" s="72">
        <v>131</v>
      </c>
      <c r="JP19" s="73">
        <v>155</v>
      </c>
      <c r="JQ19" s="70">
        <v>0</v>
      </c>
      <c r="JR19" s="71">
        <v>0</v>
      </c>
      <c r="JS19" s="72">
        <v>0</v>
      </c>
      <c r="JT19" s="244"/>
      <c r="JU19" s="71">
        <v>0</v>
      </c>
      <c r="JV19" s="71">
        <v>0</v>
      </c>
      <c r="JW19" s="71">
        <v>0</v>
      </c>
      <c r="JX19" s="71">
        <v>0</v>
      </c>
      <c r="JY19" s="71">
        <v>0</v>
      </c>
      <c r="JZ19" s="72">
        <v>0</v>
      </c>
      <c r="KA19" s="73">
        <v>0</v>
      </c>
      <c r="KB19" s="70">
        <v>50</v>
      </c>
      <c r="KC19" s="71">
        <v>43</v>
      </c>
      <c r="KD19" s="72">
        <v>93</v>
      </c>
      <c r="KE19" s="244"/>
      <c r="KF19" s="71">
        <v>92</v>
      </c>
      <c r="KG19" s="71">
        <v>116</v>
      </c>
      <c r="KH19" s="71">
        <v>71</v>
      </c>
      <c r="KI19" s="71">
        <v>52</v>
      </c>
      <c r="KJ19" s="71">
        <v>36</v>
      </c>
      <c r="KK19" s="72">
        <v>367</v>
      </c>
      <c r="KL19" s="73">
        <v>460</v>
      </c>
    </row>
    <row r="20" spans="1:298" ht="19.5" customHeight="1" x14ac:dyDescent="0.2">
      <c r="A20" s="126" t="s">
        <v>17</v>
      </c>
      <c r="B20" s="316">
        <v>58</v>
      </c>
      <c r="C20" s="82">
        <v>51</v>
      </c>
      <c r="D20" s="83">
        <v>109</v>
      </c>
      <c r="E20" s="241"/>
      <c r="F20" s="82">
        <v>96</v>
      </c>
      <c r="G20" s="82">
        <v>96</v>
      </c>
      <c r="H20" s="82">
        <v>68</v>
      </c>
      <c r="I20" s="82">
        <v>51</v>
      </c>
      <c r="J20" s="82">
        <v>36</v>
      </c>
      <c r="K20" s="84">
        <v>347</v>
      </c>
      <c r="L20" s="85">
        <v>456</v>
      </c>
      <c r="M20" s="70">
        <v>0</v>
      </c>
      <c r="N20" s="71">
        <v>0</v>
      </c>
      <c r="O20" s="72">
        <v>0</v>
      </c>
      <c r="P20" s="241"/>
      <c r="Q20" s="71">
        <v>0</v>
      </c>
      <c r="R20" s="71">
        <v>4</v>
      </c>
      <c r="S20" s="71">
        <v>3</v>
      </c>
      <c r="T20" s="71">
        <v>0</v>
      </c>
      <c r="U20" s="71">
        <v>3</v>
      </c>
      <c r="V20" s="72">
        <v>10</v>
      </c>
      <c r="W20" s="73">
        <v>10</v>
      </c>
      <c r="X20" s="70">
        <v>2</v>
      </c>
      <c r="Y20" s="71">
        <v>4</v>
      </c>
      <c r="Z20" s="72">
        <v>6</v>
      </c>
      <c r="AA20" s="241"/>
      <c r="AB20" s="71">
        <v>1</v>
      </c>
      <c r="AC20" s="71">
        <v>10</v>
      </c>
      <c r="AD20" s="71">
        <v>3</v>
      </c>
      <c r="AE20" s="71">
        <v>3</v>
      </c>
      <c r="AF20" s="71">
        <v>1</v>
      </c>
      <c r="AG20" s="72">
        <v>18</v>
      </c>
      <c r="AH20" s="73">
        <v>24</v>
      </c>
      <c r="AI20" s="70">
        <v>10</v>
      </c>
      <c r="AJ20" s="71">
        <v>3</v>
      </c>
      <c r="AK20" s="72">
        <v>13</v>
      </c>
      <c r="AL20" s="241"/>
      <c r="AM20" s="71">
        <v>10</v>
      </c>
      <c r="AN20" s="71">
        <v>10</v>
      </c>
      <c r="AO20" s="71">
        <v>4</v>
      </c>
      <c r="AP20" s="71">
        <v>5</v>
      </c>
      <c r="AQ20" s="71">
        <v>2</v>
      </c>
      <c r="AR20" s="72">
        <v>31</v>
      </c>
      <c r="AS20" s="73">
        <v>44</v>
      </c>
      <c r="AT20" s="70">
        <v>10</v>
      </c>
      <c r="AU20" s="71">
        <v>12</v>
      </c>
      <c r="AV20" s="72">
        <v>22</v>
      </c>
      <c r="AW20" s="241"/>
      <c r="AX20" s="71">
        <v>27</v>
      </c>
      <c r="AY20" s="71">
        <v>17</v>
      </c>
      <c r="AZ20" s="71">
        <v>11</v>
      </c>
      <c r="BA20" s="71">
        <v>10</v>
      </c>
      <c r="BB20" s="71">
        <v>10</v>
      </c>
      <c r="BC20" s="72">
        <v>75</v>
      </c>
      <c r="BD20" s="73">
        <v>97</v>
      </c>
      <c r="BE20" s="70">
        <v>23</v>
      </c>
      <c r="BF20" s="71">
        <v>14</v>
      </c>
      <c r="BG20" s="72">
        <v>37</v>
      </c>
      <c r="BH20" s="241"/>
      <c r="BI20" s="71">
        <v>31</v>
      </c>
      <c r="BJ20" s="71">
        <v>31</v>
      </c>
      <c r="BK20" s="71">
        <v>24</v>
      </c>
      <c r="BL20" s="71">
        <v>19</v>
      </c>
      <c r="BM20" s="71">
        <v>13</v>
      </c>
      <c r="BN20" s="72">
        <v>118</v>
      </c>
      <c r="BO20" s="73">
        <v>155</v>
      </c>
      <c r="BP20" s="70">
        <v>13</v>
      </c>
      <c r="BQ20" s="71">
        <v>18</v>
      </c>
      <c r="BR20" s="72">
        <v>31</v>
      </c>
      <c r="BS20" s="241"/>
      <c r="BT20" s="71">
        <v>27</v>
      </c>
      <c r="BU20" s="71">
        <v>24</v>
      </c>
      <c r="BV20" s="71">
        <v>23</v>
      </c>
      <c r="BW20" s="71">
        <v>14</v>
      </c>
      <c r="BX20" s="71">
        <v>7</v>
      </c>
      <c r="BY20" s="72">
        <v>95</v>
      </c>
      <c r="BZ20" s="73">
        <v>126</v>
      </c>
      <c r="CA20" s="70">
        <v>0</v>
      </c>
      <c r="CB20" s="71">
        <v>0</v>
      </c>
      <c r="CC20" s="72">
        <v>0</v>
      </c>
      <c r="CD20" s="241"/>
      <c r="CE20" s="71">
        <v>0</v>
      </c>
      <c r="CF20" s="71">
        <v>0</v>
      </c>
      <c r="CG20" s="71">
        <v>0</v>
      </c>
      <c r="CH20" s="71">
        <v>0</v>
      </c>
      <c r="CI20" s="71">
        <v>0</v>
      </c>
      <c r="CJ20" s="72">
        <v>0</v>
      </c>
      <c r="CK20" s="73">
        <v>0</v>
      </c>
      <c r="CL20" s="70">
        <v>58</v>
      </c>
      <c r="CM20" s="71">
        <v>51</v>
      </c>
      <c r="CN20" s="72">
        <v>109</v>
      </c>
      <c r="CO20" s="241"/>
      <c r="CP20" s="71">
        <v>96</v>
      </c>
      <c r="CQ20" s="71">
        <v>96</v>
      </c>
      <c r="CR20" s="71">
        <v>68</v>
      </c>
      <c r="CS20" s="71">
        <v>51</v>
      </c>
      <c r="CT20" s="71">
        <v>36</v>
      </c>
      <c r="CU20" s="72">
        <v>347</v>
      </c>
      <c r="CV20" s="73">
        <v>456</v>
      </c>
      <c r="CW20" s="123">
        <v>7</v>
      </c>
      <c r="CX20" s="82">
        <v>13</v>
      </c>
      <c r="CY20" s="83">
        <v>20</v>
      </c>
      <c r="CZ20" s="241"/>
      <c r="DA20" s="82">
        <v>9</v>
      </c>
      <c r="DB20" s="82">
        <v>17</v>
      </c>
      <c r="DC20" s="82">
        <v>15</v>
      </c>
      <c r="DD20" s="82">
        <v>10</v>
      </c>
      <c r="DE20" s="82">
        <v>5</v>
      </c>
      <c r="DF20" s="84">
        <v>56</v>
      </c>
      <c r="DG20" s="85">
        <v>76</v>
      </c>
      <c r="DH20" s="70">
        <v>0</v>
      </c>
      <c r="DI20" s="71">
        <v>1</v>
      </c>
      <c r="DJ20" s="72">
        <v>1</v>
      </c>
      <c r="DK20" s="241"/>
      <c r="DL20" s="71">
        <v>0</v>
      </c>
      <c r="DM20" s="71">
        <v>0</v>
      </c>
      <c r="DN20" s="71">
        <v>1</v>
      </c>
      <c r="DO20" s="71">
        <v>0</v>
      </c>
      <c r="DP20" s="71">
        <v>0</v>
      </c>
      <c r="DQ20" s="72">
        <v>1</v>
      </c>
      <c r="DR20" s="73">
        <v>2</v>
      </c>
      <c r="DS20" s="70">
        <v>1</v>
      </c>
      <c r="DT20" s="71">
        <v>2</v>
      </c>
      <c r="DU20" s="72">
        <v>3</v>
      </c>
      <c r="DV20" s="241"/>
      <c r="DW20" s="71">
        <v>0</v>
      </c>
      <c r="DX20" s="71">
        <v>2</v>
      </c>
      <c r="DY20" s="71">
        <v>0</v>
      </c>
      <c r="DZ20" s="71">
        <v>1</v>
      </c>
      <c r="EA20" s="71">
        <v>1</v>
      </c>
      <c r="EB20" s="72">
        <v>4</v>
      </c>
      <c r="EC20" s="73">
        <v>7</v>
      </c>
      <c r="ED20" s="70">
        <v>0</v>
      </c>
      <c r="EE20" s="71">
        <v>0</v>
      </c>
      <c r="EF20" s="72">
        <v>0</v>
      </c>
      <c r="EG20" s="241"/>
      <c r="EH20" s="71">
        <v>1</v>
      </c>
      <c r="EI20" s="71">
        <v>1</v>
      </c>
      <c r="EJ20" s="71">
        <v>0</v>
      </c>
      <c r="EK20" s="71">
        <v>0</v>
      </c>
      <c r="EL20" s="71">
        <v>0</v>
      </c>
      <c r="EM20" s="72">
        <v>2</v>
      </c>
      <c r="EN20" s="73">
        <v>2</v>
      </c>
      <c r="EO20" s="70">
        <v>4</v>
      </c>
      <c r="EP20" s="71">
        <v>4</v>
      </c>
      <c r="EQ20" s="72">
        <v>8</v>
      </c>
      <c r="ER20" s="241"/>
      <c r="ES20" s="71">
        <v>3</v>
      </c>
      <c r="ET20" s="71">
        <v>2</v>
      </c>
      <c r="EU20" s="71">
        <v>4</v>
      </c>
      <c r="EV20" s="71">
        <v>1</v>
      </c>
      <c r="EW20" s="71">
        <v>2</v>
      </c>
      <c r="EX20" s="72">
        <v>12</v>
      </c>
      <c r="EY20" s="73">
        <v>20</v>
      </c>
      <c r="EZ20" s="70">
        <v>2</v>
      </c>
      <c r="FA20" s="71">
        <v>3</v>
      </c>
      <c r="FB20" s="72">
        <v>5</v>
      </c>
      <c r="FC20" s="241"/>
      <c r="FD20" s="71">
        <v>2</v>
      </c>
      <c r="FE20" s="71">
        <v>5</v>
      </c>
      <c r="FF20" s="71">
        <v>3</v>
      </c>
      <c r="FG20" s="71">
        <v>2</v>
      </c>
      <c r="FH20" s="71">
        <v>0</v>
      </c>
      <c r="FI20" s="72">
        <v>12</v>
      </c>
      <c r="FJ20" s="73">
        <v>17</v>
      </c>
      <c r="FK20" s="70">
        <v>0</v>
      </c>
      <c r="FL20" s="71">
        <v>3</v>
      </c>
      <c r="FM20" s="72">
        <v>3</v>
      </c>
      <c r="FN20" s="244"/>
      <c r="FO20" s="71">
        <v>3</v>
      </c>
      <c r="FP20" s="71">
        <v>7</v>
      </c>
      <c r="FQ20" s="71">
        <v>7</v>
      </c>
      <c r="FR20" s="71">
        <v>6</v>
      </c>
      <c r="FS20" s="71">
        <v>2</v>
      </c>
      <c r="FT20" s="72">
        <v>25</v>
      </c>
      <c r="FU20" s="73">
        <v>28</v>
      </c>
      <c r="FV20" s="70">
        <v>0</v>
      </c>
      <c r="FW20" s="71">
        <v>0</v>
      </c>
      <c r="FX20" s="72">
        <v>0</v>
      </c>
      <c r="FY20" s="244"/>
      <c r="FZ20" s="71">
        <v>0</v>
      </c>
      <c r="GA20" s="71">
        <v>0</v>
      </c>
      <c r="GB20" s="71">
        <v>0</v>
      </c>
      <c r="GC20" s="71">
        <v>0</v>
      </c>
      <c r="GD20" s="71">
        <v>0</v>
      </c>
      <c r="GE20" s="72">
        <v>0</v>
      </c>
      <c r="GF20" s="73">
        <v>0</v>
      </c>
      <c r="GG20" s="70">
        <v>7</v>
      </c>
      <c r="GH20" s="71">
        <v>13</v>
      </c>
      <c r="GI20" s="72">
        <v>20</v>
      </c>
      <c r="GJ20" s="241"/>
      <c r="GK20" s="71">
        <v>9</v>
      </c>
      <c r="GL20" s="71">
        <v>17</v>
      </c>
      <c r="GM20" s="71">
        <v>15</v>
      </c>
      <c r="GN20" s="71">
        <v>10</v>
      </c>
      <c r="GO20" s="71">
        <v>5</v>
      </c>
      <c r="GP20" s="72">
        <v>56</v>
      </c>
      <c r="GQ20" s="73">
        <v>76</v>
      </c>
      <c r="GR20" s="123">
        <v>65</v>
      </c>
      <c r="GS20" s="82">
        <v>64</v>
      </c>
      <c r="GT20" s="83">
        <v>129</v>
      </c>
      <c r="GU20" s="241"/>
      <c r="GV20" s="82">
        <v>105</v>
      </c>
      <c r="GW20" s="82">
        <v>113</v>
      </c>
      <c r="GX20" s="82">
        <v>83</v>
      </c>
      <c r="GY20" s="82">
        <v>61</v>
      </c>
      <c r="GZ20" s="82">
        <v>41</v>
      </c>
      <c r="HA20" s="84">
        <v>403</v>
      </c>
      <c r="HB20" s="85">
        <v>532</v>
      </c>
      <c r="HC20" s="70">
        <v>0</v>
      </c>
      <c r="HD20" s="71">
        <v>1</v>
      </c>
      <c r="HE20" s="72">
        <v>1</v>
      </c>
      <c r="HF20" s="241"/>
      <c r="HG20" s="71">
        <v>0</v>
      </c>
      <c r="HH20" s="71">
        <v>4</v>
      </c>
      <c r="HI20" s="71">
        <v>4</v>
      </c>
      <c r="HJ20" s="71">
        <v>0</v>
      </c>
      <c r="HK20" s="71">
        <v>3</v>
      </c>
      <c r="HL20" s="72">
        <v>11</v>
      </c>
      <c r="HM20" s="73">
        <v>12</v>
      </c>
      <c r="HN20" s="70">
        <v>3</v>
      </c>
      <c r="HO20" s="71">
        <v>6</v>
      </c>
      <c r="HP20" s="72">
        <v>9</v>
      </c>
      <c r="HQ20" s="241"/>
      <c r="HR20" s="71">
        <v>1</v>
      </c>
      <c r="HS20" s="71">
        <v>12</v>
      </c>
      <c r="HT20" s="71">
        <v>3</v>
      </c>
      <c r="HU20" s="71">
        <v>4</v>
      </c>
      <c r="HV20" s="71">
        <v>2</v>
      </c>
      <c r="HW20" s="72">
        <v>22</v>
      </c>
      <c r="HX20" s="73">
        <v>31</v>
      </c>
      <c r="HY20" s="70">
        <v>10</v>
      </c>
      <c r="HZ20" s="71">
        <v>3</v>
      </c>
      <c r="IA20" s="72">
        <v>13</v>
      </c>
      <c r="IB20" s="244"/>
      <c r="IC20" s="71">
        <v>11</v>
      </c>
      <c r="ID20" s="71">
        <v>11</v>
      </c>
      <c r="IE20" s="71">
        <v>4</v>
      </c>
      <c r="IF20" s="71">
        <v>5</v>
      </c>
      <c r="IG20" s="71">
        <v>2</v>
      </c>
      <c r="IH20" s="72">
        <v>33</v>
      </c>
      <c r="II20" s="73">
        <v>46</v>
      </c>
      <c r="IJ20" s="70">
        <v>14</v>
      </c>
      <c r="IK20" s="71">
        <v>16</v>
      </c>
      <c r="IL20" s="72">
        <v>30</v>
      </c>
      <c r="IM20" s="244"/>
      <c r="IN20" s="71">
        <v>30</v>
      </c>
      <c r="IO20" s="71">
        <v>19</v>
      </c>
      <c r="IP20" s="71">
        <v>15</v>
      </c>
      <c r="IQ20" s="71">
        <v>11</v>
      </c>
      <c r="IR20" s="71">
        <v>12</v>
      </c>
      <c r="IS20" s="72">
        <v>87</v>
      </c>
      <c r="IT20" s="73">
        <v>117</v>
      </c>
      <c r="IU20" s="70">
        <v>25</v>
      </c>
      <c r="IV20" s="71">
        <v>17</v>
      </c>
      <c r="IW20" s="72">
        <v>42</v>
      </c>
      <c r="IX20" s="244"/>
      <c r="IY20" s="71">
        <v>33</v>
      </c>
      <c r="IZ20" s="71">
        <v>36</v>
      </c>
      <c r="JA20" s="71">
        <v>27</v>
      </c>
      <c r="JB20" s="71">
        <v>21</v>
      </c>
      <c r="JC20" s="71">
        <v>13</v>
      </c>
      <c r="JD20" s="72">
        <v>130</v>
      </c>
      <c r="JE20" s="73">
        <v>172</v>
      </c>
      <c r="JF20" s="70">
        <v>13</v>
      </c>
      <c r="JG20" s="71">
        <v>21</v>
      </c>
      <c r="JH20" s="72">
        <v>34</v>
      </c>
      <c r="JI20" s="244"/>
      <c r="JJ20" s="71">
        <v>30</v>
      </c>
      <c r="JK20" s="71">
        <v>31</v>
      </c>
      <c r="JL20" s="71">
        <v>30</v>
      </c>
      <c r="JM20" s="71">
        <v>20</v>
      </c>
      <c r="JN20" s="71">
        <v>9</v>
      </c>
      <c r="JO20" s="72">
        <v>120</v>
      </c>
      <c r="JP20" s="73">
        <v>154</v>
      </c>
      <c r="JQ20" s="70">
        <v>0</v>
      </c>
      <c r="JR20" s="71">
        <v>0</v>
      </c>
      <c r="JS20" s="72">
        <v>0</v>
      </c>
      <c r="JT20" s="244"/>
      <c r="JU20" s="71">
        <v>0</v>
      </c>
      <c r="JV20" s="71">
        <v>0</v>
      </c>
      <c r="JW20" s="71">
        <v>0</v>
      </c>
      <c r="JX20" s="71">
        <v>0</v>
      </c>
      <c r="JY20" s="71">
        <v>0</v>
      </c>
      <c r="JZ20" s="72">
        <v>0</v>
      </c>
      <c r="KA20" s="73">
        <v>0</v>
      </c>
      <c r="KB20" s="70">
        <v>65</v>
      </c>
      <c r="KC20" s="71">
        <v>64</v>
      </c>
      <c r="KD20" s="72">
        <v>129</v>
      </c>
      <c r="KE20" s="244"/>
      <c r="KF20" s="71">
        <v>105</v>
      </c>
      <c r="KG20" s="71">
        <v>113</v>
      </c>
      <c r="KH20" s="71">
        <v>83</v>
      </c>
      <c r="KI20" s="71">
        <v>61</v>
      </c>
      <c r="KJ20" s="71">
        <v>41</v>
      </c>
      <c r="KK20" s="72">
        <v>403</v>
      </c>
      <c r="KL20" s="73">
        <v>532</v>
      </c>
    </row>
    <row r="21" spans="1:298" ht="19.5" customHeight="1" x14ac:dyDescent="0.2">
      <c r="A21" s="126" t="s">
        <v>18</v>
      </c>
      <c r="B21" s="316">
        <v>79</v>
      </c>
      <c r="C21" s="82">
        <v>89</v>
      </c>
      <c r="D21" s="83">
        <v>168</v>
      </c>
      <c r="E21" s="241"/>
      <c r="F21" s="82">
        <v>157</v>
      </c>
      <c r="G21" s="82">
        <v>126</v>
      </c>
      <c r="H21" s="82">
        <v>79</v>
      </c>
      <c r="I21" s="82">
        <v>72</v>
      </c>
      <c r="J21" s="82">
        <v>36</v>
      </c>
      <c r="K21" s="84">
        <v>470</v>
      </c>
      <c r="L21" s="85">
        <v>638</v>
      </c>
      <c r="M21" s="70">
        <v>0</v>
      </c>
      <c r="N21" s="71">
        <v>3</v>
      </c>
      <c r="O21" s="72">
        <v>3</v>
      </c>
      <c r="P21" s="241"/>
      <c r="Q21" s="71">
        <v>3</v>
      </c>
      <c r="R21" s="71">
        <v>4</v>
      </c>
      <c r="S21" s="71">
        <v>1</v>
      </c>
      <c r="T21" s="71">
        <v>3</v>
      </c>
      <c r="U21" s="71">
        <v>0</v>
      </c>
      <c r="V21" s="72">
        <v>11</v>
      </c>
      <c r="W21" s="73">
        <v>14</v>
      </c>
      <c r="X21" s="70">
        <v>2</v>
      </c>
      <c r="Y21" s="71">
        <v>6</v>
      </c>
      <c r="Z21" s="72">
        <v>8</v>
      </c>
      <c r="AA21" s="241"/>
      <c r="AB21" s="71">
        <v>7</v>
      </c>
      <c r="AC21" s="71">
        <v>3</v>
      </c>
      <c r="AD21" s="71">
        <v>6</v>
      </c>
      <c r="AE21" s="71">
        <v>4</v>
      </c>
      <c r="AF21" s="71">
        <v>1</v>
      </c>
      <c r="AG21" s="72">
        <v>21</v>
      </c>
      <c r="AH21" s="73">
        <v>29</v>
      </c>
      <c r="AI21" s="70">
        <v>6</v>
      </c>
      <c r="AJ21" s="71">
        <v>8</v>
      </c>
      <c r="AK21" s="72">
        <v>14</v>
      </c>
      <c r="AL21" s="241"/>
      <c r="AM21" s="71">
        <v>16</v>
      </c>
      <c r="AN21" s="71">
        <v>9</v>
      </c>
      <c r="AO21" s="71">
        <v>8</v>
      </c>
      <c r="AP21" s="71">
        <v>5</v>
      </c>
      <c r="AQ21" s="71">
        <v>5</v>
      </c>
      <c r="AR21" s="72">
        <v>43</v>
      </c>
      <c r="AS21" s="73">
        <v>57</v>
      </c>
      <c r="AT21" s="70">
        <v>22</v>
      </c>
      <c r="AU21" s="71">
        <v>16</v>
      </c>
      <c r="AV21" s="72">
        <v>38</v>
      </c>
      <c r="AW21" s="241"/>
      <c r="AX21" s="71">
        <v>27</v>
      </c>
      <c r="AY21" s="71">
        <v>22</v>
      </c>
      <c r="AZ21" s="71">
        <v>16</v>
      </c>
      <c r="BA21" s="71">
        <v>11</v>
      </c>
      <c r="BB21" s="71">
        <v>13</v>
      </c>
      <c r="BC21" s="72">
        <v>89</v>
      </c>
      <c r="BD21" s="73">
        <v>127</v>
      </c>
      <c r="BE21" s="70">
        <v>21</v>
      </c>
      <c r="BF21" s="71">
        <v>31</v>
      </c>
      <c r="BG21" s="72">
        <v>52</v>
      </c>
      <c r="BH21" s="241"/>
      <c r="BI21" s="71">
        <v>55</v>
      </c>
      <c r="BJ21" s="71">
        <v>45</v>
      </c>
      <c r="BK21" s="71">
        <v>26</v>
      </c>
      <c r="BL21" s="71">
        <v>27</v>
      </c>
      <c r="BM21" s="71">
        <v>8</v>
      </c>
      <c r="BN21" s="72">
        <v>161</v>
      </c>
      <c r="BO21" s="73">
        <v>213</v>
      </c>
      <c r="BP21" s="70">
        <v>28</v>
      </c>
      <c r="BQ21" s="71">
        <v>25</v>
      </c>
      <c r="BR21" s="72">
        <v>53</v>
      </c>
      <c r="BS21" s="241"/>
      <c r="BT21" s="71">
        <v>49</v>
      </c>
      <c r="BU21" s="71">
        <v>43</v>
      </c>
      <c r="BV21" s="71">
        <v>22</v>
      </c>
      <c r="BW21" s="71">
        <v>22</v>
      </c>
      <c r="BX21" s="71">
        <v>9</v>
      </c>
      <c r="BY21" s="72">
        <v>145</v>
      </c>
      <c r="BZ21" s="73">
        <v>198</v>
      </c>
      <c r="CA21" s="70">
        <v>0</v>
      </c>
      <c r="CB21" s="71">
        <v>0</v>
      </c>
      <c r="CC21" s="72">
        <v>0</v>
      </c>
      <c r="CD21" s="241"/>
      <c r="CE21" s="71">
        <v>0</v>
      </c>
      <c r="CF21" s="71">
        <v>0</v>
      </c>
      <c r="CG21" s="71">
        <v>0</v>
      </c>
      <c r="CH21" s="71">
        <v>0</v>
      </c>
      <c r="CI21" s="71">
        <v>0</v>
      </c>
      <c r="CJ21" s="72">
        <v>0</v>
      </c>
      <c r="CK21" s="73">
        <v>0</v>
      </c>
      <c r="CL21" s="70">
        <v>79</v>
      </c>
      <c r="CM21" s="71">
        <v>89</v>
      </c>
      <c r="CN21" s="72">
        <v>168</v>
      </c>
      <c r="CO21" s="241"/>
      <c r="CP21" s="71">
        <v>157</v>
      </c>
      <c r="CQ21" s="71">
        <v>126</v>
      </c>
      <c r="CR21" s="71">
        <v>79</v>
      </c>
      <c r="CS21" s="71">
        <v>72</v>
      </c>
      <c r="CT21" s="71">
        <v>36</v>
      </c>
      <c r="CU21" s="72">
        <v>470</v>
      </c>
      <c r="CV21" s="73">
        <v>638</v>
      </c>
      <c r="CW21" s="123">
        <v>9</v>
      </c>
      <c r="CX21" s="82">
        <v>15</v>
      </c>
      <c r="CY21" s="83">
        <v>24</v>
      </c>
      <c r="CZ21" s="241"/>
      <c r="DA21" s="82">
        <v>14</v>
      </c>
      <c r="DB21" s="82">
        <v>16</v>
      </c>
      <c r="DC21" s="82">
        <v>14</v>
      </c>
      <c r="DD21" s="82">
        <v>6</v>
      </c>
      <c r="DE21" s="82">
        <v>7</v>
      </c>
      <c r="DF21" s="84">
        <v>57</v>
      </c>
      <c r="DG21" s="85">
        <v>81</v>
      </c>
      <c r="DH21" s="70">
        <v>0</v>
      </c>
      <c r="DI21" s="71">
        <v>0</v>
      </c>
      <c r="DJ21" s="72">
        <v>0</v>
      </c>
      <c r="DK21" s="241"/>
      <c r="DL21" s="71">
        <v>0</v>
      </c>
      <c r="DM21" s="71">
        <v>0</v>
      </c>
      <c r="DN21" s="71">
        <v>1</v>
      </c>
      <c r="DO21" s="71">
        <v>0</v>
      </c>
      <c r="DP21" s="71">
        <v>1</v>
      </c>
      <c r="DQ21" s="72">
        <v>2</v>
      </c>
      <c r="DR21" s="73">
        <v>2</v>
      </c>
      <c r="DS21" s="70">
        <v>0</v>
      </c>
      <c r="DT21" s="71">
        <v>3</v>
      </c>
      <c r="DU21" s="72">
        <v>3</v>
      </c>
      <c r="DV21" s="241"/>
      <c r="DW21" s="71">
        <v>2</v>
      </c>
      <c r="DX21" s="71">
        <v>1</v>
      </c>
      <c r="DY21" s="71">
        <v>1</v>
      </c>
      <c r="DZ21" s="71">
        <v>1</v>
      </c>
      <c r="EA21" s="71">
        <v>0</v>
      </c>
      <c r="EB21" s="72">
        <v>5</v>
      </c>
      <c r="EC21" s="73">
        <v>8</v>
      </c>
      <c r="ED21" s="70">
        <v>1</v>
      </c>
      <c r="EE21" s="71">
        <v>5</v>
      </c>
      <c r="EF21" s="72">
        <v>6</v>
      </c>
      <c r="EG21" s="241"/>
      <c r="EH21" s="71">
        <v>1</v>
      </c>
      <c r="EI21" s="71">
        <v>2</v>
      </c>
      <c r="EJ21" s="71">
        <v>2</v>
      </c>
      <c r="EK21" s="71">
        <v>1</v>
      </c>
      <c r="EL21" s="71">
        <v>0</v>
      </c>
      <c r="EM21" s="72">
        <v>6</v>
      </c>
      <c r="EN21" s="73">
        <v>12</v>
      </c>
      <c r="EO21" s="70">
        <v>5</v>
      </c>
      <c r="EP21" s="71">
        <v>5</v>
      </c>
      <c r="EQ21" s="72">
        <v>10</v>
      </c>
      <c r="ER21" s="241"/>
      <c r="ES21" s="71">
        <v>2</v>
      </c>
      <c r="ET21" s="71">
        <v>2</v>
      </c>
      <c r="EU21" s="71">
        <v>2</v>
      </c>
      <c r="EV21" s="71">
        <v>0</v>
      </c>
      <c r="EW21" s="71">
        <v>2</v>
      </c>
      <c r="EX21" s="72">
        <v>8</v>
      </c>
      <c r="EY21" s="73">
        <v>18</v>
      </c>
      <c r="EZ21" s="70">
        <v>2</v>
      </c>
      <c r="FA21" s="71">
        <v>2</v>
      </c>
      <c r="FB21" s="72">
        <v>4</v>
      </c>
      <c r="FC21" s="241"/>
      <c r="FD21" s="71">
        <v>6</v>
      </c>
      <c r="FE21" s="71">
        <v>8</v>
      </c>
      <c r="FF21" s="71">
        <v>2</v>
      </c>
      <c r="FG21" s="71">
        <v>2</v>
      </c>
      <c r="FH21" s="71">
        <v>3</v>
      </c>
      <c r="FI21" s="72">
        <v>21</v>
      </c>
      <c r="FJ21" s="73">
        <v>25</v>
      </c>
      <c r="FK21" s="70">
        <v>1</v>
      </c>
      <c r="FL21" s="71">
        <v>0</v>
      </c>
      <c r="FM21" s="72">
        <v>1</v>
      </c>
      <c r="FN21" s="244"/>
      <c r="FO21" s="71">
        <v>3</v>
      </c>
      <c r="FP21" s="71">
        <v>3</v>
      </c>
      <c r="FQ21" s="71">
        <v>6</v>
      </c>
      <c r="FR21" s="71">
        <v>2</v>
      </c>
      <c r="FS21" s="71">
        <v>1</v>
      </c>
      <c r="FT21" s="72">
        <v>15</v>
      </c>
      <c r="FU21" s="73">
        <v>16</v>
      </c>
      <c r="FV21" s="70">
        <v>0</v>
      </c>
      <c r="FW21" s="71">
        <v>0</v>
      </c>
      <c r="FX21" s="72">
        <v>0</v>
      </c>
      <c r="FY21" s="244"/>
      <c r="FZ21" s="71">
        <v>0</v>
      </c>
      <c r="GA21" s="71">
        <v>0</v>
      </c>
      <c r="GB21" s="71">
        <v>0</v>
      </c>
      <c r="GC21" s="71">
        <v>0</v>
      </c>
      <c r="GD21" s="71">
        <v>0</v>
      </c>
      <c r="GE21" s="72">
        <v>0</v>
      </c>
      <c r="GF21" s="73">
        <v>0</v>
      </c>
      <c r="GG21" s="70">
        <v>9</v>
      </c>
      <c r="GH21" s="71">
        <v>15</v>
      </c>
      <c r="GI21" s="72">
        <v>24</v>
      </c>
      <c r="GJ21" s="241"/>
      <c r="GK21" s="71">
        <v>14</v>
      </c>
      <c r="GL21" s="71">
        <v>16</v>
      </c>
      <c r="GM21" s="71">
        <v>14</v>
      </c>
      <c r="GN21" s="71">
        <v>6</v>
      </c>
      <c r="GO21" s="71">
        <v>7</v>
      </c>
      <c r="GP21" s="72">
        <v>57</v>
      </c>
      <c r="GQ21" s="73">
        <v>81</v>
      </c>
      <c r="GR21" s="123">
        <v>88</v>
      </c>
      <c r="GS21" s="82">
        <v>104</v>
      </c>
      <c r="GT21" s="83">
        <v>192</v>
      </c>
      <c r="GU21" s="241"/>
      <c r="GV21" s="82">
        <v>171</v>
      </c>
      <c r="GW21" s="82">
        <v>142</v>
      </c>
      <c r="GX21" s="82">
        <v>93</v>
      </c>
      <c r="GY21" s="82">
        <v>78</v>
      </c>
      <c r="GZ21" s="82">
        <v>43</v>
      </c>
      <c r="HA21" s="84">
        <v>527</v>
      </c>
      <c r="HB21" s="85">
        <v>719</v>
      </c>
      <c r="HC21" s="70">
        <v>0</v>
      </c>
      <c r="HD21" s="71">
        <v>3</v>
      </c>
      <c r="HE21" s="72">
        <v>3</v>
      </c>
      <c r="HF21" s="241"/>
      <c r="HG21" s="71">
        <v>3</v>
      </c>
      <c r="HH21" s="71">
        <v>4</v>
      </c>
      <c r="HI21" s="71">
        <v>2</v>
      </c>
      <c r="HJ21" s="71">
        <v>3</v>
      </c>
      <c r="HK21" s="71">
        <v>1</v>
      </c>
      <c r="HL21" s="72">
        <v>13</v>
      </c>
      <c r="HM21" s="73">
        <v>16</v>
      </c>
      <c r="HN21" s="70">
        <v>2</v>
      </c>
      <c r="HO21" s="71">
        <v>9</v>
      </c>
      <c r="HP21" s="72">
        <v>11</v>
      </c>
      <c r="HQ21" s="241"/>
      <c r="HR21" s="71">
        <v>9</v>
      </c>
      <c r="HS21" s="71">
        <v>4</v>
      </c>
      <c r="HT21" s="71">
        <v>7</v>
      </c>
      <c r="HU21" s="71">
        <v>5</v>
      </c>
      <c r="HV21" s="71">
        <v>1</v>
      </c>
      <c r="HW21" s="72">
        <v>26</v>
      </c>
      <c r="HX21" s="73">
        <v>37</v>
      </c>
      <c r="HY21" s="70">
        <v>7</v>
      </c>
      <c r="HZ21" s="71">
        <v>13</v>
      </c>
      <c r="IA21" s="72">
        <v>20</v>
      </c>
      <c r="IB21" s="244"/>
      <c r="IC21" s="71">
        <v>17</v>
      </c>
      <c r="ID21" s="71">
        <v>11</v>
      </c>
      <c r="IE21" s="71">
        <v>10</v>
      </c>
      <c r="IF21" s="71">
        <v>6</v>
      </c>
      <c r="IG21" s="71">
        <v>5</v>
      </c>
      <c r="IH21" s="72">
        <v>49</v>
      </c>
      <c r="II21" s="73">
        <v>69</v>
      </c>
      <c r="IJ21" s="70">
        <v>27</v>
      </c>
      <c r="IK21" s="71">
        <v>21</v>
      </c>
      <c r="IL21" s="72">
        <v>48</v>
      </c>
      <c r="IM21" s="244"/>
      <c r="IN21" s="71">
        <v>29</v>
      </c>
      <c r="IO21" s="71">
        <v>24</v>
      </c>
      <c r="IP21" s="71">
        <v>18</v>
      </c>
      <c r="IQ21" s="71">
        <v>11</v>
      </c>
      <c r="IR21" s="71">
        <v>15</v>
      </c>
      <c r="IS21" s="72">
        <v>97</v>
      </c>
      <c r="IT21" s="73">
        <v>145</v>
      </c>
      <c r="IU21" s="70">
        <v>23</v>
      </c>
      <c r="IV21" s="71">
        <v>33</v>
      </c>
      <c r="IW21" s="72">
        <v>56</v>
      </c>
      <c r="IX21" s="244"/>
      <c r="IY21" s="71">
        <v>61</v>
      </c>
      <c r="IZ21" s="71">
        <v>53</v>
      </c>
      <c r="JA21" s="71">
        <v>28</v>
      </c>
      <c r="JB21" s="71">
        <v>29</v>
      </c>
      <c r="JC21" s="71">
        <v>11</v>
      </c>
      <c r="JD21" s="72">
        <v>182</v>
      </c>
      <c r="JE21" s="73">
        <v>238</v>
      </c>
      <c r="JF21" s="70">
        <v>29</v>
      </c>
      <c r="JG21" s="71">
        <v>25</v>
      </c>
      <c r="JH21" s="72">
        <v>54</v>
      </c>
      <c r="JI21" s="244"/>
      <c r="JJ21" s="71">
        <v>52</v>
      </c>
      <c r="JK21" s="71">
        <v>46</v>
      </c>
      <c r="JL21" s="71">
        <v>28</v>
      </c>
      <c r="JM21" s="71">
        <v>24</v>
      </c>
      <c r="JN21" s="71">
        <v>10</v>
      </c>
      <c r="JO21" s="72">
        <v>160</v>
      </c>
      <c r="JP21" s="73">
        <v>214</v>
      </c>
      <c r="JQ21" s="70">
        <v>0</v>
      </c>
      <c r="JR21" s="71">
        <v>0</v>
      </c>
      <c r="JS21" s="72">
        <v>0</v>
      </c>
      <c r="JT21" s="244"/>
      <c r="JU21" s="71">
        <v>0</v>
      </c>
      <c r="JV21" s="71">
        <v>0</v>
      </c>
      <c r="JW21" s="71">
        <v>0</v>
      </c>
      <c r="JX21" s="71">
        <v>0</v>
      </c>
      <c r="JY21" s="71">
        <v>0</v>
      </c>
      <c r="JZ21" s="72">
        <v>0</v>
      </c>
      <c r="KA21" s="73">
        <v>0</v>
      </c>
      <c r="KB21" s="70">
        <v>88</v>
      </c>
      <c r="KC21" s="71">
        <v>104</v>
      </c>
      <c r="KD21" s="72">
        <v>192</v>
      </c>
      <c r="KE21" s="244"/>
      <c r="KF21" s="71">
        <v>171</v>
      </c>
      <c r="KG21" s="71">
        <v>142</v>
      </c>
      <c r="KH21" s="71">
        <v>93</v>
      </c>
      <c r="KI21" s="71">
        <v>78</v>
      </c>
      <c r="KJ21" s="71">
        <v>43</v>
      </c>
      <c r="KK21" s="72">
        <v>527</v>
      </c>
      <c r="KL21" s="73">
        <v>719</v>
      </c>
    </row>
    <row r="22" spans="1:298" ht="19.5" customHeight="1" x14ac:dyDescent="0.2">
      <c r="A22" s="126" t="s">
        <v>19</v>
      </c>
      <c r="B22" s="316">
        <v>28</v>
      </c>
      <c r="C22" s="82">
        <v>28</v>
      </c>
      <c r="D22" s="83">
        <v>56</v>
      </c>
      <c r="E22" s="241"/>
      <c r="F22" s="82">
        <v>71</v>
      </c>
      <c r="G22" s="82">
        <v>50</v>
      </c>
      <c r="H22" s="82">
        <v>22</v>
      </c>
      <c r="I22" s="82">
        <v>24</v>
      </c>
      <c r="J22" s="82">
        <v>11</v>
      </c>
      <c r="K22" s="84">
        <v>178</v>
      </c>
      <c r="L22" s="85">
        <v>234</v>
      </c>
      <c r="M22" s="86">
        <v>0</v>
      </c>
      <c r="N22" s="71">
        <v>0</v>
      </c>
      <c r="O22" s="72">
        <v>0</v>
      </c>
      <c r="P22" s="241"/>
      <c r="Q22" s="71">
        <v>2</v>
      </c>
      <c r="R22" s="71">
        <v>2</v>
      </c>
      <c r="S22" s="71">
        <v>2</v>
      </c>
      <c r="T22" s="71">
        <v>0</v>
      </c>
      <c r="U22" s="71">
        <v>0</v>
      </c>
      <c r="V22" s="72">
        <v>6</v>
      </c>
      <c r="W22" s="73">
        <v>6</v>
      </c>
      <c r="X22" s="70">
        <v>0</v>
      </c>
      <c r="Y22" s="71">
        <v>1</v>
      </c>
      <c r="Z22" s="72">
        <v>1</v>
      </c>
      <c r="AA22" s="241"/>
      <c r="AB22" s="71">
        <v>0</v>
      </c>
      <c r="AC22" s="71">
        <v>2</v>
      </c>
      <c r="AD22" s="71">
        <v>1</v>
      </c>
      <c r="AE22" s="71">
        <v>1</v>
      </c>
      <c r="AF22" s="71">
        <v>0</v>
      </c>
      <c r="AG22" s="72">
        <v>4</v>
      </c>
      <c r="AH22" s="73">
        <v>5</v>
      </c>
      <c r="AI22" s="86">
        <v>3</v>
      </c>
      <c r="AJ22" s="71">
        <v>1</v>
      </c>
      <c r="AK22" s="72">
        <v>4</v>
      </c>
      <c r="AL22" s="241"/>
      <c r="AM22" s="71">
        <v>3</v>
      </c>
      <c r="AN22" s="71">
        <v>4</v>
      </c>
      <c r="AO22" s="71">
        <v>0</v>
      </c>
      <c r="AP22" s="71">
        <v>2</v>
      </c>
      <c r="AQ22" s="71">
        <v>0</v>
      </c>
      <c r="AR22" s="72">
        <v>9</v>
      </c>
      <c r="AS22" s="73">
        <v>13</v>
      </c>
      <c r="AT22" s="70">
        <v>9</v>
      </c>
      <c r="AU22" s="71">
        <v>5</v>
      </c>
      <c r="AV22" s="72">
        <v>14</v>
      </c>
      <c r="AW22" s="241"/>
      <c r="AX22" s="71">
        <v>11</v>
      </c>
      <c r="AY22" s="71">
        <v>10</v>
      </c>
      <c r="AZ22" s="71">
        <v>5</v>
      </c>
      <c r="BA22" s="71">
        <v>8</v>
      </c>
      <c r="BB22" s="71">
        <v>3</v>
      </c>
      <c r="BC22" s="72">
        <v>37</v>
      </c>
      <c r="BD22" s="73">
        <v>51</v>
      </c>
      <c r="BE22" s="86">
        <v>7</v>
      </c>
      <c r="BF22" s="71">
        <v>13</v>
      </c>
      <c r="BG22" s="72">
        <v>20</v>
      </c>
      <c r="BH22" s="241"/>
      <c r="BI22" s="71">
        <v>29</v>
      </c>
      <c r="BJ22" s="71">
        <v>15</v>
      </c>
      <c r="BK22" s="71">
        <v>9</v>
      </c>
      <c r="BL22" s="71">
        <v>3</v>
      </c>
      <c r="BM22" s="71">
        <v>4</v>
      </c>
      <c r="BN22" s="72">
        <v>60</v>
      </c>
      <c r="BO22" s="73">
        <v>80</v>
      </c>
      <c r="BP22" s="70">
        <v>9</v>
      </c>
      <c r="BQ22" s="71">
        <v>8</v>
      </c>
      <c r="BR22" s="72">
        <v>17</v>
      </c>
      <c r="BS22" s="241"/>
      <c r="BT22" s="71">
        <v>26</v>
      </c>
      <c r="BU22" s="71">
        <v>17</v>
      </c>
      <c r="BV22" s="71">
        <v>5</v>
      </c>
      <c r="BW22" s="71">
        <v>10</v>
      </c>
      <c r="BX22" s="71">
        <v>4</v>
      </c>
      <c r="BY22" s="72">
        <v>62</v>
      </c>
      <c r="BZ22" s="73">
        <v>79</v>
      </c>
      <c r="CA22" s="70">
        <v>0</v>
      </c>
      <c r="CB22" s="71">
        <v>0</v>
      </c>
      <c r="CC22" s="72">
        <v>0</v>
      </c>
      <c r="CD22" s="241"/>
      <c r="CE22" s="71">
        <v>0</v>
      </c>
      <c r="CF22" s="71">
        <v>0</v>
      </c>
      <c r="CG22" s="71">
        <v>0</v>
      </c>
      <c r="CH22" s="71">
        <v>0</v>
      </c>
      <c r="CI22" s="71">
        <v>0</v>
      </c>
      <c r="CJ22" s="72">
        <v>0</v>
      </c>
      <c r="CK22" s="73">
        <v>0</v>
      </c>
      <c r="CL22" s="70">
        <v>28</v>
      </c>
      <c r="CM22" s="71">
        <v>28</v>
      </c>
      <c r="CN22" s="72">
        <v>56</v>
      </c>
      <c r="CO22" s="241"/>
      <c r="CP22" s="71">
        <v>71</v>
      </c>
      <c r="CQ22" s="71">
        <v>50</v>
      </c>
      <c r="CR22" s="71">
        <v>22</v>
      </c>
      <c r="CS22" s="71">
        <v>24</v>
      </c>
      <c r="CT22" s="71">
        <v>11</v>
      </c>
      <c r="CU22" s="72">
        <v>178</v>
      </c>
      <c r="CV22" s="73">
        <v>234</v>
      </c>
      <c r="CW22" s="123">
        <v>3</v>
      </c>
      <c r="CX22" s="82">
        <v>3</v>
      </c>
      <c r="CY22" s="83">
        <v>6</v>
      </c>
      <c r="CZ22" s="241"/>
      <c r="DA22" s="82">
        <v>8</v>
      </c>
      <c r="DB22" s="82">
        <v>8</v>
      </c>
      <c r="DC22" s="82">
        <v>8</v>
      </c>
      <c r="DD22" s="82">
        <v>5</v>
      </c>
      <c r="DE22" s="82">
        <v>4</v>
      </c>
      <c r="DF22" s="84">
        <v>33</v>
      </c>
      <c r="DG22" s="85">
        <v>39</v>
      </c>
      <c r="DH22" s="86">
        <v>0</v>
      </c>
      <c r="DI22" s="71">
        <v>0</v>
      </c>
      <c r="DJ22" s="72">
        <v>0</v>
      </c>
      <c r="DK22" s="241"/>
      <c r="DL22" s="71">
        <v>0</v>
      </c>
      <c r="DM22" s="71">
        <v>0</v>
      </c>
      <c r="DN22" s="71">
        <v>0</v>
      </c>
      <c r="DO22" s="71">
        <v>0</v>
      </c>
      <c r="DP22" s="71">
        <v>0</v>
      </c>
      <c r="DQ22" s="72">
        <v>0</v>
      </c>
      <c r="DR22" s="73">
        <v>0</v>
      </c>
      <c r="DS22" s="70">
        <v>0</v>
      </c>
      <c r="DT22" s="71">
        <v>0</v>
      </c>
      <c r="DU22" s="72">
        <v>0</v>
      </c>
      <c r="DV22" s="241"/>
      <c r="DW22" s="71">
        <v>0</v>
      </c>
      <c r="DX22" s="71">
        <v>1</v>
      </c>
      <c r="DY22" s="71">
        <v>1</v>
      </c>
      <c r="DZ22" s="71">
        <v>0</v>
      </c>
      <c r="EA22" s="71">
        <v>0</v>
      </c>
      <c r="EB22" s="72">
        <v>2</v>
      </c>
      <c r="EC22" s="73">
        <v>2</v>
      </c>
      <c r="ED22" s="86">
        <v>2</v>
      </c>
      <c r="EE22" s="71">
        <v>0</v>
      </c>
      <c r="EF22" s="72">
        <v>2</v>
      </c>
      <c r="EG22" s="241"/>
      <c r="EH22" s="71">
        <v>2</v>
      </c>
      <c r="EI22" s="71">
        <v>1</v>
      </c>
      <c r="EJ22" s="71">
        <v>1</v>
      </c>
      <c r="EK22" s="71">
        <v>0</v>
      </c>
      <c r="EL22" s="71">
        <v>0</v>
      </c>
      <c r="EM22" s="72">
        <v>4</v>
      </c>
      <c r="EN22" s="73">
        <v>6</v>
      </c>
      <c r="EO22" s="70">
        <v>1</v>
      </c>
      <c r="EP22" s="71">
        <v>2</v>
      </c>
      <c r="EQ22" s="72">
        <v>3</v>
      </c>
      <c r="ER22" s="241"/>
      <c r="ES22" s="71">
        <v>1</v>
      </c>
      <c r="ET22" s="71">
        <v>1</v>
      </c>
      <c r="EU22" s="71">
        <v>2</v>
      </c>
      <c r="EV22" s="71">
        <v>1</v>
      </c>
      <c r="EW22" s="71">
        <v>1</v>
      </c>
      <c r="EX22" s="72">
        <v>6</v>
      </c>
      <c r="EY22" s="73">
        <v>9</v>
      </c>
      <c r="EZ22" s="86">
        <v>0</v>
      </c>
      <c r="FA22" s="71">
        <v>0</v>
      </c>
      <c r="FB22" s="72">
        <v>0</v>
      </c>
      <c r="FC22" s="241"/>
      <c r="FD22" s="71">
        <v>2</v>
      </c>
      <c r="FE22" s="71">
        <v>2</v>
      </c>
      <c r="FF22" s="71">
        <v>1</v>
      </c>
      <c r="FG22" s="71">
        <v>0</v>
      </c>
      <c r="FH22" s="71">
        <v>1</v>
      </c>
      <c r="FI22" s="72">
        <v>6</v>
      </c>
      <c r="FJ22" s="73">
        <v>6</v>
      </c>
      <c r="FK22" s="70">
        <v>0</v>
      </c>
      <c r="FL22" s="71">
        <v>1</v>
      </c>
      <c r="FM22" s="72">
        <v>1</v>
      </c>
      <c r="FN22" s="244"/>
      <c r="FO22" s="71">
        <v>3</v>
      </c>
      <c r="FP22" s="71">
        <v>3</v>
      </c>
      <c r="FQ22" s="71">
        <v>3</v>
      </c>
      <c r="FR22" s="71">
        <v>4</v>
      </c>
      <c r="FS22" s="71">
        <v>2</v>
      </c>
      <c r="FT22" s="72">
        <v>15</v>
      </c>
      <c r="FU22" s="73">
        <v>16</v>
      </c>
      <c r="FV22" s="70">
        <v>0</v>
      </c>
      <c r="FW22" s="71">
        <v>0</v>
      </c>
      <c r="FX22" s="72">
        <v>0</v>
      </c>
      <c r="FY22" s="244"/>
      <c r="FZ22" s="71">
        <v>0</v>
      </c>
      <c r="GA22" s="71">
        <v>0</v>
      </c>
      <c r="GB22" s="71">
        <v>0</v>
      </c>
      <c r="GC22" s="71">
        <v>0</v>
      </c>
      <c r="GD22" s="71">
        <v>0</v>
      </c>
      <c r="GE22" s="72">
        <v>0</v>
      </c>
      <c r="GF22" s="73">
        <v>0</v>
      </c>
      <c r="GG22" s="70">
        <v>3</v>
      </c>
      <c r="GH22" s="71">
        <v>3</v>
      </c>
      <c r="GI22" s="72">
        <v>6</v>
      </c>
      <c r="GJ22" s="241"/>
      <c r="GK22" s="71">
        <v>8</v>
      </c>
      <c r="GL22" s="71">
        <v>8</v>
      </c>
      <c r="GM22" s="71">
        <v>8</v>
      </c>
      <c r="GN22" s="71">
        <v>5</v>
      </c>
      <c r="GO22" s="71">
        <v>4</v>
      </c>
      <c r="GP22" s="72">
        <v>33</v>
      </c>
      <c r="GQ22" s="73">
        <v>39</v>
      </c>
      <c r="GR22" s="123">
        <v>31</v>
      </c>
      <c r="GS22" s="82">
        <v>31</v>
      </c>
      <c r="GT22" s="83">
        <v>62</v>
      </c>
      <c r="GU22" s="241"/>
      <c r="GV22" s="82">
        <v>79</v>
      </c>
      <c r="GW22" s="82">
        <v>58</v>
      </c>
      <c r="GX22" s="82">
        <v>30</v>
      </c>
      <c r="GY22" s="82">
        <v>29</v>
      </c>
      <c r="GZ22" s="82">
        <v>15</v>
      </c>
      <c r="HA22" s="84">
        <v>211</v>
      </c>
      <c r="HB22" s="85">
        <v>273</v>
      </c>
      <c r="HC22" s="86">
        <v>0</v>
      </c>
      <c r="HD22" s="71">
        <v>0</v>
      </c>
      <c r="HE22" s="72">
        <v>0</v>
      </c>
      <c r="HF22" s="241"/>
      <c r="HG22" s="71">
        <v>2</v>
      </c>
      <c r="HH22" s="71">
        <v>2</v>
      </c>
      <c r="HI22" s="71">
        <v>2</v>
      </c>
      <c r="HJ22" s="71">
        <v>0</v>
      </c>
      <c r="HK22" s="71">
        <v>0</v>
      </c>
      <c r="HL22" s="72">
        <v>6</v>
      </c>
      <c r="HM22" s="73">
        <v>6</v>
      </c>
      <c r="HN22" s="70">
        <v>0</v>
      </c>
      <c r="HO22" s="71">
        <v>1</v>
      </c>
      <c r="HP22" s="72">
        <v>1</v>
      </c>
      <c r="HQ22" s="241"/>
      <c r="HR22" s="71">
        <v>0</v>
      </c>
      <c r="HS22" s="71">
        <v>3</v>
      </c>
      <c r="HT22" s="71">
        <v>2</v>
      </c>
      <c r="HU22" s="71">
        <v>1</v>
      </c>
      <c r="HV22" s="71">
        <v>0</v>
      </c>
      <c r="HW22" s="72">
        <v>6</v>
      </c>
      <c r="HX22" s="73">
        <v>7</v>
      </c>
      <c r="HY22" s="86">
        <v>5</v>
      </c>
      <c r="HZ22" s="71">
        <v>1</v>
      </c>
      <c r="IA22" s="72">
        <v>6</v>
      </c>
      <c r="IB22" s="244"/>
      <c r="IC22" s="71">
        <v>5</v>
      </c>
      <c r="ID22" s="71">
        <v>5</v>
      </c>
      <c r="IE22" s="71">
        <v>1</v>
      </c>
      <c r="IF22" s="71">
        <v>2</v>
      </c>
      <c r="IG22" s="71">
        <v>0</v>
      </c>
      <c r="IH22" s="72">
        <v>13</v>
      </c>
      <c r="II22" s="73">
        <v>19</v>
      </c>
      <c r="IJ22" s="70">
        <v>10</v>
      </c>
      <c r="IK22" s="71">
        <v>7</v>
      </c>
      <c r="IL22" s="72">
        <v>17</v>
      </c>
      <c r="IM22" s="244"/>
      <c r="IN22" s="71">
        <v>12</v>
      </c>
      <c r="IO22" s="71">
        <v>11</v>
      </c>
      <c r="IP22" s="71">
        <v>7</v>
      </c>
      <c r="IQ22" s="71">
        <v>9</v>
      </c>
      <c r="IR22" s="71">
        <v>4</v>
      </c>
      <c r="IS22" s="72">
        <v>43</v>
      </c>
      <c r="IT22" s="73">
        <v>60</v>
      </c>
      <c r="IU22" s="86">
        <v>7</v>
      </c>
      <c r="IV22" s="71">
        <v>13</v>
      </c>
      <c r="IW22" s="72">
        <v>20</v>
      </c>
      <c r="IX22" s="244"/>
      <c r="IY22" s="71">
        <v>31</v>
      </c>
      <c r="IZ22" s="71">
        <v>17</v>
      </c>
      <c r="JA22" s="71">
        <v>10</v>
      </c>
      <c r="JB22" s="71">
        <v>3</v>
      </c>
      <c r="JC22" s="71">
        <v>5</v>
      </c>
      <c r="JD22" s="72">
        <v>66</v>
      </c>
      <c r="JE22" s="73">
        <v>86</v>
      </c>
      <c r="JF22" s="70">
        <v>9</v>
      </c>
      <c r="JG22" s="71">
        <v>9</v>
      </c>
      <c r="JH22" s="72">
        <v>18</v>
      </c>
      <c r="JI22" s="244"/>
      <c r="JJ22" s="71">
        <v>29</v>
      </c>
      <c r="JK22" s="71">
        <v>20</v>
      </c>
      <c r="JL22" s="71">
        <v>8</v>
      </c>
      <c r="JM22" s="71">
        <v>14</v>
      </c>
      <c r="JN22" s="71">
        <v>6</v>
      </c>
      <c r="JO22" s="72">
        <v>77</v>
      </c>
      <c r="JP22" s="73">
        <v>95</v>
      </c>
      <c r="JQ22" s="70">
        <v>0</v>
      </c>
      <c r="JR22" s="71">
        <v>0</v>
      </c>
      <c r="JS22" s="72">
        <v>0</v>
      </c>
      <c r="JT22" s="244"/>
      <c r="JU22" s="71">
        <v>0</v>
      </c>
      <c r="JV22" s="71">
        <v>0</v>
      </c>
      <c r="JW22" s="71">
        <v>0</v>
      </c>
      <c r="JX22" s="71">
        <v>0</v>
      </c>
      <c r="JY22" s="71">
        <v>0</v>
      </c>
      <c r="JZ22" s="72">
        <v>0</v>
      </c>
      <c r="KA22" s="73">
        <v>0</v>
      </c>
      <c r="KB22" s="70">
        <v>31</v>
      </c>
      <c r="KC22" s="71">
        <v>31</v>
      </c>
      <c r="KD22" s="72">
        <v>62</v>
      </c>
      <c r="KE22" s="244"/>
      <c r="KF22" s="71">
        <v>79</v>
      </c>
      <c r="KG22" s="71">
        <v>58</v>
      </c>
      <c r="KH22" s="71">
        <v>30</v>
      </c>
      <c r="KI22" s="71">
        <v>29</v>
      </c>
      <c r="KJ22" s="71">
        <v>15</v>
      </c>
      <c r="KK22" s="72">
        <v>211</v>
      </c>
      <c r="KL22" s="73">
        <v>273</v>
      </c>
    </row>
    <row r="23" spans="1:298" ht="19.5" customHeight="1" x14ac:dyDescent="0.2">
      <c r="A23" s="126" t="s">
        <v>20</v>
      </c>
      <c r="B23" s="316">
        <v>53</v>
      </c>
      <c r="C23" s="82">
        <v>74</v>
      </c>
      <c r="D23" s="83">
        <v>127</v>
      </c>
      <c r="E23" s="241"/>
      <c r="F23" s="82">
        <v>104</v>
      </c>
      <c r="G23" s="82">
        <v>70</v>
      </c>
      <c r="H23" s="82">
        <v>49</v>
      </c>
      <c r="I23" s="82">
        <v>39</v>
      </c>
      <c r="J23" s="82">
        <v>15</v>
      </c>
      <c r="K23" s="84">
        <v>277</v>
      </c>
      <c r="L23" s="85">
        <v>404</v>
      </c>
      <c r="M23" s="70">
        <v>1</v>
      </c>
      <c r="N23" s="71">
        <v>2</v>
      </c>
      <c r="O23" s="72">
        <v>3</v>
      </c>
      <c r="P23" s="241"/>
      <c r="Q23" s="71">
        <v>3</v>
      </c>
      <c r="R23" s="71">
        <v>1</v>
      </c>
      <c r="S23" s="71">
        <v>0</v>
      </c>
      <c r="T23" s="71">
        <v>0</v>
      </c>
      <c r="U23" s="71">
        <v>0</v>
      </c>
      <c r="V23" s="72">
        <v>4</v>
      </c>
      <c r="W23" s="73">
        <v>7</v>
      </c>
      <c r="X23" s="70">
        <v>2</v>
      </c>
      <c r="Y23" s="71">
        <v>5</v>
      </c>
      <c r="Z23" s="72">
        <v>7</v>
      </c>
      <c r="AA23" s="241"/>
      <c r="AB23" s="71">
        <v>4</v>
      </c>
      <c r="AC23" s="71">
        <v>3</v>
      </c>
      <c r="AD23" s="71">
        <v>2</v>
      </c>
      <c r="AE23" s="71">
        <v>4</v>
      </c>
      <c r="AF23" s="71">
        <v>1</v>
      </c>
      <c r="AG23" s="72">
        <v>14</v>
      </c>
      <c r="AH23" s="73">
        <v>21</v>
      </c>
      <c r="AI23" s="70">
        <v>9</v>
      </c>
      <c r="AJ23" s="71">
        <v>7</v>
      </c>
      <c r="AK23" s="72">
        <v>16</v>
      </c>
      <c r="AL23" s="241"/>
      <c r="AM23" s="71">
        <v>9</v>
      </c>
      <c r="AN23" s="71">
        <v>4</v>
      </c>
      <c r="AO23" s="71">
        <v>8</v>
      </c>
      <c r="AP23" s="71">
        <v>7</v>
      </c>
      <c r="AQ23" s="71">
        <v>4</v>
      </c>
      <c r="AR23" s="72">
        <v>32</v>
      </c>
      <c r="AS23" s="73">
        <v>48</v>
      </c>
      <c r="AT23" s="70">
        <v>8</v>
      </c>
      <c r="AU23" s="71">
        <v>19</v>
      </c>
      <c r="AV23" s="72">
        <v>27</v>
      </c>
      <c r="AW23" s="241"/>
      <c r="AX23" s="71">
        <v>26</v>
      </c>
      <c r="AY23" s="71">
        <v>22</v>
      </c>
      <c r="AZ23" s="71">
        <v>12</v>
      </c>
      <c r="BA23" s="71">
        <v>7</v>
      </c>
      <c r="BB23" s="71">
        <v>3</v>
      </c>
      <c r="BC23" s="72">
        <v>70</v>
      </c>
      <c r="BD23" s="73">
        <v>97</v>
      </c>
      <c r="BE23" s="70">
        <v>19</v>
      </c>
      <c r="BF23" s="71">
        <v>24</v>
      </c>
      <c r="BG23" s="72">
        <v>43</v>
      </c>
      <c r="BH23" s="241"/>
      <c r="BI23" s="71">
        <v>41</v>
      </c>
      <c r="BJ23" s="71">
        <v>20</v>
      </c>
      <c r="BK23" s="71">
        <v>12</v>
      </c>
      <c r="BL23" s="71">
        <v>5</v>
      </c>
      <c r="BM23" s="71">
        <v>4</v>
      </c>
      <c r="BN23" s="72">
        <v>82</v>
      </c>
      <c r="BO23" s="73">
        <v>125</v>
      </c>
      <c r="BP23" s="70">
        <v>14</v>
      </c>
      <c r="BQ23" s="71">
        <v>17</v>
      </c>
      <c r="BR23" s="72">
        <v>31</v>
      </c>
      <c r="BS23" s="241"/>
      <c r="BT23" s="71">
        <v>21</v>
      </c>
      <c r="BU23" s="71">
        <v>20</v>
      </c>
      <c r="BV23" s="71">
        <v>15</v>
      </c>
      <c r="BW23" s="71">
        <v>16</v>
      </c>
      <c r="BX23" s="71">
        <v>3</v>
      </c>
      <c r="BY23" s="72">
        <v>75</v>
      </c>
      <c r="BZ23" s="73">
        <v>106</v>
      </c>
      <c r="CA23" s="70">
        <v>0</v>
      </c>
      <c r="CB23" s="71">
        <v>0</v>
      </c>
      <c r="CC23" s="72">
        <v>0</v>
      </c>
      <c r="CD23" s="241"/>
      <c r="CE23" s="71">
        <v>0</v>
      </c>
      <c r="CF23" s="71">
        <v>0</v>
      </c>
      <c r="CG23" s="71">
        <v>0</v>
      </c>
      <c r="CH23" s="71">
        <v>0</v>
      </c>
      <c r="CI23" s="71">
        <v>0</v>
      </c>
      <c r="CJ23" s="72">
        <v>0</v>
      </c>
      <c r="CK23" s="73">
        <v>0</v>
      </c>
      <c r="CL23" s="70">
        <v>53</v>
      </c>
      <c r="CM23" s="71">
        <v>74</v>
      </c>
      <c r="CN23" s="72">
        <v>127</v>
      </c>
      <c r="CO23" s="241"/>
      <c r="CP23" s="71">
        <v>104</v>
      </c>
      <c r="CQ23" s="71">
        <v>70</v>
      </c>
      <c r="CR23" s="71">
        <v>49</v>
      </c>
      <c r="CS23" s="71">
        <v>39</v>
      </c>
      <c r="CT23" s="71">
        <v>15</v>
      </c>
      <c r="CU23" s="72">
        <v>277</v>
      </c>
      <c r="CV23" s="73">
        <v>404</v>
      </c>
      <c r="CW23" s="123">
        <v>8</v>
      </c>
      <c r="CX23" s="82">
        <v>6</v>
      </c>
      <c r="CY23" s="83">
        <v>14</v>
      </c>
      <c r="CZ23" s="241"/>
      <c r="DA23" s="82">
        <v>9</v>
      </c>
      <c r="DB23" s="82">
        <v>8</v>
      </c>
      <c r="DC23" s="82">
        <v>4</v>
      </c>
      <c r="DD23" s="82">
        <v>6</v>
      </c>
      <c r="DE23" s="82">
        <v>0</v>
      </c>
      <c r="DF23" s="84">
        <v>27</v>
      </c>
      <c r="DG23" s="85">
        <v>41</v>
      </c>
      <c r="DH23" s="70">
        <v>0</v>
      </c>
      <c r="DI23" s="71">
        <v>0</v>
      </c>
      <c r="DJ23" s="72">
        <v>0</v>
      </c>
      <c r="DK23" s="241"/>
      <c r="DL23" s="71">
        <v>0</v>
      </c>
      <c r="DM23" s="71">
        <v>0</v>
      </c>
      <c r="DN23" s="71">
        <v>0</v>
      </c>
      <c r="DO23" s="71">
        <v>0</v>
      </c>
      <c r="DP23" s="71">
        <v>0</v>
      </c>
      <c r="DQ23" s="72">
        <v>0</v>
      </c>
      <c r="DR23" s="73">
        <v>0</v>
      </c>
      <c r="DS23" s="70">
        <v>0</v>
      </c>
      <c r="DT23" s="71">
        <v>0</v>
      </c>
      <c r="DU23" s="72">
        <v>0</v>
      </c>
      <c r="DV23" s="241"/>
      <c r="DW23" s="71">
        <v>0</v>
      </c>
      <c r="DX23" s="71">
        <v>1</v>
      </c>
      <c r="DY23" s="71">
        <v>0</v>
      </c>
      <c r="DZ23" s="71">
        <v>1</v>
      </c>
      <c r="EA23" s="71">
        <v>0</v>
      </c>
      <c r="EB23" s="72">
        <v>2</v>
      </c>
      <c r="EC23" s="73">
        <v>2</v>
      </c>
      <c r="ED23" s="70">
        <v>1</v>
      </c>
      <c r="EE23" s="71">
        <v>0</v>
      </c>
      <c r="EF23" s="72">
        <v>1</v>
      </c>
      <c r="EG23" s="241"/>
      <c r="EH23" s="71">
        <v>0</v>
      </c>
      <c r="EI23" s="71">
        <v>2</v>
      </c>
      <c r="EJ23" s="71">
        <v>0</v>
      </c>
      <c r="EK23" s="71">
        <v>0</v>
      </c>
      <c r="EL23" s="71">
        <v>0</v>
      </c>
      <c r="EM23" s="72">
        <v>2</v>
      </c>
      <c r="EN23" s="73">
        <v>3</v>
      </c>
      <c r="EO23" s="70">
        <v>5</v>
      </c>
      <c r="EP23" s="71">
        <v>3</v>
      </c>
      <c r="EQ23" s="72">
        <v>8</v>
      </c>
      <c r="ER23" s="241"/>
      <c r="ES23" s="71">
        <v>1</v>
      </c>
      <c r="ET23" s="71">
        <v>1</v>
      </c>
      <c r="EU23" s="71">
        <v>0</v>
      </c>
      <c r="EV23" s="71">
        <v>1</v>
      </c>
      <c r="EW23" s="71">
        <v>0</v>
      </c>
      <c r="EX23" s="72">
        <v>3</v>
      </c>
      <c r="EY23" s="73">
        <v>11</v>
      </c>
      <c r="EZ23" s="70">
        <v>2</v>
      </c>
      <c r="FA23" s="71">
        <v>1</v>
      </c>
      <c r="FB23" s="72">
        <v>3</v>
      </c>
      <c r="FC23" s="241"/>
      <c r="FD23" s="71">
        <v>5</v>
      </c>
      <c r="FE23" s="71">
        <v>1</v>
      </c>
      <c r="FF23" s="71">
        <v>2</v>
      </c>
      <c r="FG23" s="71">
        <v>0</v>
      </c>
      <c r="FH23" s="71">
        <v>0</v>
      </c>
      <c r="FI23" s="72">
        <v>8</v>
      </c>
      <c r="FJ23" s="73">
        <v>11</v>
      </c>
      <c r="FK23" s="70">
        <v>0</v>
      </c>
      <c r="FL23" s="71">
        <v>2</v>
      </c>
      <c r="FM23" s="72">
        <v>2</v>
      </c>
      <c r="FN23" s="244"/>
      <c r="FO23" s="71">
        <v>3</v>
      </c>
      <c r="FP23" s="71">
        <v>3</v>
      </c>
      <c r="FQ23" s="71">
        <v>2</v>
      </c>
      <c r="FR23" s="71">
        <v>4</v>
      </c>
      <c r="FS23" s="71">
        <v>0</v>
      </c>
      <c r="FT23" s="72">
        <v>12</v>
      </c>
      <c r="FU23" s="73">
        <v>14</v>
      </c>
      <c r="FV23" s="70">
        <v>0</v>
      </c>
      <c r="FW23" s="71">
        <v>0</v>
      </c>
      <c r="FX23" s="72">
        <v>0</v>
      </c>
      <c r="FY23" s="244"/>
      <c r="FZ23" s="71">
        <v>0</v>
      </c>
      <c r="GA23" s="71">
        <v>0</v>
      </c>
      <c r="GB23" s="71">
        <v>0</v>
      </c>
      <c r="GC23" s="71">
        <v>0</v>
      </c>
      <c r="GD23" s="71">
        <v>0</v>
      </c>
      <c r="GE23" s="72">
        <v>0</v>
      </c>
      <c r="GF23" s="73">
        <v>0</v>
      </c>
      <c r="GG23" s="70">
        <v>8</v>
      </c>
      <c r="GH23" s="71">
        <v>6</v>
      </c>
      <c r="GI23" s="72">
        <v>14</v>
      </c>
      <c r="GJ23" s="241"/>
      <c r="GK23" s="71">
        <v>9</v>
      </c>
      <c r="GL23" s="71">
        <v>8</v>
      </c>
      <c r="GM23" s="71">
        <v>4</v>
      </c>
      <c r="GN23" s="71">
        <v>6</v>
      </c>
      <c r="GO23" s="71">
        <v>0</v>
      </c>
      <c r="GP23" s="72">
        <v>27</v>
      </c>
      <c r="GQ23" s="73">
        <v>41</v>
      </c>
      <c r="GR23" s="123">
        <v>61</v>
      </c>
      <c r="GS23" s="82">
        <v>80</v>
      </c>
      <c r="GT23" s="83">
        <v>141</v>
      </c>
      <c r="GU23" s="241"/>
      <c r="GV23" s="82">
        <v>113</v>
      </c>
      <c r="GW23" s="82">
        <v>78</v>
      </c>
      <c r="GX23" s="82">
        <v>53</v>
      </c>
      <c r="GY23" s="82">
        <v>45</v>
      </c>
      <c r="GZ23" s="82">
        <v>15</v>
      </c>
      <c r="HA23" s="84">
        <v>304</v>
      </c>
      <c r="HB23" s="85">
        <v>445</v>
      </c>
      <c r="HC23" s="70">
        <v>1</v>
      </c>
      <c r="HD23" s="71">
        <v>2</v>
      </c>
      <c r="HE23" s="72">
        <v>3</v>
      </c>
      <c r="HF23" s="241"/>
      <c r="HG23" s="71">
        <v>3</v>
      </c>
      <c r="HH23" s="71">
        <v>1</v>
      </c>
      <c r="HI23" s="71">
        <v>0</v>
      </c>
      <c r="HJ23" s="71">
        <v>0</v>
      </c>
      <c r="HK23" s="71">
        <v>0</v>
      </c>
      <c r="HL23" s="72">
        <v>4</v>
      </c>
      <c r="HM23" s="73">
        <v>7</v>
      </c>
      <c r="HN23" s="70">
        <v>2</v>
      </c>
      <c r="HO23" s="71">
        <v>5</v>
      </c>
      <c r="HP23" s="72">
        <v>7</v>
      </c>
      <c r="HQ23" s="241"/>
      <c r="HR23" s="71">
        <v>4</v>
      </c>
      <c r="HS23" s="71">
        <v>4</v>
      </c>
      <c r="HT23" s="71">
        <v>2</v>
      </c>
      <c r="HU23" s="71">
        <v>5</v>
      </c>
      <c r="HV23" s="71">
        <v>1</v>
      </c>
      <c r="HW23" s="72">
        <v>16</v>
      </c>
      <c r="HX23" s="73">
        <v>23</v>
      </c>
      <c r="HY23" s="70">
        <v>10</v>
      </c>
      <c r="HZ23" s="71">
        <v>7</v>
      </c>
      <c r="IA23" s="72">
        <v>17</v>
      </c>
      <c r="IB23" s="244"/>
      <c r="IC23" s="71">
        <v>9</v>
      </c>
      <c r="ID23" s="71">
        <v>6</v>
      </c>
      <c r="IE23" s="71">
        <v>8</v>
      </c>
      <c r="IF23" s="71">
        <v>7</v>
      </c>
      <c r="IG23" s="71">
        <v>4</v>
      </c>
      <c r="IH23" s="72">
        <v>34</v>
      </c>
      <c r="II23" s="73">
        <v>51</v>
      </c>
      <c r="IJ23" s="70">
        <v>13</v>
      </c>
      <c r="IK23" s="71">
        <v>22</v>
      </c>
      <c r="IL23" s="72">
        <v>35</v>
      </c>
      <c r="IM23" s="244"/>
      <c r="IN23" s="71">
        <v>27</v>
      </c>
      <c r="IO23" s="71">
        <v>23</v>
      </c>
      <c r="IP23" s="71">
        <v>12</v>
      </c>
      <c r="IQ23" s="71">
        <v>8</v>
      </c>
      <c r="IR23" s="71">
        <v>3</v>
      </c>
      <c r="IS23" s="72">
        <v>73</v>
      </c>
      <c r="IT23" s="73">
        <v>108</v>
      </c>
      <c r="IU23" s="70">
        <v>21</v>
      </c>
      <c r="IV23" s="71">
        <v>25</v>
      </c>
      <c r="IW23" s="72">
        <v>46</v>
      </c>
      <c r="IX23" s="244"/>
      <c r="IY23" s="71">
        <v>46</v>
      </c>
      <c r="IZ23" s="71">
        <v>21</v>
      </c>
      <c r="JA23" s="71">
        <v>14</v>
      </c>
      <c r="JB23" s="71">
        <v>5</v>
      </c>
      <c r="JC23" s="71">
        <v>4</v>
      </c>
      <c r="JD23" s="72">
        <v>90</v>
      </c>
      <c r="JE23" s="73">
        <v>136</v>
      </c>
      <c r="JF23" s="70">
        <v>14</v>
      </c>
      <c r="JG23" s="71">
        <v>19</v>
      </c>
      <c r="JH23" s="72">
        <v>33</v>
      </c>
      <c r="JI23" s="244"/>
      <c r="JJ23" s="71">
        <v>24</v>
      </c>
      <c r="JK23" s="71">
        <v>23</v>
      </c>
      <c r="JL23" s="71">
        <v>17</v>
      </c>
      <c r="JM23" s="71">
        <v>20</v>
      </c>
      <c r="JN23" s="71">
        <v>3</v>
      </c>
      <c r="JO23" s="72">
        <v>87</v>
      </c>
      <c r="JP23" s="73">
        <v>120</v>
      </c>
      <c r="JQ23" s="70">
        <v>0</v>
      </c>
      <c r="JR23" s="71">
        <v>0</v>
      </c>
      <c r="JS23" s="72">
        <v>0</v>
      </c>
      <c r="JT23" s="244"/>
      <c r="JU23" s="71">
        <v>0</v>
      </c>
      <c r="JV23" s="71">
        <v>0</v>
      </c>
      <c r="JW23" s="71">
        <v>0</v>
      </c>
      <c r="JX23" s="71">
        <v>0</v>
      </c>
      <c r="JY23" s="71">
        <v>0</v>
      </c>
      <c r="JZ23" s="72">
        <v>0</v>
      </c>
      <c r="KA23" s="73">
        <v>0</v>
      </c>
      <c r="KB23" s="70">
        <v>61</v>
      </c>
      <c r="KC23" s="71">
        <v>80</v>
      </c>
      <c r="KD23" s="72">
        <v>141</v>
      </c>
      <c r="KE23" s="244"/>
      <c r="KF23" s="71">
        <v>113</v>
      </c>
      <c r="KG23" s="71">
        <v>78</v>
      </c>
      <c r="KH23" s="71">
        <v>53</v>
      </c>
      <c r="KI23" s="71">
        <v>45</v>
      </c>
      <c r="KJ23" s="71">
        <v>15</v>
      </c>
      <c r="KK23" s="72">
        <v>304</v>
      </c>
      <c r="KL23" s="73">
        <v>445</v>
      </c>
    </row>
    <row r="24" spans="1:298" ht="19.5" customHeight="1" x14ac:dyDescent="0.2">
      <c r="A24" s="126" t="s">
        <v>21</v>
      </c>
      <c r="B24" s="316">
        <v>53</v>
      </c>
      <c r="C24" s="82">
        <v>46</v>
      </c>
      <c r="D24" s="83">
        <v>99</v>
      </c>
      <c r="E24" s="241"/>
      <c r="F24" s="82">
        <v>71</v>
      </c>
      <c r="G24" s="82">
        <v>61</v>
      </c>
      <c r="H24" s="82">
        <v>42</v>
      </c>
      <c r="I24" s="82">
        <v>37</v>
      </c>
      <c r="J24" s="82">
        <v>19</v>
      </c>
      <c r="K24" s="84">
        <v>230</v>
      </c>
      <c r="L24" s="85">
        <v>329</v>
      </c>
      <c r="M24" s="70">
        <v>0</v>
      </c>
      <c r="N24" s="71">
        <v>1</v>
      </c>
      <c r="O24" s="72">
        <v>1</v>
      </c>
      <c r="P24" s="241"/>
      <c r="Q24" s="71">
        <v>1</v>
      </c>
      <c r="R24" s="71">
        <v>0</v>
      </c>
      <c r="S24" s="71">
        <v>0</v>
      </c>
      <c r="T24" s="71">
        <v>1</v>
      </c>
      <c r="U24" s="71">
        <v>0</v>
      </c>
      <c r="V24" s="72">
        <v>2</v>
      </c>
      <c r="W24" s="73">
        <v>3</v>
      </c>
      <c r="X24" s="70">
        <v>5</v>
      </c>
      <c r="Y24" s="71">
        <v>3</v>
      </c>
      <c r="Z24" s="72">
        <v>8</v>
      </c>
      <c r="AA24" s="241"/>
      <c r="AB24" s="71">
        <v>6</v>
      </c>
      <c r="AC24" s="71">
        <v>3</v>
      </c>
      <c r="AD24" s="71">
        <v>3</v>
      </c>
      <c r="AE24" s="71">
        <v>4</v>
      </c>
      <c r="AF24" s="71">
        <v>0</v>
      </c>
      <c r="AG24" s="72">
        <v>16</v>
      </c>
      <c r="AH24" s="73">
        <v>24</v>
      </c>
      <c r="AI24" s="70">
        <v>9</v>
      </c>
      <c r="AJ24" s="71">
        <v>4</v>
      </c>
      <c r="AK24" s="72">
        <v>13</v>
      </c>
      <c r="AL24" s="241"/>
      <c r="AM24" s="71">
        <v>7</v>
      </c>
      <c r="AN24" s="71">
        <v>5</v>
      </c>
      <c r="AO24" s="71">
        <v>3</v>
      </c>
      <c r="AP24" s="71">
        <v>5</v>
      </c>
      <c r="AQ24" s="71">
        <v>1</v>
      </c>
      <c r="AR24" s="72">
        <v>21</v>
      </c>
      <c r="AS24" s="73">
        <v>34</v>
      </c>
      <c r="AT24" s="70">
        <v>7</v>
      </c>
      <c r="AU24" s="71">
        <v>11</v>
      </c>
      <c r="AV24" s="72">
        <v>18</v>
      </c>
      <c r="AW24" s="241"/>
      <c r="AX24" s="71">
        <v>13</v>
      </c>
      <c r="AY24" s="71">
        <v>13</v>
      </c>
      <c r="AZ24" s="71">
        <v>7</v>
      </c>
      <c r="BA24" s="71">
        <v>6</v>
      </c>
      <c r="BB24" s="71">
        <v>2</v>
      </c>
      <c r="BC24" s="72">
        <v>41</v>
      </c>
      <c r="BD24" s="73">
        <v>59</v>
      </c>
      <c r="BE24" s="70">
        <v>20</v>
      </c>
      <c r="BF24" s="71">
        <v>16</v>
      </c>
      <c r="BG24" s="72">
        <v>36</v>
      </c>
      <c r="BH24" s="241"/>
      <c r="BI24" s="71">
        <v>28</v>
      </c>
      <c r="BJ24" s="71">
        <v>20</v>
      </c>
      <c r="BK24" s="71">
        <v>14</v>
      </c>
      <c r="BL24" s="71">
        <v>13</v>
      </c>
      <c r="BM24" s="71">
        <v>7</v>
      </c>
      <c r="BN24" s="72">
        <v>82</v>
      </c>
      <c r="BO24" s="73">
        <v>118</v>
      </c>
      <c r="BP24" s="70">
        <v>12</v>
      </c>
      <c r="BQ24" s="71">
        <v>11</v>
      </c>
      <c r="BR24" s="72">
        <v>23</v>
      </c>
      <c r="BS24" s="241"/>
      <c r="BT24" s="71">
        <v>16</v>
      </c>
      <c r="BU24" s="71">
        <v>20</v>
      </c>
      <c r="BV24" s="71">
        <v>15</v>
      </c>
      <c r="BW24" s="71">
        <v>8</v>
      </c>
      <c r="BX24" s="71">
        <v>9</v>
      </c>
      <c r="BY24" s="72">
        <v>68</v>
      </c>
      <c r="BZ24" s="73">
        <v>91</v>
      </c>
      <c r="CA24" s="70">
        <v>0</v>
      </c>
      <c r="CB24" s="71">
        <v>0</v>
      </c>
      <c r="CC24" s="72">
        <v>0</v>
      </c>
      <c r="CD24" s="241"/>
      <c r="CE24" s="71">
        <v>0</v>
      </c>
      <c r="CF24" s="71">
        <v>0</v>
      </c>
      <c r="CG24" s="71">
        <v>0</v>
      </c>
      <c r="CH24" s="71">
        <v>0</v>
      </c>
      <c r="CI24" s="71">
        <v>0</v>
      </c>
      <c r="CJ24" s="72">
        <v>0</v>
      </c>
      <c r="CK24" s="73">
        <v>0</v>
      </c>
      <c r="CL24" s="70">
        <v>53</v>
      </c>
      <c r="CM24" s="71">
        <v>46</v>
      </c>
      <c r="CN24" s="72">
        <v>99</v>
      </c>
      <c r="CO24" s="241"/>
      <c r="CP24" s="71">
        <v>71</v>
      </c>
      <c r="CQ24" s="71">
        <v>61</v>
      </c>
      <c r="CR24" s="71">
        <v>42</v>
      </c>
      <c r="CS24" s="71">
        <v>37</v>
      </c>
      <c r="CT24" s="71">
        <v>19</v>
      </c>
      <c r="CU24" s="72">
        <v>230</v>
      </c>
      <c r="CV24" s="73">
        <v>329</v>
      </c>
      <c r="CW24" s="123">
        <v>8</v>
      </c>
      <c r="CX24" s="82">
        <v>4</v>
      </c>
      <c r="CY24" s="83">
        <v>12</v>
      </c>
      <c r="CZ24" s="241"/>
      <c r="DA24" s="82">
        <v>12</v>
      </c>
      <c r="DB24" s="82">
        <v>6</v>
      </c>
      <c r="DC24" s="82">
        <v>10</v>
      </c>
      <c r="DD24" s="82">
        <v>6</v>
      </c>
      <c r="DE24" s="82">
        <v>7</v>
      </c>
      <c r="DF24" s="84">
        <v>41</v>
      </c>
      <c r="DG24" s="85">
        <v>53</v>
      </c>
      <c r="DH24" s="70">
        <v>0</v>
      </c>
      <c r="DI24" s="71">
        <v>0</v>
      </c>
      <c r="DJ24" s="72">
        <v>0</v>
      </c>
      <c r="DK24" s="241"/>
      <c r="DL24" s="71">
        <v>0</v>
      </c>
      <c r="DM24" s="71">
        <v>1</v>
      </c>
      <c r="DN24" s="71">
        <v>1</v>
      </c>
      <c r="DO24" s="71">
        <v>0</v>
      </c>
      <c r="DP24" s="71">
        <v>1</v>
      </c>
      <c r="DQ24" s="72">
        <v>3</v>
      </c>
      <c r="DR24" s="73">
        <v>3</v>
      </c>
      <c r="DS24" s="70">
        <v>1</v>
      </c>
      <c r="DT24" s="71">
        <v>0</v>
      </c>
      <c r="DU24" s="72">
        <v>1</v>
      </c>
      <c r="DV24" s="241"/>
      <c r="DW24" s="71">
        <v>1</v>
      </c>
      <c r="DX24" s="71">
        <v>0</v>
      </c>
      <c r="DY24" s="71">
        <v>0</v>
      </c>
      <c r="DZ24" s="71">
        <v>0</v>
      </c>
      <c r="EA24" s="71">
        <v>0</v>
      </c>
      <c r="EB24" s="72">
        <v>1</v>
      </c>
      <c r="EC24" s="73">
        <v>2</v>
      </c>
      <c r="ED24" s="70">
        <v>0</v>
      </c>
      <c r="EE24" s="71">
        <v>0</v>
      </c>
      <c r="EF24" s="72">
        <v>0</v>
      </c>
      <c r="EG24" s="241"/>
      <c r="EH24" s="71">
        <v>0</v>
      </c>
      <c r="EI24" s="71">
        <v>0</v>
      </c>
      <c r="EJ24" s="71">
        <v>0</v>
      </c>
      <c r="EK24" s="71">
        <v>0</v>
      </c>
      <c r="EL24" s="71">
        <v>0</v>
      </c>
      <c r="EM24" s="72">
        <v>0</v>
      </c>
      <c r="EN24" s="73">
        <v>0</v>
      </c>
      <c r="EO24" s="70">
        <v>0</v>
      </c>
      <c r="EP24" s="71">
        <v>2</v>
      </c>
      <c r="EQ24" s="72">
        <v>2</v>
      </c>
      <c r="ER24" s="241"/>
      <c r="ES24" s="71">
        <v>2</v>
      </c>
      <c r="ET24" s="71">
        <v>1</v>
      </c>
      <c r="EU24" s="71">
        <v>1</v>
      </c>
      <c r="EV24" s="71">
        <v>2</v>
      </c>
      <c r="EW24" s="71">
        <v>0</v>
      </c>
      <c r="EX24" s="72">
        <v>6</v>
      </c>
      <c r="EY24" s="73">
        <v>8</v>
      </c>
      <c r="EZ24" s="70">
        <v>3</v>
      </c>
      <c r="FA24" s="71">
        <v>1</v>
      </c>
      <c r="FB24" s="72">
        <v>4</v>
      </c>
      <c r="FC24" s="241"/>
      <c r="FD24" s="71">
        <v>4</v>
      </c>
      <c r="FE24" s="71">
        <v>1</v>
      </c>
      <c r="FF24" s="71">
        <v>3</v>
      </c>
      <c r="FG24" s="71">
        <v>2</v>
      </c>
      <c r="FH24" s="71">
        <v>3</v>
      </c>
      <c r="FI24" s="72">
        <v>13</v>
      </c>
      <c r="FJ24" s="73">
        <v>17</v>
      </c>
      <c r="FK24" s="70">
        <v>4</v>
      </c>
      <c r="FL24" s="71">
        <v>1</v>
      </c>
      <c r="FM24" s="72">
        <v>5</v>
      </c>
      <c r="FN24" s="244"/>
      <c r="FO24" s="71">
        <v>5</v>
      </c>
      <c r="FP24" s="71">
        <v>3</v>
      </c>
      <c r="FQ24" s="71">
        <v>5</v>
      </c>
      <c r="FR24" s="71">
        <v>2</v>
      </c>
      <c r="FS24" s="71">
        <v>3</v>
      </c>
      <c r="FT24" s="72">
        <v>18</v>
      </c>
      <c r="FU24" s="73">
        <v>23</v>
      </c>
      <c r="FV24" s="70">
        <v>0</v>
      </c>
      <c r="FW24" s="71">
        <v>0</v>
      </c>
      <c r="FX24" s="72">
        <v>0</v>
      </c>
      <c r="FY24" s="244"/>
      <c r="FZ24" s="71">
        <v>0</v>
      </c>
      <c r="GA24" s="71">
        <v>0</v>
      </c>
      <c r="GB24" s="71">
        <v>0</v>
      </c>
      <c r="GC24" s="71">
        <v>0</v>
      </c>
      <c r="GD24" s="71">
        <v>0</v>
      </c>
      <c r="GE24" s="72">
        <v>0</v>
      </c>
      <c r="GF24" s="73">
        <v>0</v>
      </c>
      <c r="GG24" s="70">
        <v>8</v>
      </c>
      <c r="GH24" s="71">
        <v>4</v>
      </c>
      <c r="GI24" s="72">
        <v>12</v>
      </c>
      <c r="GJ24" s="241"/>
      <c r="GK24" s="71">
        <v>12</v>
      </c>
      <c r="GL24" s="71">
        <v>6</v>
      </c>
      <c r="GM24" s="71">
        <v>10</v>
      </c>
      <c r="GN24" s="71">
        <v>6</v>
      </c>
      <c r="GO24" s="71">
        <v>7</v>
      </c>
      <c r="GP24" s="72">
        <v>41</v>
      </c>
      <c r="GQ24" s="73">
        <v>53</v>
      </c>
      <c r="GR24" s="123">
        <v>61</v>
      </c>
      <c r="GS24" s="82">
        <v>50</v>
      </c>
      <c r="GT24" s="83">
        <v>111</v>
      </c>
      <c r="GU24" s="241"/>
      <c r="GV24" s="82">
        <v>83</v>
      </c>
      <c r="GW24" s="82">
        <v>67</v>
      </c>
      <c r="GX24" s="82">
        <v>52</v>
      </c>
      <c r="GY24" s="82">
        <v>43</v>
      </c>
      <c r="GZ24" s="82">
        <v>26</v>
      </c>
      <c r="HA24" s="84">
        <v>271</v>
      </c>
      <c r="HB24" s="85">
        <v>382</v>
      </c>
      <c r="HC24" s="70">
        <v>0</v>
      </c>
      <c r="HD24" s="71">
        <v>1</v>
      </c>
      <c r="HE24" s="72">
        <v>1</v>
      </c>
      <c r="HF24" s="241"/>
      <c r="HG24" s="71">
        <v>1</v>
      </c>
      <c r="HH24" s="71">
        <v>1</v>
      </c>
      <c r="HI24" s="71">
        <v>1</v>
      </c>
      <c r="HJ24" s="71">
        <v>1</v>
      </c>
      <c r="HK24" s="71">
        <v>1</v>
      </c>
      <c r="HL24" s="72">
        <v>5</v>
      </c>
      <c r="HM24" s="73">
        <v>6</v>
      </c>
      <c r="HN24" s="70">
        <v>6</v>
      </c>
      <c r="HO24" s="71">
        <v>3</v>
      </c>
      <c r="HP24" s="72">
        <v>9</v>
      </c>
      <c r="HQ24" s="241"/>
      <c r="HR24" s="71">
        <v>7</v>
      </c>
      <c r="HS24" s="71">
        <v>3</v>
      </c>
      <c r="HT24" s="71">
        <v>3</v>
      </c>
      <c r="HU24" s="71">
        <v>4</v>
      </c>
      <c r="HV24" s="71">
        <v>0</v>
      </c>
      <c r="HW24" s="72">
        <v>17</v>
      </c>
      <c r="HX24" s="73">
        <v>26</v>
      </c>
      <c r="HY24" s="70">
        <v>9</v>
      </c>
      <c r="HZ24" s="71">
        <v>4</v>
      </c>
      <c r="IA24" s="72">
        <v>13</v>
      </c>
      <c r="IB24" s="244"/>
      <c r="IC24" s="71">
        <v>7</v>
      </c>
      <c r="ID24" s="71">
        <v>5</v>
      </c>
      <c r="IE24" s="71">
        <v>3</v>
      </c>
      <c r="IF24" s="71">
        <v>5</v>
      </c>
      <c r="IG24" s="71">
        <v>1</v>
      </c>
      <c r="IH24" s="72">
        <v>21</v>
      </c>
      <c r="II24" s="73">
        <v>34</v>
      </c>
      <c r="IJ24" s="70">
        <v>7</v>
      </c>
      <c r="IK24" s="71">
        <v>13</v>
      </c>
      <c r="IL24" s="72">
        <v>20</v>
      </c>
      <c r="IM24" s="244"/>
      <c r="IN24" s="71">
        <v>15</v>
      </c>
      <c r="IO24" s="71">
        <v>14</v>
      </c>
      <c r="IP24" s="71">
        <v>8</v>
      </c>
      <c r="IQ24" s="71">
        <v>8</v>
      </c>
      <c r="IR24" s="71">
        <v>2</v>
      </c>
      <c r="IS24" s="72">
        <v>47</v>
      </c>
      <c r="IT24" s="73">
        <v>67</v>
      </c>
      <c r="IU24" s="70">
        <v>23</v>
      </c>
      <c r="IV24" s="71">
        <v>17</v>
      </c>
      <c r="IW24" s="72">
        <v>40</v>
      </c>
      <c r="IX24" s="244"/>
      <c r="IY24" s="71">
        <v>32</v>
      </c>
      <c r="IZ24" s="71">
        <v>21</v>
      </c>
      <c r="JA24" s="71">
        <v>17</v>
      </c>
      <c r="JB24" s="71">
        <v>15</v>
      </c>
      <c r="JC24" s="71">
        <v>10</v>
      </c>
      <c r="JD24" s="72">
        <v>95</v>
      </c>
      <c r="JE24" s="73">
        <v>135</v>
      </c>
      <c r="JF24" s="70">
        <v>16</v>
      </c>
      <c r="JG24" s="71">
        <v>12</v>
      </c>
      <c r="JH24" s="72">
        <v>28</v>
      </c>
      <c r="JI24" s="244"/>
      <c r="JJ24" s="71">
        <v>21</v>
      </c>
      <c r="JK24" s="71">
        <v>23</v>
      </c>
      <c r="JL24" s="71">
        <v>20</v>
      </c>
      <c r="JM24" s="71">
        <v>10</v>
      </c>
      <c r="JN24" s="71">
        <v>12</v>
      </c>
      <c r="JO24" s="72">
        <v>86</v>
      </c>
      <c r="JP24" s="73">
        <v>114</v>
      </c>
      <c r="JQ24" s="70">
        <v>0</v>
      </c>
      <c r="JR24" s="71">
        <v>0</v>
      </c>
      <c r="JS24" s="72">
        <v>0</v>
      </c>
      <c r="JT24" s="244"/>
      <c r="JU24" s="71">
        <v>0</v>
      </c>
      <c r="JV24" s="71">
        <v>0</v>
      </c>
      <c r="JW24" s="71">
        <v>0</v>
      </c>
      <c r="JX24" s="71">
        <v>0</v>
      </c>
      <c r="JY24" s="71">
        <v>0</v>
      </c>
      <c r="JZ24" s="72">
        <v>0</v>
      </c>
      <c r="KA24" s="73">
        <v>0</v>
      </c>
      <c r="KB24" s="70">
        <v>61</v>
      </c>
      <c r="KC24" s="71">
        <v>50</v>
      </c>
      <c r="KD24" s="72">
        <v>111</v>
      </c>
      <c r="KE24" s="244"/>
      <c r="KF24" s="71">
        <v>83</v>
      </c>
      <c r="KG24" s="71">
        <v>67</v>
      </c>
      <c r="KH24" s="71">
        <v>52</v>
      </c>
      <c r="KI24" s="71">
        <v>43</v>
      </c>
      <c r="KJ24" s="71">
        <v>26</v>
      </c>
      <c r="KK24" s="72">
        <v>271</v>
      </c>
      <c r="KL24" s="73">
        <v>382</v>
      </c>
    </row>
    <row r="25" spans="1:298" ht="19.5" customHeight="1" x14ac:dyDescent="0.2">
      <c r="A25" s="126" t="s">
        <v>22</v>
      </c>
      <c r="B25" s="316">
        <v>21</v>
      </c>
      <c r="C25" s="82">
        <v>14</v>
      </c>
      <c r="D25" s="83">
        <v>35</v>
      </c>
      <c r="E25" s="241"/>
      <c r="F25" s="82">
        <v>34</v>
      </c>
      <c r="G25" s="82">
        <v>33</v>
      </c>
      <c r="H25" s="82">
        <v>19</v>
      </c>
      <c r="I25" s="82">
        <v>17</v>
      </c>
      <c r="J25" s="82">
        <v>8</v>
      </c>
      <c r="K25" s="84">
        <v>111</v>
      </c>
      <c r="L25" s="85">
        <v>146</v>
      </c>
      <c r="M25" s="70">
        <v>0</v>
      </c>
      <c r="N25" s="71">
        <v>0</v>
      </c>
      <c r="O25" s="72">
        <v>0</v>
      </c>
      <c r="P25" s="241"/>
      <c r="Q25" s="71">
        <v>0</v>
      </c>
      <c r="R25" s="71">
        <v>0</v>
      </c>
      <c r="S25" s="71">
        <v>0</v>
      </c>
      <c r="T25" s="71">
        <v>0</v>
      </c>
      <c r="U25" s="71">
        <v>1</v>
      </c>
      <c r="V25" s="72">
        <v>1</v>
      </c>
      <c r="W25" s="73">
        <v>1</v>
      </c>
      <c r="X25" s="70">
        <v>1</v>
      </c>
      <c r="Y25" s="71">
        <v>0</v>
      </c>
      <c r="Z25" s="72">
        <v>1</v>
      </c>
      <c r="AA25" s="241"/>
      <c r="AB25" s="71">
        <v>2</v>
      </c>
      <c r="AC25" s="71">
        <v>1</v>
      </c>
      <c r="AD25" s="71">
        <v>1</v>
      </c>
      <c r="AE25" s="71">
        <v>2</v>
      </c>
      <c r="AF25" s="71">
        <v>0</v>
      </c>
      <c r="AG25" s="72">
        <v>6</v>
      </c>
      <c r="AH25" s="73">
        <v>7</v>
      </c>
      <c r="AI25" s="70">
        <v>2</v>
      </c>
      <c r="AJ25" s="71">
        <v>1</v>
      </c>
      <c r="AK25" s="72">
        <v>3</v>
      </c>
      <c r="AL25" s="241"/>
      <c r="AM25" s="71">
        <v>4</v>
      </c>
      <c r="AN25" s="71">
        <v>2</v>
      </c>
      <c r="AO25" s="71">
        <v>7</v>
      </c>
      <c r="AP25" s="71">
        <v>1</v>
      </c>
      <c r="AQ25" s="71">
        <v>2</v>
      </c>
      <c r="AR25" s="72">
        <v>16</v>
      </c>
      <c r="AS25" s="73">
        <v>19</v>
      </c>
      <c r="AT25" s="70">
        <v>5</v>
      </c>
      <c r="AU25" s="71">
        <v>1</v>
      </c>
      <c r="AV25" s="72">
        <v>6</v>
      </c>
      <c r="AW25" s="241"/>
      <c r="AX25" s="71">
        <v>5</v>
      </c>
      <c r="AY25" s="71">
        <v>10</v>
      </c>
      <c r="AZ25" s="71">
        <v>3</v>
      </c>
      <c r="BA25" s="71">
        <v>7</v>
      </c>
      <c r="BB25" s="71">
        <v>2</v>
      </c>
      <c r="BC25" s="72">
        <v>27</v>
      </c>
      <c r="BD25" s="73">
        <v>33</v>
      </c>
      <c r="BE25" s="70">
        <v>5</v>
      </c>
      <c r="BF25" s="71">
        <v>9</v>
      </c>
      <c r="BG25" s="72">
        <v>14</v>
      </c>
      <c r="BH25" s="241"/>
      <c r="BI25" s="71">
        <v>12</v>
      </c>
      <c r="BJ25" s="71">
        <v>9</v>
      </c>
      <c r="BK25" s="71">
        <v>4</v>
      </c>
      <c r="BL25" s="71">
        <v>2</v>
      </c>
      <c r="BM25" s="71">
        <v>0</v>
      </c>
      <c r="BN25" s="72">
        <v>27</v>
      </c>
      <c r="BO25" s="73">
        <v>41</v>
      </c>
      <c r="BP25" s="70">
        <v>8</v>
      </c>
      <c r="BQ25" s="71">
        <v>3</v>
      </c>
      <c r="BR25" s="72">
        <v>11</v>
      </c>
      <c r="BS25" s="241"/>
      <c r="BT25" s="71">
        <v>11</v>
      </c>
      <c r="BU25" s="71">
        <v>11</v>
      </c>
      <c r="BV25" s="71">
        <v>4</v>
      </c>
      <c r="BW25" s="71">
        <v>5</v>
      </c>
      <c r="BX25" s="71">
        <v>3</v>
      </c>
      <c r="BY25" s="72">
        <v>34</v>
      </c>
      <c r="BZ25" s="73">
        <v>45</v>
      </c>
      <c r="CA25" s="70">
        <v>0</v>
      </c>
      <c r="CB25" s="71">
        <v>0</v>
      </c>
      <c r="CC25" s="72">
        <v>0</v>
      </c>
      <c r="CD25" s="241"/>
      <c r="CE25" s="71">
        <v>0</v>
      </c>
      <c r="CF25" s="71">
        <v>0</v>
      </c>
      <c r="CG25" s="71">
        <v>0</v>
      </c>
      <c r="CH25" s="71">
        <v>0</v>
      </c>
      <c r="CI25" s="71">
        <v>0</v>
      </c>
      <c r="CJ25" s="72">
        <v>0</v>
      </c>
      <c r="CK25" s="73">
        <v>0</v>
      </c>
      <c r="CL25" s="70">
        <v>21</v>
      </c>
      <c r="CM25" s="71">
        <v>14</v>
      </c>
      <c r="CN25" s="72">
        <v>35</v>
      </c>
      <c r="CO25" s="241"/>
      <c r="CP25" s="71">
        <v>34</v>
      </c>
      <c r="CQ25" s="71">
        <v>33</v>
      </c>
      <c r="CR25" s="71">
        <v>19</v>
      </c>
      <c r="CS25" s="71">
        <v>17</v>
      </c>
      <c r="CT25" s="71">
        <v>8</v>
      </c>
      <c r="CU25" s="72">
        <v>111</v>
      </c>
      <c r="CV25" s="73">
        <v>146</v>
      </c>
      <c r="CW25" s="123">
        <v>2</v>
      </c>
      <c r="CX25" s="82">
        <v>4</v>
      </c>
      <c r="CY25" s="83">
        <v>6</v>
      </c>
      <c r="CZ25" s="241"/>
      <c r="DA25" s="82">
        <v>8</v>
      </c>
      <c r="DB25" s="82">
        <v>4</v>
      </c>
      <c r="DC25" s="82">
        <v>1</v>
      </c>
      <c r="DD25" s="82">
        <v>4</v>
      </c>
      <c r="DE25" s="82">
        <v>4</v>
      </c>
      <c r="DF25" s="84">
        <v>21</v>
      </c>
      <c r="DG25" s="85">
        <v>27</v>
      </c>
      <c r="DH25" s="70">
        <v>0</v>
      </c>
      <c r="DI25" s="71">
        <v>0</v>
      </c>
      <c r="DJ25" s="72">
        <v>0</v>
      </c>
      <c r="DK25" s="241"/>
      <c r="DL25" s="71">
        <v>0</v>
      </c>
      <c r="DM25" s="71">
        <v>0</v>
      </c>
      <c r="DN25" s="71">
        <v>0</v>
      </c>
      <c r="DO25" s="71">
        <v>0</v>
      </c>
      <c r="DP25" s="71">
        <v>0</v>
      </c>
      <c r="DQ25" s="72">
        <v>0</v>
      </c>
      <c r="DR25" s="73">
        <v>0</v>
      </c>
      <c r="DS25" s="70">
        <v>0</v>
      </c>
      <c r="DT25" s="71">
        <v>1</v>
      </c>
      <c r="DU25" s="72">
        <v>1</v>
      </c>
      <c r="DV25" s="241"/>
      <c r="DW25" s="71">
        <v>0</v>
      </c>
      <c r="DX25" s="71">
        <v>0</v>
      </c>
      <c r="DY25" s="71">
        <v>0</v>
      </c>
      <c r="DZ25" s="71">
        <v>0</v>
      </c>
      <c r="EA25" s="71">
        <v>0</v>
      </c>
      <c r="EB25" s="72">
        <v>0</v>
      </c>
      <c r="EC25" s="73">
        <v>1</v>
      </c>
      <c r="ED25" s="70">
        <v>1</v>
      </c>
      <c r="EE25" s="71">
        <v>1</v>
      </c>
      <c r="EF25" s="72">
        <v>2</v>
      </c>
      <c r="EG25" s="241"/>
      <c r="EH25" s="71">
        <v>1</v>
      </c>
      <c r="EI25" s="71">
        <v>0</v>
      </c>
      <c r="EJ25" s="71">
        <v>1</v>
      </c>
      <c r="EK25" s="71">
        <v>0</v>
      </c>
      <c r="EL25" s="71">
        <v>0</v>
      </c>
      <c r="EM25" s="72">
        <v>2</v>
      </c>
      <c r="EN25" s="73">
        <v>4</v>
      </c>
      <c r="EO25" s="70">
        <v>0</v>
      </c>
      <c r="EP25" s="71">
        <v>0</v>
      </c>
      <c r="EQ25" s="72">
        <v>0</v>
      </c>
      <c r="ER25" s="241"/>
      <c r="ES25" s="71">
        <v>4</v>
      </c>
      <c r="ET25" s="71">
        <v>0</v>
      </c>
      <c r="EU25" s="71">
        <v>0</v>
      </c>
      <c r="EV25" s="71">
        <v>0</v>
      </c>
      <c r="EW25" s="71">
        <v>1</v>
      </c>
      <c r="EX25" s="72">
        <v>5</v>
      </c>
      <c r="EY25" s="73">
        <v>5</v>
      </c>
      <c r="EZ25" s="70">
        <v>0</v>
      </c>
      <c r="FA25" s="71">
        <v>2</v>
      </c>
      <c r="FB25" s="72">
        <v>2</v>
      </c>
      <c r="FC25" s="241"/>
      <c r="FD25" s="71">
        <v>2</v>
      </c>
      <c r="FE25" s="71">
        <v>1</v>
      </c>
      <c r="FF25" s="71">
        <v>0</v>
      </c>
      <c r="FG25" s="71">
        <v>0</v>
      </c>
      <c r="FH25" s="71">
        <v>2</v>
      </c>
      <c r="FI25" s="72">
        <v>5</v>
      </c>
      <c r="FJ25" s="73">
        <v>7</v>
      </c>
      <c r="FK25" s="70">
        <v>1</v>
      </c>
      <c r="FL25" s="71">
        <v>0</v>
      </c>
      <c r="FM25" s="72">
        <v>1</v>
      </c>
      <c r="FN25" s="244"/>
      <c r="FO25" s="71">
        <v>1</v>
      </c>
      <c r="FP25" s="71">
        <v>3</v>
      </c>
      <c r="FQ25" s="71">
        <v>0</v>
      </c>
      <c r="FR25" s="71">
        <v>4</v>
      </c>
      <c r="FS25" s="71">
        <v>1</v>
      </c>
      <c r="FT25" s="72">
        <v>9</v>
      </c>
      <c r="FU25" s="73">
        <v>10</v>
      </c>
      <c r="FV25" s="70">
        <v>0</v>
      </c>
      <c r="FW25" s="71">
        <v>0</v>
      </c>
      <c r="FX25" s="72">
        <v>0</v>
      </c>
      <c r="FY25" s="244"/>
      <c r="FZ25" s="71">
        <v>0</v>
      </c>
      <c r="GA25" s="71">
        <v>0</v>
      </c>
      <c r="GB25" s="71">
        <v>0</v>
      </c>
      <c r="GC25" s="71">
        <v>0</v>
      </c>
      <c r="GD25" s="71">
        <v>0</v>
      </c>
      <c r="GE25" s="72">
        <v>0</v>
      </c>
      <c r="GF25" s="73">
        <v>0</v>
      </c>
      <c r="GG25" s="70">
        <v>2</v>
      </c>
      <c r="GH25" s="71">
        <v>4</v>
      </c>
      <c r="GI25" s="72">
        <v>6</v>
      </c>
      <c r="GJ25" s="241"/>
      <c r="GK25" s="71">
        <v>8</v>
      </c>
      <c r="GL25" s="71">
        <v>4</v>
      </c>
      <c r="GM25" s="71">
        <v>1</v>
      </c>
      <c r="GN25" s="71">
        <v>4</v>
      </c>
      <c r="GO25" s="71">
        <v>4</v>
      </c>
      <c r="GP25" s="72">
        <v>21</v>
      </c>
      <c r="GQ25" s="73">
        <v>27</v>
      </c>
      <c r="GR25" s="123">
        <v>23</v>
      </c>
      <c r="GS25" s="82">
        <v>18</v>
      </c>
      <c r="GT25" s="83">
        <v>41</v>
      </c>
      <c r="GU25" s="241"/>
      <c r="GV25" s="82">
        <v>42</v>
      </c>
      <c r="GW25" s="82">
        <v>37</v>
      </c>
      <c r="GX25" s="82">
        <v>20</v>
      </c>
      <c r="GY25" s="82">
        <v>21</v>
      </c>
      <c r="GZ25" s="82">
        <v>12</v>
      </c>
      <c r="HA25" s="84">
        <v>132</v>
      </c>
      <c r="HB25" s="85">
        <v>173</v>
      </c>
      <c r="HC25" s="70">
        <v>0</v>
      </c>
      <c r="HD25" s="71">
        <v>0</v>
      </c>
      <c r="HE25" s="72">
        <v>0</v>
      </c>
      <c r="HF25" s="241"/>
      <c r="HG25" s="71">
        <v>0</v>
      </c>
      <c r="HH25" s="71">
        <v>0</v>
      </c>
      <c r="HI25" s="71">
        <v>0</v>
      </c>
      <c r="HJ25" s="71">
        <v>0</v>
      </c>
      <c r="HK25" s="71">
        <v>1</v>
      </c>
      <c r="HL25" s="72">
        <v>1</v>
      </c>
      <c r="HM25" s="73">
        <v>1</v>
      </c>
      <c r="HN25" s="70">
        <v>1</v>
      </c>
      <c r="HO25" s="71">
        <v>1</v>
      </c>
      <c r="HP25" s="72">
        <v>2</v>
      </c>
      <c r="HQ25" s="241"/>
      <c r="HR25" s="71">
        <v>2</v>
      </c>
      <c r="HS25" s="71">
        <v>1</v>
      </c>
      <c r="HT25" s="71">
        <v>1</v>
      </c>
      <c r="HU25" s="71">
        <v>2</v>
      </c>
      <c r="HV25" s="71">
        <v>0</v>
      </c>
      <c r="HW25" s="72">
        <v>6</v>
      </c>
      <c r="HX25" s="73">
        <v>8</v>
      </c>
      <c r="HY25" s="70">
        <v>3</v>
      </c>
      <c r="HZ25" s="71">
        <v>2</v>
      </c>
      <c r="IA25" s="72">
        <v>5</v>
      </c>
      <c r="IB25" s="244"/>
      <c r="IC25" s="71">
        <v>5</v>
      </c>
      <c r="ID25" s="71">
        <v>2</v>
      </c>
      <c r="IE25" s="71">
        <v>8</v>
      </c>
      <c r="IF25" s="71">
        <v>1</v>
      </c>
      <c r="IG25" s="71">
        <v>2</v>
      </c>
      <c r="IH25" s="72">
        <v>18</v>
      </c>
      <c r="II25" s="73">
        <v>23</v>
      </c>
      <c r="IJ25" s="70">
        <v>5</v>
      </c>
      <c r="IK25" s="71">
        <v>1</v>
      </c>
      <c r="IL25" s="72">
        <v>6</v>
      </c>
      <c r="IM25" s="244"/>
      <c r="IN25" s="71">
        <v>9</v>
      </c>
      <c r="IO25" s="71">
        <v>10</v>
      </c>
      <c r="IP25" s="71">
        <v>3</v>
      </c>
      <c r="IQ25" s="71">
        <v>7</v>
      </c>
      <c r="IR25" s="71">
        <v>3</v>
      </c>
      <c r="IS25" s="72">
        <v>32</v>
      </c>
      <c r="IT25" s="73">
        <v>38</v>
      </c>
      <c r="IU25" s="70">
        <v>5</v>
      </c>
      <c r="IV25" s="71">
        <v>11</v>
      </c>
      <c r="IW25" s="72">
        <v>16</v>
      </c>
      <c r="IX25" s="244"/>
      <c r="IY25" s="71">
        <v>14</v>
      </c>
      <c r="IZ25" s="71">
        <v>10</v>
      </c>
      <c r="JA25" s="71">
        <v>4</v>
      </c>
      <c r="JB25" s="71">
        <v>2</v>
      </c>
      <c r="JC25" s="71">
        <v>2</v>
      </c>
      <c r="JD25" s="72">
        <v>32</v>
      </c>
      <c r="JE25" s="73">
        <v>48</v>
      </c>
      <c r="JF25" s="70">
        <v>9</v>
      </c>
      <c r="JG25" s="71">
        <v>3</v>
      </c>
      <c r="JH25" s="72">
        <v>12</v>
      </c>
      <c r="JI25" s="244"/>
      <c r="JJ25" s="71">
        <v>12</v>
      </c>
      <c r="JK25" s="71">
        <v>14</v>
      </c>
      <c r="JL25" s="71">
        <v>4</v>
      </c>
      <c r="JM25" s="71">
        <v>9</v>
      </c>
      <c r="JN25" s="71">
        <v>4</v>
      </c>
      <c r="JO25" s="72">
        <v>43</v>
      </c>
      <c r="JP25" s="73">
        <v>55</v>
      </c>
      <c r="JQ25" s="70">
        <v>0</v>
      </c>
      <c r="JR25" s="71">
        <v>0</v>
      </c>
      <c r="JS25" s="72">
        <v>0</v>
      </c>
      <c r="JT25" s="244"/>
      <c r="JU25" s="71">
        <v>0</v>
      </c>
      <c r="JV25" s="71">
        <v>0</v>
      </c>
      <c r="JW25" s="71">
        <v>0</v>
      </c>
      <c r="JX25" s="71">
        <v>0</v>
      </c>
      <c r="JY25" s="71">
        <v>0</v>
      </c>
      <c r="JZ25" s="72">
        <v>0</v>
      </c>
      <c r="KA25" s="73">
        <v>0</v>
      </c>
      <c r="KB25" s="70">
        <v>23</v>
      </c>
      <c r="KC25" s="71">
        <v>18</v>
      </c>
      <c r="KD25" s="72">
        <v>41</v>
      </c>
      <c r="KE25" s="244"/>
      <c r="KF25" s="71">
        <v>42</v>
      </c>
      <c r="KG25" s="71">
        <v>37</v>
      </c>
      <c r="KH25" s="71">
        <v>20</v>
      </c>
      <c r="KI25" s="71">
        <v>21</v>
      </c>
      <c r="KJ25" s="71">
        <v>12</v>
      </c>
      <c r="KK25" s="72">
        <v>132</v>
      </c>
      <c r="KL25" s="73">
        <v>173</v>
      </c>
    </row>
    <row r="26" spans="1:298" ht="19.5" customHeight="1" x14ac:dyDescent="0.2">
      <c r="A26" s="126" t="s">
        <v>23</v>
      </c>
      <c r="B26" s="316">
        <v>29</v>
      </c>
      <c r="C26" s="82">
        <v>30</v>
      </c>
      <c r="D26" s="83">
        <v>59</v>
      </c>
      <c r="E26" s="241"/>
      <c r="F26" s="82">
        <v>47</v>
      </c>
      <c r="G26" s="82">
        <v>31</v>
      </c>
      <c r="H26" s="82">
        <v>27</v>
      </c>
      <c r="I26" s="82">
        <v>18</v>
      </c>
      <c r="J26" s="82">
        <v>10</v>
      </c>
      <c r="K26" s="84">
        <v>133</v>
      </c>
      <c r="L26" s="85">
        <v>192</v>
      </c>
      <c r="M26" s="70">
        <v>1</v>
      </c>
      <c r="N26" s="71">
        <v>1</v>
      </c>
      <c r="O26" s="72">
        <v>2</v>
      </c>
      <c r="P26" s="241"/>
      <c r="Q26" s="71">
        <v>0</v>
      </c>
      <c r="R26" s="71">
        <v>0</v>
      </c>
      <c r="S26" s="71">
        <v>1</v>
      </c>
      <c r="T26" s="71">
        <v>1</v>
      </c>
      <c r="U26" s="71">
        <v>0</v>
      </c>
      <c r="V26" s="72">
        <v>2</v>
      </c>
      <c r="W26" s="73">
        <v>4</v>
      </c>
      <c r="X26" s="70">
        <v>2</v>
      </c>
      <c r="Y26" s="71">
        <v>0</v>
      </c>
      <c r="Z26" s="72">
        <v>2</v>
      </c>
      <c r="AA26" s="241"/>
      <c r="AB26" s="71">
        <v>3</v>
      </c>
      <c r="AC26" s="71">
        <v>1</v>
      </c>
      <c r="AD26" s="71">
        <v>0</v>
      </c>
      <c r="AE26" s="71">
        <v>2</v>
      </c>
      <c r="AF26" s="71">
        <v>3</v>
      </c>
      <c r="AG26" s="72">
        <v>9</v>
      </c>
      <c r="AH26" s="73">
        <v>11</v>
      </c>
      <c r="AI26" s="70">
        <v>3</v>
      </c>
      <c r="AJ26" s="71">
        <v>5</v>
      </c>
      <c r="AK26" s="72">
        <v>8</v>
      </c>
      <c r="AL26" s="241"/>
      <c r="AM26" s="71">
        <v>4</v>
      </c>
      <c r="AN26" s="71">
        <v>4</v>
      </c>
      <c r="AO26" s="71">
        <v>2</v>
      </c>
      <c r="AP26" s="71">
        <v>3</v>
      </c>
      <c r="AQ26" s="71">
        <v>1</v>
      </c>
      <c r="AR26" s="72">
        <v>14</v>
      </c>
      <c r="AS26" s="73">
        <v>22</v>
      </c>
      <c r="AT26" s="70">
        <v>9</v>
      </c>
      <c r="AU26" s="71">
        <v>10</v>
      </c>
      <c r="AV26" s="72">
        <v>19</v>
      </c>
      <c r="AW26" s="241"/>
      <c r="AX26" s="71">
        <v>15</v>
      </c>
      <c r="AY26" s="71">
        <v>10</v>
      </c>
      <c r="AZ26" s="71">
        <v>6</v>
      </c>
      <c r="BA26" s="71">
        <v>4</v>
      </c>
      <c r="BB26" s="71">
        <v>2</v>
      </c>
      <c r="BC26" s="72">
        <v>37</v>
      </c>
      <c r="BD26" s="73">
        <v>56</v>
      </c>
      <c r="BE26" s="70">
        <v>12</v>
      </c>
      <c r="BF26" s="71">
        <v>7</v>
      </c>
      <c r="BG26" s="72">
        <v>19</v>
      </c>
      <c r="BH26" s="241"/>
      <c r="BI26" s="71">
        <v>17</v>
      </c>
      <c r="BJ26" s="71">
        <v>9</v>
      </c>
      <c r="BK26" s="71">
        <v>8</v>
      </c>
      <c r="BL26" s="71">
        <v>3</v>
      </c>
      <c r="BM26" s="71">
        <v>2</v>
      </c>
      <c r="BN26" s="72">
        <v>39</v>
      </c>
      <c r="BO26" s="73">
        <v>58</v>
      </c>
      <c r="BP26" s="70">
        <v>2</v>
      </c>
      <c r="BQ26" s="71">
        <v>7</v>
      </c>
      <c r="BR26" s="72">
        <v>9</v>
      </c>
      <c r="BS26" s="241"/>
      <c r="BT26" s="71">
        <v>8</v>
      </c>
      <c r="BU26" s="71">
        <v>7</v>
      </c>
      <c r="BV26" s="71">
        <v>10</v>
      </c>
      <c r="BW26" s="71">
        <v>5</v>
      </c>
      <c r="BX26" s="71">
        <v>2</v>
      </c>
      <c r="BY26" s="72">
        <v>32</v>
      </c>
      <c r="BZ26" s="73">
        <v>41</v>
      </c>
      <c r="CA26" s="70">
        <v>0</v>
      </c>
      <c r="CB26" s="71">
        <v>0</v>
      </c>
      <c r="CC26" s="72">
        <v>0</v>
      </c>
      <c r="CD26" s="241"/>
      <c r="CE26" s="71">
        <v>0</v>
      </c>
      <c r="CF26" s="71">
        <v>0</v>
      </c>
      <c r="CG26" s="71">
        <v>0</v>
      </c>
      <c r="CH26" s="71">
        <v>0</v>
      </c>
      <c r="CI26" s="71">
        <v>0</v>
      </c>
      <c r="CJ26" s="72">
        <v>0</v>
      </c>
      <c r="CK26" s="73">
        <v>0</v>
      </c>
      <c r="CL26" s="70">
        <v>29</v>
      </c>
      <c r="CM26" s="71">
        <v>30</v>
      </c>
      <c r="CN26" s="72">
        <v>59</v>
      </c>
      <c r="CO26" s="241"/>
      <c r="CP26" s="71">
        <v>47</v>
      </c>
      <c r="CQ26" s="71">
        <v>31</v>
      </c>
      <c r="CR26" s="71">
        <v>27</v>
      </c>
      <c r="CS26" s="71">
        <v>18</v>
      </c>
      <c r="CT26" s="71">
        <v>10</v>
      </c>
      <c r="CU26" s="72">
        <v>133</v>
      </c>
      <c r="CV26" s="73">
        <v>192</v>
      </c>
      <c r="CW26" s="123">
        <v>0</v>
      </c>
      <c r="CX26" s="82">
        <v>3</v>
      </c>
      <c r="CY26" s="83">
        <v>3</v>
      </c>
      <c r="CZ26" s="241"/>
      <c r="DA26" s="82">
        <v>5</v>
      </c>
      <c r="DB26" s="82">
        <v>5</v>
      </c>
      <c r="DC26" s="82">
        <v>3</v>
      </c>
      <c r="DD26" s="82">
        <v>3</v>
      </c>
      <c r="DE26" s="82">
        <v>1</v>
      </c>
      <c r="DF26" s="84">
        <v>17</v>
      </c>
      <c r="DG26" s="85">
        <v>20</v>
      </c>
      <c r="DH26" s="70">
        <v>0</v>
      </c>
      <c r="DI26" s="71">
        <v>0</v>
      </c>
      <c r="DJ26" s="72">
        <v>0</v>
      </c>
      <c r="DK26" s="241"/>
      <c r="DL26" s="71">
        <v>0</v>
      </c>
      <c r="DM26" s="71">
        <v>1</v>
      </c>
      <c r="DN26" s="71">
        <v>0</v>
      </c>
      <c r="DO26" s="71">
        <v>1</v>
      </c>
      <c r="DP26" s="71">
        <v>0</v>
      </c>
      <c r="DQ26" s="72">
        <v>2</v>
      </c>
      <c r="DR26" s="73">
        <v>2</v>
      </c>
      <c r="DS26" s="70">
        <v>0</v>
      </c>
      <c r="DT26" s="71">
        <v>1</v>
      </c>
      <c r="DU26" s="72">
        <v>1</v>
      </c>
      <c r="DV26" s="241"/>
      <c r="DW26" s="71">
        <v>2</v>
      </c>
      <c r="DX26" s="71">
        <v>0</v>
      </c>
      <c r="DY26" s="71">
        <v>0</v>
      </c>
      <c r="DZ26" s="71">
        <v>0</v>
      </c>
      <c r="EA26" s="71">
        <v>0</v>
      </c>
      <c r="EB26" s="72">
        <v>2</v>
      </c>
      <c r="EC26" s="73">
        <v>3</v>
      </c>
      <c r="ED26" s="70">
        <v>0</v>
      </c>
      <c r="EE26" s="71">
        <v>0</v>
      </c>
      <c r="EF26" s="72">
        <v>0</v>
      </c>
      <c r="EG26" s="241"/>
      <c r="EH26" s="71">
        <v>0</v>
      </c>
      <c r="EI26" s="71">
        <v>1</v>
      </c>
      <c r="EJ26" s="71">
        <v>0</v>
      </c>
      <c r="EK26" s="71">
        <v>1</v>
      </c>
      <c r="EL26" s="71">
        <v>0</v>
      </c>
      <c r="EM26" s="72">
        <v>2</v>
      </c>
      <c r="EN26" s="73">
        <v>2</v>
      </c>
      <c r="EO26" s="70">
        <v>0</v>
      </c>
      <c r="EP26" s="71">
        <v>1</v>
      </c>
      <c r="EQ26" s="72">
        <v>1</v>
      </c>
      <c r="ER26" s="241"/>
      <c r="ES26" s="71">
        <v>2</v>
      </c>
      <c r="ET26" s="71">
        <v>1</v>
      </c>
      <c r="EU26" s="71">
        <v>1</v>
      </c>
      <c r="EV26" s="71">
        <v>0</v>
      </c>
      <c r="EW26" s="71">
        <v>0</v>
      </c>
      <c r="EX26" s="72">
        <v>4</v>
      </c>
      <c r="EY26" s="73">
        <v>5</v>
      </c>
      <c r="EZ26" s="70">
        <v>0</v>
      </c>
      <c r="FA26" s="71">
        <v>1</v>
      </c>
      <c r="FB26" s="72">
        <v>1</v>
      </c>
      <c r="FC26" s="241"/>
      <c r="FD26" s="71">
        <v>1</v>
      </c>
      <c r="FE26" s="71">
        <v>2</v>
      </c>
      <c r="FF26" s="71">
        <v>2</v>
      </c>
      <c r="FG26" s="71">
        <v>1</v>
      </c>
      <c r="FH26" s="71">
        <v>0</v>
      </c>
      <c r="FI26" s="72">
        <v>6</v>
      </c>
      <c r="FJ26" s="73">
        <v>7</v>
      </c>
      <c r="FK26" s="70">
        <v>0</v>
      </c>
      <c r="FL26" s="71">
        <v>0</v>
      </c>
      <c r="FM26" s="72">
        <v>0</v>
      </c>
      <c r="FN26" s="244"/>
      <c r="FO26" s="71">
        <v>0</v>
      </c>
      <c r="FP26" s="71">
        <v>0</v>
      </c>
      <c r="FQ26" s="71">
        <v>0</v>
      </c>
      <c r="FR26" s="71">
        <v>0</v>
      </c>
      <c r="FS26" s="71">
        <v>1</v>
      </c>
      <c r="FT26" s="72">
        <v>1</v>
      </c>
      <c r="FU26" s="73">
        <v>1</v>
      </c>
      <c r="FV26" s="70">
        <v>0</v>
      </c>
      <c r="FW26" s="71">
        <v>0</v>
      </c>
      <c r="FX26" s="72">
        <v>0</v>
      </c>
      <c r="FY26" s="244"/>
      <c r="FZ26" s="71">
        <v>0</v>
      </c>
      <c r="GA26" s="71">
        <v>0</v>
      </c>
      <c r="GB26" s="71">
        <v>0</v>
      </c>
      <c r="GC26" s="71">
        <v>0</v>
      </c>
      <c r="GD26" s="71">
        <v>0</v>
      </c>
      <c r="GE26" s="72">
        <v>0</v>
      </c>
      <c r="GF26" s="73">
        <v>0</v>
      </c>
      <c r="GG26" s="70">
        <v>0</v>
      </c>
      <c r="GH26" s="71">
        <v>3</v>
      </c>
      <c r="GI26" s="72">
        <v>3</v>
      </c>
      <c r="GJ26" s="241"/>
      <c r="GK26" s="71">
        <v>5</v>
      </c>
      <c r="GL26" s="71">
        <v>5</v>
      </c>
      <c r="GM26" s="71">
        <v>3</v>
      </c>
      <c r="GN26" s="71">
        <v>3</v>
      </c>
      <c r="GO26" s="71">
        <v>1</v>
      </c>
      <c r="GP26" s="72">
        <v>17</v>
      </c>
      <c r="GQ26" s="73">
        <v>20</v>
      </c>
      <c r="GR26" s="123">
        <v>29</v>
      </c>
      <c r="GS26" s="82">
        <v>33</v>
      </c>
      <c r="GT26" s="83">
        <v>62</v>
      </c>
      <c r="GU26" s="241"/>
      <c r="GV26" s="82">
        <v>52</v>
      </c>
      <c r="GW26" s="82">
        <v>36</v>
      </c>
      <c r="GX26" s="82">
        <v>30</v>
      </c>
      <c r="GY26" s="82">
        <v>21</v>
      </c>
      <c r="GZ26" s="82">
        <v>11</v>
      </c>
      <c r="HA26" s="84">
        <v>150</v>
      </c>
      <c r="HB26" s="85">
        <v>212</v>
      </c>
      <c r="HC26" s="70">
        <v>1</v>
      </c>
      <c r="HD26" s="71">
        <v>1</v>
      </c>
      <c r="HE26" s="72">
        <v>2</v>
      </c>
      <c r="HF26" s="241"/>
      <c r="HG26" s="71">
        <v>0</v>
      </c>
      <c r="HH26" s="71">
        <v>1</v>
      </c>
      <c r="HI26" s="71">
        <v>1</v>
      </c>
      <c r="HJ26" s="71">
        <v>2</v>
      </c>
      <c r="HK26" s="71">
        <v>0</v>
      </c>
      <c r="HL26" s="72">
        <v>4</v>
      </c>
      <c r="HM26" s="73">
        <v>6</v>
      </c>
      <c r="HN26" s="70">
        <v>2</v>
      </c>
      <c r="HO26" s="71">
        <v>1</v>
      </c>
      <c r="HP26" s="72">
        <v>3</v>
      </c>
      <c r="HQ26" s="241"/>
      <c r="HR26" s="71">
        <v>5</v>
      </c>
      <c r="HS26" s="71">
        <v>1</v>
      </c>
      <c r="HT26" s="71">
        <v>0</v>
      </c>
      <c r="HU26" s="71">
        <v>2</v>
      </c>
      <c r="HV26" s="71">
        <v>3</v>
      </c>
      <c r="HW26" s="72">
        <v>11</v>
      </c>
      <c r="HX26" s="73">
        <v>14</v>
      </c>
      <c r="HY26" s="70">
        <v>3</v>
      </c>
      <c r="HZ26" s="71">
        <v>5</v>
      </c>
      <c r="IA26" s="72">
        <v>8</v>
      </c>
      <c r="IB26" s="244"/>
      <c r="IC26" s="71">
        <v>4</v>
      </c>
      <c r="ID26" s="71">
        <v>5</v>
      </c>
      <c r="IE26" s="71">
        <v>2</v>
      </c>
      <c r="IF26" s="71">
        <v>4</v>
      </c>
      <c r="IG26" s="71">
        <v>1</v>
      </c>
      <c r="IH26" s="72">
        <v>16</v>
      </c>
      <c r="II26" s="73">
        <v>24</v>
      </c>
      <c r="IJ26" s="70">
        <v>9</v>
      </c>
      <c r="IK26" s="71">
        <v>11</v>
      </c>
      <c r="IL26" s="72">
        <v>20</v>
      </c>
      <c r="IM26" s="244"/>
      <c r="IN26" s="71">
        <v>17</v>
      </c>
      <c r="IO26" s="71">
        <v>11</v>
      </c>
      <c r="IP26" s="71">
        <v>7</v>
      </c>
      <c r="IQ26" s="71">
        <v>4</v>
      </c>
      <c r="IR26" s="71">
        <v>2</v>
      </c>
      <c r="IS26" s="72">
        <v>41</v>
      </c>
      <c r="IT26" s="73">
        <v>61</v>
      </c>
      <c r="IU26" s="70">
        <v>12</v>
      </c>
      <c r="IV26" s="71">
        <v>8</v>
      </c>
      <c r="IW26" s="72">
        <v>20</v>
      </c>
      <c r="IX26" s="244"/>
      <c r="IY26" s="71">
        <v>18</v>
      </c>
      <c r="IZ26" s="71">
        <v>11</v>
      </c>
      <c r="JA26" s="71">
        <v>10</v>
      </c>
      <c r="JB26" s="71">
        <v>4</v>
      </c>
      <c r="JC26" s="71">
        <v>2</v>
      </c>
      <c r="JD26" s="72">
        <v>45</v>
      </c>
      <c r="JE26" s="73">
        <v>65</v>
      </c>
      <c r="JF26" s="70">
        <v>2</v>
      </c>
      <c r="JG26" s="71">
        <v>7</v>
      </c>
      <c r="JH26" s="72">
        <v>9</v>
      </c>
      <c r="JI26" s="244"/>
      <c r="JJ26" s="71">
        <v>8</v>
      </c>
      <c r="JK26" s="71">
        <v>7</v>
      </c>
      <c r="JL26" s="71">
        <v>10</v>
      </c>
      <c r="JM26" s="71">
        <v>5</v>
      </c>
      <c r="JN26" s="71">
        <v>3</v>
      </c>
      <c r="JO26" s="72">
        <v>33</v>
      </c>
      <c r="JP26" s="73">
        <v>42</v>
      </c>
      <c r="JQ26" s="70">
        <v>0</v>
      </c>
      <c r="JR26" s="71">
        <v>0</v>
      </c>
      <c r="JS26" s="72">
        <v>0</v>
      </c>
      <c r="JT26" s="244"/>
      <c r="JU26" s="71">
        <v>0</v>
      </c>
      <c r="JV26" s="71">
        <v>0</v>
      </c>
      <c r="JW26" s="71">
        <v>0</v>
      </c>
      <c r="JX26" s="71">
        <v>0</v>
      </c>
      <c r="JY26" s="71">
        <v>0</v>
      </c>
      <c r="JZ26" s="72">
        <v>0</v>
      </c>
      <c r="KA26" s="73">
        <v>0</v>
      </c>
      <c r="KB26" s="70">
        <v>29</v>
      </c>
      <c r="KC26" s="71">
        <v>33</v>
      </c>
      <c r="KD26" s="72">
        <v>62</v>
      </c>
      <c r="KE26" s="244"/>
      <c r="KF26" s="71">
        <v>52</v>
      </c>
      <c r="KG26" s="71">
        <v>36</v>
      </c>
      <c r="KH26" s="71">
        <v>30</v>
      </c>
      <c r="KI26" s="71">
        <v>21</v>
      </c>
      <c r="KJ26" s="71">
        <v>11</v>
      </c>
      <c r="KK26" s="72">
        <v>150</v>
      </c>
      <c r="KL26" s="73">
        <v>212</v>
      </c>
    </row>
    <row r="27" spans="1:298" ht="19.5" customHeight="1" x14ac:dyDescent="0.2">
      <c r="A27" s="126" t="s">
        <v>24</v>
      </c>
      <c r="B27" s="316">
        <v>35</v>
      </c>
      <c r="C27" s="82">
        <v>21</v>
      </c>
      <c r="D27" s="83">
        <v>56</v>
      </c>
      <c r="E27" s="241"/>
      <c r="F27" s="82">
        <v>48</v>
      </c>
      <c r="G27" s="82">
        <v>30</v>
      </c>
      <c r="H27" s="82">
        <v>20</v>
      </c>
      <c r="I27" s="82">
        <v>14</v>
      </c>
      <c r="J27" s="82">
        <v>8</v>
      </c>
      <c r="K27" s="84">
        <v>120</v>
      </c>
      <c r="L27" s="85">
        <v>176</v>
      </c>
      <c r="M27" s="70">
        <v>0</v>
      </c>
      <c r="N27" s="71">
        <v>0</v>
      </c>
      <c r="O27" s="72">
        <v>0</v>
      </c>
      <c r="P27" s="241"/>
      <c r="Q27" s="71">
        <v>2</v>
      </c>
      <c r="R27" s="71">
        <v>0</v>
      </c>
      <c r="S27" s="71">
        <v>0</v>
      </c>
      <c r="T27" s="71">
        <v>0</v>
      </c>
      <c r="U27" s="71">
        <v>0</v>
      </c>
      <c r="V27" s="72">
        <v>2</v>
      </c>
      <c r="W27" s="73">
        <v>2</v>
      </c>
      <c r="X27" s="70">
        <v>1</v>
      </c>
      <c r="Y27" s="71">
        <v>2</v>
      </c>
      <c r="Z27" s="72">
        <v>3</v>
      </c>
      <c r="AA27" s="241"/>
      <c r="AB27" s="71">
        <v>1</v>
      </c>
      <c r="AC27" s="71">
        <v>4</v>
      </c>
      <c r="AD27" s="71">
        <v>2</v>
      </c>
      <c r="AE27" s="71">
        <v>1</v>
      </c>
      <c r="AF27" s="71">
        <v>1</v>
      </c>
      <c r="AG27" s="72">
        <v>9</v>
      </c>
      <c r="AH27" s="73">
        <v>12</v>
      </c>
      <c r="AI27" s="70">
        <v>3</v>
      </c>
      <c r="AJ27" s="71">
        <v>3</v>
      </c>
      <c r="AK27" s="72">
        <v>6</v>
      </c>
      <c r="AL27" s="241"/>
      <c r="AM27" s="71">
        <v>4</v>
      </c>
      <c r="AN27" s="71">
        <v>3</v>
      </c>
      <c r="AO27" s="71">
        <v>0</v>
      </c>
      <c r="AP27" s="71">
        <v>2</v>
      </c>
      <c r="AQ27" s="71">
        <v>0</v>
      </c>
      <c r="AR27" s="72">
        <v>9</v>
      </c>
      <c r="AS27" s="73">
        <v>15</v>
      </c>
      <c r="AT27" s="70">
        <v>6</v>
      </c>
      <c r="AU27" s="71">
        <v>4</v>
      </c>
      <c r="AV27" s="72">
        <v>10</v>
      </c>
      <c r="AW27" s="241"/>
      <c r="AX27" s="71">
        <v>4</v>
      </c>
      <c r="AY27" s="71">
        <v>5</v>
      </c>
      <c r="AZ27" s="71">
        <v>1</v>
      </c>
      <c r="BA27" s="71">
        <v>2</v>
      </c>
      <c r="BB27" s="71">
        <v>3</v>
      </c>
      <c r="BC27" s="72">
        <v>15</v>
      </c>
      <c r="BD27" s="73">
        <v>25</v>
      </c>
      <c r="BE27" s="70">
        <v>9</v>
      </c>
      <c r="BF27" s="71">
        <v>3</v>
      </c>
      <c r="BG27" s="72">
        <v>12</v>
      </c>
      <c r="BH27" s="241"/>
      <c r="BI27" s="71">
        <v>16</v>
      </c>
      <c r="BJ27" s="71">
        <v>11</v>
      </c>
      <c r="BK27" s="71">
        <v>7</v>
      </c>
      <c r="BL27" s="71">
        <v>5</v>
      </c>
      <c r="BM27" s="71">
        <v>2</v>
      </c>
      <c r="BN27" s="72">
        <v>41</v>
      </c>
      <c r="BO27" s="73">
        <v>53</v>
      </c>
      <c r="BP27" s="70">
        <v>16</v>
      </c>
      <c r="BQ27" s="71">
        <v>9</v>
      </c>
      <c r="BR27" s="72">
        <v>25</v>
      </c>
      <c r="BS27" s="241"/>
      <c r="BT27" s="71">
        <v>21</v>
      </c>
      <c r="BU27" s="71">
        <v>7</v>
      </c>
      <c r="BV27" s="71">
        <v>10</v>
      </c>
      <c r="BW27" s="71">
        <v>4</v>
      </c>
      <c r="BX27" s="71">
        <v>2</v>
      </c>
      <c r="BY27" s="72">
        <v>44</v>
      </c>
      <c r="BZ27" s="73">
        <v>69</v>
      </c>
      <c r="CA27" s="70">
        <v>0</v>
      </c>
      <c r="CB27" s="71">
        <v>0</v>
      </c>
      <c r="CC27" s="72">
        <v>0</v>
      </c>
      <c r="CD27" s="241"/>
      <c r="CE27" s="71">
        <v>0</v>
      </c>
      <c r="CF27" s="71">
        <v>0</v>
      </c>
      <c r="CG27" s="71">
        <v>0</v>
      </c>
      <c r="CH27" s="71">
        <v>0</v>
      </c>
      <c r="CI27" s="71">
        <v>0</v>
      </c>
      <c r="CJ27" s="72">
        <v>0</v>
      </c>
      <c r="CK27" s="73">
        <v>0</v>
      </c>
      <c r="CL27" s="70">
        <v>35</v>
      </c>
      <c r="CM27" s="71">
        <v>21</v>
      </c>
      <c r="CN27" s="72">
        <v>56</v>
      </c>
      <c r="CO27" s="241"/>
      <c r="CP27" s="71">
        <v>48</v>
      </c>
      <c r="CQ27" s="71">
        <v>30</v>
      </c>
      <c r="CR27" s="71">
        <v>20</v>
      </c>
      <c r="CS27" s="71">
        <v>14</v>
      </c>
      <c r="CT27" s="71">
        <v>8</v>
      </c>
      <c r="CU27" s="72">
        <v>120</v>
      </c>
      <c r="CV27" s="73">
        <v>176</v>
      </c>
      <c r="CW27" s="123">
        <v>2</v>
      </c>
      <c r="CX27" s="82">
        <v>4</v>
      </c>
      <c r="CY27" s="83">
        <v>6</v>
      </c>
      <c r="CZ27" s="241"/>
      <c r="DA27" s="82">
        <v>7</v>
      </c>
      <c r="DB27" s="82">
        <v>4</v>
      </c>
      <c r="DC27" s="82">
        <v>4</v>
      </c>
      <c r="DD27" s="82">
        <v>3</v>
      </c>
      <c r="DE27" s="82">
        <v>3</v>
      </c>
      <c r="DF27" s="84">
        <v>21</v>
      </c>
      <c r="DG27" s="85">
        <v>27</v>
      </c>
      <c r="DH27" s="70">
        <v>0</v>
      </c>
      <c r="DI27" s="71">
        <v>0</v>
      </c>
      <c r="DJ27" s="72">
        <v>0</v>
      </c>
      <c r="DK27" s="241"/>
      <c r="DL27" s="71">
        <v>0</v>
      </c>
      <c r="DM27" s="71">
        <v>0</v>
      </c>
      <c r="DN27" s="71">
        <v>0</v>
      </c>
      <c r="DO27" s="71">
        <v>0</v>
      </c>
      <c r="DP27" s="71">
        <v>0</v>
      </c>
      <c r="DQ27" s="72">
        <v>0</v>
      </c>
      <c r="DR27" s="73">
        <v>0</v>
      </c>
      <c r="DS27" s="70">
        <v>1</v>
      </c>
      <c r="DT27" s="71">
        <v>0</v>
      </c>
      <c r="DU27" s="72">
        <v>1</v>
      </c>
      <c r="DV27" s="241"/>
      <c r="DW27" s="71">
        <v>0</v>
      </c>
      <c r="DX27" s="71">
        <v>0</v>
      </c>
      <c r="DY27" s="71">
        <v>0</v>
      </c>
      <c r="DZ27" s="71">
        <v>0</v>
      </c>
      <c r="EA27" s="71">
        <v>0</v>
      </c>
      <c r="EB27" s="72">
        <v>0</v>
      </c>
      <c r="EC27" s="73">
        <v>1</v>
      </c>
      <c r="ED27" s="70">
        <v>0</v>
      </c>
      <c r="EE27" s="71">
        <v>2</v>
      </c>
      <c r="EF27" s="72">
        <v>2</v>
      </c>
      <c r="EG27" s="241"/>
      <c r="EH27" s="71">
        <v>0</v>
      </c>
      <c r="EI27" s="71">
        <v>0</v>
      </c>
      <c r="EJ27" s="71">
        <v>1</v>
      </c>
      <c r="EK27" s="71">
        <v>0</v>
      </c>
      <c r="EL27" s="71">
        <v>0</v>
      </c>
      <c r="EM27" s="72">
        <v>1</v>
      </c>
      <c r="EN27" s="73">
        <v>3</v>
      </c>
      <c r="EO27" s="70">
        <v>0</v>
      </c>
      <c r="EP27" s="71">
        <v>0</v>
      </c>
      <c r="EQ27" s="72">
        <v>0</v>
      </c>
      <c r="ER27" s="241"/>
      <c r="ES27" s="71">
        <v>2</v>
      </c>
      <c r="ET27" s="71">
        <v>0</v>
      </c>
      <c r="EU27" s="71">
        <v>0</v>
      </c>
      <c r="EV27" s="71">
        <v>1</v>
      </c>
      <c r="EW27" s="71">
        <v>1</v>
      </c>
      <c r="EX27" s="72">
        <v>4</v>
      </c>
      <c r="EY27" s="73">
        <v>4</v>
      </c>
      <c r="EZ27" s="70">
        <v>1</v>
      </c>
      <c r="FA27" s="71">
        <v>2</v>
      </c>
      <c r="FB27" s="72">
        <v>3</v>
      </c>
      <c r="FC27" s="241"/>
      <c r="FD27" s="71">
        <v>1</v>
      </c>
      <c r="FE27" s="71">
        <v>4</v>
      </c>
      <c r="FF27" s="71">
        <v>1</v>
      </c>
      <c r="FG27" s="71">
        <v>0</v>
      </c>
      <c r="FH27" s="71">
        <v>0</v>
      </c>
      <c r="FI27" s="72">
        <v>6</v>
      </c>
      <c r="FJ27" s="73">
        <v>9</v>
      </c>
      <c r="FK27" s="70">
        <v>0</v>
      </c>
      <c r="FL27" s="71">
        <v>0</v>
      </c>
      <c r="FM27" s="72">
        <v>0</v>
      </c>
      <c r="FN27" s="244"/>
      <c r="FO27" s="71">
        <v>4</v>
      </c>
      <c r="FP27" s="71">
        <v>0</v>
      </c>
      <c r="FQ27" s="71">
        <v>2</v>
      </c>
      <c r="FR27" s="71">
        <v>2</v>
      </c>
      <c r="FS27" s="71">
        <v>2</v>
      </c>
      <c r="FT27" s="72">
        <v>10</v>
      </c>
      <c r="FU27" s="73">
        <v>10</v>
      </c>
      <c r="FV27" s="70">
        <v>0</v>
      </c>
      <c r="FW27" s="71">
        <v>0</v>
      </c>
      <c r="FX27" s="72">
        <v>0</v>
      </c>
      <c r="FY27" s="244"/>
      <c r="FZ27" s="71">
        <v>0</v>
      </c>
      <c r="GA27" s="71">
        <v>0</v>
      </c>
      <c r="GB27" s="71">
        <v>0</v>
      </c>
      <c r="GC27" s="71">
        <v>0</v>
      </c>
      <c r="GD27" s="71">
        <v>0</v>
      </c>
      <c r="GE27" s="72">
        <v>0</v>
      </c>
      <c r="GF27" s="73">
        <v>0</v>
      </c>
      <c r="GG27" s="70">
        <v>2</v>
      </c>
      <c r="GH27" s="71">
        <v>4</v>
      </c>
      <c r="GI27" s="72">
        <v>6</v>
      </c>
      <c r="GJ27" s="241"/>
      <c r="GK27" s="71">
        <v>7</v>
      </c>
      <c r="GL27" s="71">
        <v>4</v>
      </c>
      <c r="GM27" s="71">
        <v>4</v>
      </c>
      <c r="GN27" s="71">
        <v>3</v>
      </c>
      <c r="GO27" s="71">
        <v>3</v>
      </c>
      <c r="GP27" s="72">
        <v>21</v>
      </c>
      <c r="GQ27" s="73">
        <v>27</v>
      </c>
      <c r="GR27" s="123">
        <v>37</v>
      </c>
      <c r="GS27" s="82">
        <v>25</v>
      </c>
      <c r="GT27" s="83">
        <v>62</v>
      </c>
      <c r="GU27" s="241"/>
      <c r="GV27" s="82">
        <v>55</v>
      </c>
      <c r="GW27" s="82">
        <v>34</v>
      </c>
      <c r="GX27" s="82">
        <v>24</v>
      </c>
      <c r="GY27" s="82">
        <v>17</v>
      </c>
      <c r="GZ27" s="82">
        <v>11</v>
      </c>
      <c r="HA27" s="84">
        <v>141</v>
      </c>
      <c r="HB27" s="85">
        <v>203</v>
      </c>
      <c r="HC27" s="70">
        <v>0</v>
      </c>
      <c r="HD27" s="71">
        <v>0</v>
      </c>
      <c r="HE27" s="72">
        <v>0</v>
      </c>
      <c r="HF27" s="241"/>
      <c r="HG27" s="71">
        <v>2</v>
      </c>
      <c r="HH27" s="71">
        <v>0</v>
      </c>
      <c r="HI27" s="71">
        <v>0</v>
      </c>
      <c r="HJ27" s="71">
        <v>0</v>
      </c>
      <c r="HK27" s="71">
        <v>0</v>
      </c>
      <c r="HL27" s="72">
        <v>2</v>
      </c>
      <c r="HM27" s="73">
        <v>2</v>
      </c>
      <c r="HN27" s="70">
        <v>2</v>
      </c>
      <c r="HO27" s="71">
        <v>2</v>
      </c>
      <c r="HP27" s="72">
        <v>4</v>
      </c>
      <c r="HQ27" s="241"/>
      <c r="HR27" s="71">
        <v>1</v>
      </c>
      <c r="HS27" s="71">
        <v>4</v>
      </c>
      <c r="HT27" s="71">
        <v>2</v>
      </c>
      <c r="HU27" s="71">
        <v>1</v>
      </c>
      <c r="HV27" s="71">
        <v>1</v>
      </c>
      <c r="HW27" s="72">
        <v>9</v>
      </c>
      <c r="HX27" s="73">
        <v>13</v>
      </c>
      <c r="HY27" s="70">
        <v>3</v>
      </c>
      <c r="HZ27" s="71">
        <v>5</v>
      </c>
      <c r="IA27" s="72">
        <v>8</v>
      </c>
      <c r="IB27" s="244"/>
      <c r="IC27" s="71">
        <v>4</v>
      </c>
      <c r="ID27" s="71">
        <v>3</v>
      </c>
      <c r="IE27" s="71">
        <v>1</v>
      </c>
      <c r="IF27" s="71">
        <v>2</v>
      </c>
      <c r="IG27" s="71">
        <v>0</v>
      </c>
      <c r="IH27" s="72">
        <v>10</v>
      </c>
      <c r="II27" s="73">
        <v>18</v>
      </c>
      <c r="IJ27" s="70">
        <v>6</v>
      </c>
      <c r="IK27" s="71">
        <v>4</v>
      </c>
      <c r="IL27" s="72">
        <v>10</v>
      </c>
      <c r="IM27" s="244"/>
      <c r="IN27" s="71">
        <v>6</v>
      </c>
      <c r="IO27" s="71">
        <v>5</v>
      </c>
      <c r="IP27" s="71">
        <v>1</v>
      </c>
      <c r="IQ27" s="71">
        <v>3</v>
      </c>
      <c r="IR27" s="71">
        <v>4</v>
      </c>
      <c r="IS27" s="72">
        <v>19</v>
      </c>
      <c r="IT27" s="73">
        <v>29</v>
      </c>
      <c r="IU27" s="70">
        <v>10</v>
      </c>
      <c r="IV27" s="71">
        <v>5</v>
      </c>
      <c r="IW27" s="72">
        <v>15</v>
      </c>
      <c r="IX27" s="244"/>
      <c r="IY27" s="71">
        <v>17</v>
      </c>
      <c r="IZ27" s="71">
        <v>15</v>
      </c>
      <c r="JA27" s="71">
        <v>8</v>
      </c>
      <c r="JB27" s="71">
        <v>5</v>
      </c>
      <c r="JC27" s="71">
        <v>2</v>
      </c>
      <c r="JD27" s="72">
        <v>47</v>
      </c>
      <c r="JE27" s="73">
        <v>62</v>
      </c>
      <c r="JF27" s="70">
        <v>16</v>
      </c>
      <c r="JG27" s="71">
        <v>9</v>
      </c>
      <c r="JH27" s="72">
        <v>25</v>
      </c>
      <c r="JI27" s="244"/>
      <c r="JJ27" s="71">
        <v>25</v>
      </c>
      <c r="JK27" s="71">
        <v>7</v>
      </c>
      <c r="JL27" s="71">
        <v>12</v>
      </c>
      <c r="JM27" s="71">
        <v>6</v>
      </c>
      <c r="JN27" s="71">
        <v>4</v>
      </c>
      <c r="JO27" s="72">
        <v>54</v>
      </c>
      <c r="JP27" s="73">
        <v>79</v>
      </c>
      <c r="JQ27" s="70">
        <v>0</v>
      </c>
      <c r="JR27" s="71">
        <v>0</v>
      </c>
      <c r="JS27" s="72">
        <v>0</v>
      </c>
      <c r="JT27" s="244"/>
      <c r="JU27" s="71">
        <v>0</v>
      </c>
      <c r="JV27" s="71">
        <v>0</v>
      </c>
      <c r="JW27" s="71">
        <v>0</v>
      </c>
      <c r="JX27" s="71">
        <v>0</v>
      </c>
      <c r="JY27" s="71">
        <v>0</v>
      </c>
      <c r="JZ27" s="72">
        <v>0</v>
      </c>
      <c r="KA27" s="73">
        <v>0</v>
      </c>
      <c r="KB27" s="70">
        <v>37</v>
      </c>
      <c r="KC27" s="71">
        <v>25</v>
      </c>
      <c r="KD27" s="72">
        <v>62</v>
      </c>
      <c r="KE27" s="244"/>
      <c r="KF27" s="71">
        <v>55</v>
      </c>
      <c r="KG27" s="71">
        <v>34</v>
      </c>
      <c r="KH27" s="71">
        <v>24</v>
      </c>
      <c r="KI27" s="71">
        <v>17</v>
      </c>
      <c r="KJ27" s="71">
        <v>11</v>
      </c>
      <c r="KK27" s="72">
        <v>141</v>
      </c>
      <c r="KL27" s="73">
        <v>203</v>
      </c>
    </row>
    <row r="28" spans="1:298" ht="19.5" customHeight="1" x14ac:dyDescent="0.2">
      <c r="A28" s="126" t="s">
        <v>25</v>
      </c>
      <c r="B28" s="316">
        <v>15</v>
      </c>
      <c r="C28" s="82">
        <v>15</v>
      </c>
      <c r="D28" s="83">
        <v>30</v>
      </c>
      <c r="E28" s="241"/>
      <c r="F28" s="82">
        <v>38</v>
      </c>
      <c r="G28" s="82">
        <v>9</v>
      </c>
      <c r="H28" s="82">
        <v>16</v>
      </c>
      <c r="I28" s="82">
        <v>13</v>
      </c>
      <c r="J28" s="82">
        <v>5</v>
      </c>
      <c r="K28" s="84">
        <v>81</v>
      </c>
      <c r="L28" s="85">
        <v>111</v>
      </c>
      <c r="M28" s="70">
        <v>0</v>
      </c>
      <c r="N28" s="71">
        <v>0</v>
      </c>
      <c r="O28" s="72">
        <v>0</v>
      </c>
      <c r="P28" s="241"/>
      <c r="Q28" s="71">
        <v>1</v>
      </c>
      <c r="R28" s="71">
        <v>0</v>
      </c>
      <c r="S28" s="71">
        <v>0</v>
      </c>
      <c r="T28" s="71">
        <v>0</v>
      </c>
      <c r="U28" s="71">
        <v>0</v>
      </c>
      <c r="V28" s="72">
        <v>1</v>
      </c>
      <c r="W28" s="73">
        <v>1</v>
      </c>
      <c r="X28" s="70">
        <v>1</v>
      </c>
      <c r="Y28" s="71">
        <v>3</v>
      </c>
      <c r="Z28" s="72">
        <v>4</v>
      </c>
      <c r="AA28" s="241"/>
      <c r="AB28" s="71">
        <v>1</v>
      </c>
      <c r="AC28" s="71">
        <v>2</v>
      </c>
      <c r="AD28" s="71">
        <v>0</v>
      </c>
      <c r="AE28" s="71">
        <v>1</v>
      </c>
      <c r="AF28" s="71">
        <v>0</v>
      </c>
      <c r="AG28" s="72">
        <v>4</v>
      </c>
      <c r="AH28" s="73">
        <v>8</v>
      </c>
      <c r="AI28" s="70">
        <v>3</v>
      </c>
      <c r="AJ28" s="71">
        <v>4</v>
      </c>
      <c r="AK28" s="72">
        <v>7</v>
      </c>
      <c r="AL28" s="241"/>
      <c r="AM28" s="71">
        <v>4</v>
      </c>
      <c r="AN28" s="71">
        <v>0</v>
      </c>
      <c r="AO28" s="71">
        <v>0</v>
      </c>
      <c r="AP28" s="71">
        <v>2</v>
      </c>
      <c r="AQ28" s="71">
        <v>1</v>
      </c>
      <c r="AR28" s="72">
        <v>7</v>
      </c>
      <c r="AS28" s="73">
        <v>14</v>
      </c>
      <c r="AT28" s="70">
        <v>2</v>
      </c>
      <c r="AU28" s="71">
        <v>4</v>
      </c>
      <c r="AV28" s="72">
        <v>6</v>
      </c>
      <c r="AW28" s="241"/>
      <c r="AX28" s="71">
        <v>11</v>
      </c>
      <c r="AY28" s="71">
        <v>1</v>
      </c>
      <c r="AZ28" s="71">
        <v>5</v>
      </c>
      <c r="BA28" s="71">
        <v>3</v>
      </c>
      <c r="BB28" s="71">
        <v>2</v>
      </c>
      <c r="BC28" s="72">
        <v>22</v>
      </c>
      <c r="BD28" s="73">
        <v>28</v>
      </c>
      <c r="BE28" s="70">
        <v>4</v>
      </c>
      <c r="BF28" s="71">
        <v>1</v>
      </c>
      <c r="BG28" s="72">
        <v>5</v>
      </c>
      <c r="BH28" s="241"/>
      <c r="BI28" s="71">
        <v>9</v>
      </c>
      <c r="BJ28" s="71">
        <v>6</v>
      </c>
      <c r="BK28" s="71">
        <v>4</v>
      </c>
      <c r="BL28" s="71">
        <v>3</v>
      </c>
      <c r="BM28" s="71">
        <v>1</v>
      </c>
      <c r="BN28" s="72">
        <v>23</v>
      </c>
      <c r="BO28" s="73">
        <v>28</v>
      </c>
      <c r="BP28" s="70">
        <v>5</v>
      </c>
      <c r="BQ28" s="71">
        <v>3</v>
      </c>
      <c r="BR28" s="72">
        <v>8</v>
      </c>
      <c r="BS28" s="241"/>
      <c r="BT28" s="71">
        <v>12</v>
      </c>
      <c r="BU28" s="71">
        <v>0</v>
      </c>
      <c r="BV28" s="71">
        <v>7</v>
      </c>
      <c r="BW28" s="71">
        <v>4</v>
      </c>
      <c r="BX28" s="71">
        <v>1</v>
      </c>
      <c r="BY28" s="72">
        <v>24</v>
      </c>
      <c r="BZ28" s="73">
        <v>32</v>
      </c>
      <c r="CA28" s="70">
        <v>0</v>
      </c>
      <c r="CB28" s="71">
        <v>0</v>
      </c>
      <c r="CC28" s="72">
        <v>0</v>
      </c>
      <c r="CD28" s="241"/>
      <c r="CE28" s="71">
        <v>0</v>
      </c>
      <c r="CF28" s="71">
        <v>0</v>
      </c>
      <c r="CG28" s="71">
        <v>0</v>
      </c>
      <c r="CH28" s="71">
        <v>0</v>
      </c>
      <c r="CI28" s="71">
        <v>0</v>
      </c>
      <c r="CJ28" s="72">
        <v>0</v>
      </c>
      <c r="CK28" s="73">
        <v>0</v>
      </c>
      <c r="CL28" s="70">
        <v>15</v>
      </c>
      <c r="CM28" s="71">
        <v>15</v>
      </c>
      <c r="CN28" s="72">
        <v>30</v>
      </c>
      <c r="CO28" s="241"/>
      <c r="CP28" s="71">
        <v>38</v>
      </c>
      <c r="CQ28" s="71">
        <v>9</v>
      </c>
      <c r="CR28" s="71">
        <v>16</v>
      </c>
      <c r="CS28" s="71">
        <v>13</v>
      </c>
      <c r="CT28" s="71">
        <v>5</v>
      </c>
      <c r="CU28" s="72">
        <v>81</v>
      </c>
      <c r="CV28" s="73">
        <v>111</v>
      </c>
      <c r="CW28" s="123">
        <v>1</v>
      </c>
      <c r="CX28" s="82">
        <v>4</v>
      </c>
      <c r="CY28" s="83">
        <v>5</v>
      </c>
      <c r="CZ28" s="241"/>
      <c r="DA28" s="82">
        <v>3</v>
      </c>
      <c r="DB28" s="82">
        <v>1</v>
      </c>
      <c r="DC28" s="82">
        <v>0</v>
      </c>
      <c r="DD28" s="82">
        <v>2</v>
      </c>
      <c r="DE28" s="82">
        <v>0</v>
      </c>
      <c r="DF28" s="84">
        <v>6</v>
      </c>
      <c r="DG28" s="85">
        <v>11</v>
      </c>
      <c r="DH28" s="70">
        <v>0</v>
      </c>
      <c r="DI28" s="71">
        <v>0</v>
      </c>
      <c r="DJ28" s="72">
        <v>0</v>
      </c>
      <c r="DK28" s="241"/>
      <c r="DL28" s="71">
        <v>0</v>
      </c>
      <c r="DM28" s="71">
        <v>0</v>
      </c>
      <c r="DN28" s="71">
        <v>0</v>
      </c>
      <c r="DO28" s="71">
        <v>0</v>
      </c>
      <c r="DP28" s="71">
        <v>0</v>
      </c>
      <c r="DQ28" s="72">
        <v>0</v>
      </c>
      <c r="DR28" s="73">
        <v>0</v>
      </c>
      <c r="DS28" s="70">
        <v>0</v>
      </c>
      <c r="DT28" s="71">
        <v>0</v>
      </c>
      <c r="DU28" s="72">
        <v>0</v>
      </c>
      <c r="DV28" s="241"/>
      <c r="DW28" s="71">
        <v>0</v>
      </c>
      <c r="DX28" s="71">
        <v>0</v>
      </c>
      <c r="DY28" s="71">
        <v>0</v>
      </c>
      <c r="DZ28" s="71">
        <v>0</v>
      </c>
      <c r="EA28" s="71">
        <v>0</v>
      </c>
      <c r="EB28" s="72">
        <v>0</v>
      </c>
      <c r="EC28" s="73">
        <v>0</v>
      </c>
      <c r="ED28" s="70">
        <v>0</v>
      </c>
      <c r="EE28" s="71">
        <v>1</v>
      </c>
      <c r="EF28" s="72">
        <v>1</v>
      </c>
      <c r="EG28" s="241"/>
      <c r="EH28" s="71">
        <v>0</v>
      </c>
      <c r="EI28" s="71">
        <v>1</v>
      </c>
      <c r="EJ28" s="71">
        <v>0</v>
      </c>
      <c r="EK28" s="71">
        <v>0</v>
      </c>
      <c r="EL28" s="71">
        <v>0</v>
      </c>
      <c r="EM28" s="72">
        <v>1</v>
      </c>
      <c r="EN28" s="73">
        <v>2</v>
      </c>
      <c r="EO28" s="70">
        <v>0</v>
      </c>
      <c r="EP28" s="71">
        <v>1</v>
      </c>
      <c r="EQ28" s="72">
        <v>1</v>
      </c>
      <c r="ER28" s="241"/>
      <c r="ES28" s="71">
        <v>0</v>
      </c>
      <c r="ET28" s="71">
        <v>0</v>
      </c>
      <c r="EU28" s="71">
        <v>0</v>
      </c>
      <c r="EV28" s="71">
        <v>0</v>
      </c>
      <c r="EW28" s="71">
        <v>0</v>
      </c>
      <c r="EX28" s="72">
        <v>0</v>
      </c>
      <c r="EY28" s="73">
        <v>1</v>
      </c>
      <c r="EZ28" s="70">
        <v>0</v>
      </c>
      <c r="FA28" s="71">
        <v>2</v>
      </c>
      <c r="FB28" s="72">
        <v>2</v>
      </c>
      <c r="FC28" s="241"/>
      <c r="FD28" s="71">
        <v>1</v>
      </c>
      <c r="FE28" s="71">
        <v>0</v>
      </c>
      <c r="FF28" s="71">
        <v>0</v>
      </c>
      <c r="FG28" s="71">
        <v>1</v>
      </c>
      <c r="FH28" s="71">
        <v>0</v>
      </c>
      <c r="FI28" s="72">
        <v>2</v>
      </c>
      <c r="FJ28" s="73">
        <v>4</v>
      </c>
      <c r="FK28" s="70">
        <v>1</v>
      </c>
      <c r="FL28" s="71">
        <v>0</v>
      </c>
      <c r="FM28" s="72">
        <v>1</v>
      </c>
      <c r="FN28" s="244"/>
      <c r="FO28" s="71">
        <v>2</v>
      </c>
      <c r="FP28" s="71">
        <v>0</v>
      </c>
      <c r="FQ28" s="71">
        <v>0</v>
      </c>
      <c r="FR28" s="71">
        <v>1</v>
      </c>
      <c r="FS28" s="71">
        <v>0</v>
      </c>
      <c r="FT28" s="72">
        <v>3</v>
      </c>
      <c r="FU28" s="73">
        <v>4</v>
      </c>
      <c r="FV28" s="70">
        <v>0</v>
      </c>
      <c r="FW28" s="71">
        <v>0</v>
      </c>
      <c r="FX28" s="72">
        <v>0</v>
      </c>
      <c r="FY28" s="244"/>
      <c r="FZ28" s="71">
        <v>0</v>
      </c>
      <c r="GA28" s="71">
        <v>0</v>
      </c>
      <c r="GB28" s="71">
        <v>0</v>
      </c>
      <c r="GC28" s="71">
        <v>0</v>
      </c>
      <c r="GD28" s="71">
        <v>0</v>
      </c>
      <c r="GE28" s="72">
        <v>0</v>
      </c>
      <c r="GF28" s="73">
        <v>0</v>
      </c>
      <c r="GG28" s="70">
        <v>1</v>
      </c>
      <c r="GH28" s="71">
        <v>4</v>
      </c>
      <c r="GI28" s="72">
        <v>5</v>
      </c>
      <c r="GJ28" s="241"/>
      <c r="GK28" s="71">
        <v>3</v>
      </c>
      <c r="GL28" s="71">
        <v>1</v>
      </c>
      <c r="GM28" s="71">
        <v>0</v>
      </c>
      <c r="GN28" s="71">
        <v>2</v>
      </c>
      <c r="GO28" s="71">
        <v>0</v>
      </c>
      <c r="GP28" s="72">
        <v>6</v>
      </c>
      <c r="GQ28" s="73">
        <v>11</v>
      </c>
      <c r="GR28" s="123">
        <v>16</v>
      </c>
      <c r="GS28" s="82">
        <v>19</v>
      </c>
      <c r="GT28" s="83">
        <v>35</v>
      </c>
      <c r="GU28" s="241"/>
      <c r="GV28" s="82">
        <v>41</v>
      </c>
      <c r="GW28" s="82">
        <v>10</v>
      </c>
      <c r="GX28" s="82">
        <v>16</v>
      </c>
      <c r="GY28" s="82">
        <v>15</v>
      </c>
      <c r="GZ28" s="82">
        <v>5</v>
      </c>
      <c r="HA28" s="84">
        <v>87</v>
      </c>
      <c r="HB28" s="85">
        <v>122</v>
      </c>
      <c r="HC28" s="70">
        <v>0</v>
      </c>
      <c r="HD28" s="71">
        <v>0</v>
      </c>
      <c r="HE28" s="72">
        <v>0</v>
      </c>
      <c r="HF28" s="241"/>
      <c r="HG28" s="71">
        <v>1</v>
      </c>
      <c r="HH28" s="71">
        <v>0</v>
      </c>
      <c r="HI28" s="71">
        <v>0</v>
      </c>
      <c r="HJ28" s="71">
        <v>0</v>
      </c>
      <c r="HK28" s="71">
        <v>0</v>
      </c>
      <c r="HL28" s="72">
        <v>1</v>
      </c>
      <c r="HM28" s="73">
        <v>1</v>
      </c>
      <c r="HN28" s="70">
        <v>1</v>
      </c>
      <c r="HO28" s="71">
        <v>3</v>
      </c>
      <c r="HP28" s="72">
        <v>4</v>
      </c>
      <c r="HQ28" s="241"/>
      <c r="HR28" s="71">
        <v>1</v>
      </c>
      <c r="HS28" s="71">
        <v>2</v>
      </c>
      <c r="HT28" s="71">
        <v>0</v>
      </c>
      <c r="HU28" s="71">
        <v>1</v>
      </c>
      <c r="HV28" s="71">
        <v>0</v>
      </c>
      <c r="HW28" s="72">
        <v>4</v>
      </c>
      <c r="HX28" s="73">
        <v>8</v>
      </c>
      <c r="HY28" s="70">
        <v>3</v>
      </c>
      <c r="HZ28" s="71">
        <v>5</v>
      </c>
      <c r="IA28" s="72">
        <v>8</v>
      </c>
      <c r="IB28" s="244"/>
      <c r="IC28" s="71">
        <v>4</v>
      </c>
      <c r="ID28" s="71">
        <v>1</v>
      </c>
      <c r="IE28" s="71">
        <v>0</v>
      </c>
      <c r="IF28" s="71">
        <v>2</v>
      </c>
      <c r="IG28" s="71">
        <v>1</v>
      </c>
      <c r="IH28" s="72">
        <v>8</v>
      </c>
      <c r="II28" s="73">
        <v>16</v>
      </c>
      <c r="IJ28" s="70">
        <v>2</v>
      </c>
      <c r="IK28" s="71">
        <v>5</v>
      </c>
      <c r="IL28" s="72">
        <v>7</v>
      </c>
      <c r="IM28" s="244"/>
      <c r="IN28" s="71">
        <v>11</v>
      </c>
      <c r="IO28" s="71">
        <v>1</v>
      </c>
      <c r="IP28" s="71">
        <v>5</v>
      </c>
      <c r="IQ28" s="71">
        <v>3</v>
      </c>
      <c r="IR28" s="71">
        <v>2</v>
      </c>
      <c r="IS28" s="72">
        <v>22</v>
      </c>
      <c r="IT28" s="73">
        <v>29</v>
      </c>
      <c r="IU28" s="70">
        <v>4</v>
      </c>
      <c r="IV28" s="71">
        <v>3</v>
      </c>
      <c r="IW28" s="72">
        <v>7</v>
      </c>
      <c r="IX28" s="244"/>
      <c r="IY28" s="71">
        <v>10</v>
      </c>
      <c r="IZ28" s="71">
        <v>6</v>
      </c>
      <c r="JA28" s="71">
        <v>4</v>
      </c>
      <c r="JB28" s="71">
        <v>4</v>
      </c>
      <c r="JC28" s="71">
        <v>1</v>
      </c>
      <c r="JD28" s="72">
        <v>25</v>
      </c>
      <c r="JE28" s="73">
        <v>32</v>
      </c>
      <c r="JF28" s="70">
        <v>6</v>
      </c>
      <c r="JG28" s="71">
        <v>3</v>
      </c>
      <c r="JH28" s="72">
        <v>9</v>
      </c>
      <c r="JI28" s="244"/>
      <c r="JJ28" s="71">
        <v>14</v>
      </c>
      <c r="JK28" s="71">
        <v>0</v>
      </c>
      <c r="JL28" s="71">
        <v>7</v>
      </c>
      <c r="JM28" s="71">
        <v>5</v>
      </c>
      <c r="JN28" s="71">
        <v>1</v>
      </c>
      <c r="JO28" s="72">
        <v>27</v>
      </c>
      <c r="JP28" s="73">
        <v>36</v>
      </c>
      <c r="JQ28" s="70">
        <v>0</v>
      </c>
      <c r="JR28" s="71">
        <v>0</v>
      </c>
      <c r="JS28" s="72">
        <v>0</v>
      </c>
      <c r="JT28" s="244"/>
      <c r="JU28" s="71">
        <v>0</v>
      </c>
      <c r="JV28" s="71">
        <v>0</v>
      </c>
      <c r="JW28" s="71">
        <v>0</v>
      </c>
      <c r="JX28" s="71">
        <v>0</v>
      </c>
      <c r="JY28" s="71">
        <v>0</v>
      </c>
      <c r="JZ28" s="72">
        <v>0</v>
      </c>
      <c r="KA28" s="73">
        <v>0</v>
      </c>
      <c r="KB28" s="70">
        <v>16</v>
      </c>
      <c r="KC28" s="71">
        <v>19</v>
      </c>
      <c r="KD28" s="72">
        <v>35</v>
      </c>
      <c r="KE28" s="244"/>
      <c r="KF28" s="71">
        <v>41</v>
      </c>
      <c r="KG28" s="71">
        <v>10</v>
      </c>
      <c r="KH28" s="71">
        <v>16</v>
      </c>
      <c r="KI28" s="71">
        <v>15</v>
      </c>
      <c r="KJ28" s="71">
        <v>5</v>
      </c>
      <c r="KK28" s="72">
        <v>87</v>
      </c>
      <c r="KL28" s="73">
        <v>122</v>
      </c>
    </row>
    <row r="29" spans="1:298" ht="19.5" customHeight="1" x14ac:dyDescent="0.2">
      <c r="A29" s="126" t="s">
        <v>26</v>
      </c>
      <c r="B29" s="316">
        <v>24</v>
      </c>
      <c r="C29" s="82">
        <v>12</v>
      </c>
      <c r="D29" s="83">
        <v>36</v>
      </c>
      <c r="E29" s="241"/>
      <c r="F29" s="82">
        <v>21</v>
      </c>
      <c r="G29" s="82">
        <v>27</v>
      </c>
      <c r="H29" s="82">
        <v>18</v>
      </c>
      <c r="I29" s="82">
        <v>19</v>
      </c>
      <c r="J29" s="82">
        <v>5</v>
      </c>
      <c r="K29" s="84">
        <v>90</v>
      </c>
      <c r="L29" s="85">
        <v>126</v>
      </c>
      <c r="M29" s="70">
        <v>0</v>
      </c>
      <c r="N29" s="71">
        <v>0</v>
      </c>
      <c r="O29" s="72">
        <v>0</v>
      </c>
      <c r="P29" s="241"/>
      <c r="Q29" s="71">
        <v>1</v>
      </c>
      <c r="R29" s="71">
        <v>0</v>
      </c>
      <c r="S29" s="71">
        <v>0</v>
      </c>
      <c r="T29" s="71">
        <v>0</v>
      </c>
      <c r="U29" s="71">
        <v>0</v>
      </c>
      <c r="V29" s="72">
        <v>1</v>
      </c>
      <c r="W29" s="73">
        <v>1</v>
      </c>
      <c r="X29" s="70">
        <v>1</v>
      </c>
      <c r="Y29" s="71">
        <v>0</v>
      </c>
      <c r="Z29" s="72">
        <v>1</v>
      </c>
      <c r="AA29" s="241"/>
      <c r="AB29" s="71">
        <v>1</v>
      </c>
      <c r="AC29" s="71">
        <v>2</v>
      </c>
      <c r="AD29" s="71">
        <v>0</v>
      </c>
      <c r="AE29" s="71">
        <v>0</v>
      </c>
      <c r="AF29" s="71">
        <v>1</v>
      </c>
      <c r="AG29" s="72">
        <v>4</v>
      </c>
      <c r="AH29" s="73">
        <v>5</v>
      </c>
      <c r="AI29" s="70">
        <v>2</v>
      </c>
      <c r="AJ29" s="71">
        <v>2</v>
      </c>
      <c r="AK29" s="72">
        <v>4</v>
      </c>
      <c r="AL29" s="241"/>
      <c r="AM29" s="71">
        <v>2</v>
      </c>
      <c r="AN29" s="71">
        <v>3</v>
      </c>
      <c r="AO29" s="71">
        <v>1</v>
      </c>
      <c r="AP29" s="71">
        <v>3</v>
      </c>
      <c r="AQ29" s="71">
        <v>1</v>
      </c>
      <c r="AR29" s="72">
        <v>10</v>
      </c>
      <c r="AS29" s="73">
        <v>14</v>
      </c>
      <c r="AT29" s="70">
        <v>6</v>
      </c>
      <c r="AU29" s="71">
        <v>2</v>
      </c>
      <c r="AV29" s="72">
        <v>8</v>
      </c>
      <c r="AW29" s="241"/>
      <c r="AX29" s="71">
        <v>7</v>
      </c>
      <c r="AY29" s="71">
        <v>4</v>
      </c>
      <c r="AZ29" s="71">
        <v>5</v>
      </c>
      <c r="BA29" s="71">
        <v>3</v>
      </c>
      <c r="BB29" s="71">
        <v>0</v>
      </c>
      <c r="BC29" s="72">
        <v>19</v>
      </c>
      <c r="BD29" s="73">
        <v>27</v>
      </c>
      <c r="BE29" s="70">
        <v>7</v>
      </c>
      <c r="BF29" s="71">
        <v>2</v>
      </c>
      <c r="BG29" s="72">
        <v>9</v>
      </c>
      <c r="BH29" s="241"/>
      <c r="BI29" s="71">
        <v>6</v>
      </c>
      <c r="BJ29" s="71">
        <v>8</v>
      </c>
      <c r="BK29" s="71">
        <v>7</v>
      </c>
      <c r="BL29" s="71">
        <v>3</v>
      </c>
      <c r="BM29" s="71">
        <v>1</v>
      </c>
      <c r="BN29" s="72">
        <v>25</v>
      </c>
      <c r="BO29" s="73">
        <v>34</v>
      </c>
      <c r="BP29" s="70">
        <v>8</v>
      </c>
      <c r="BQ29" s="71">
        <v>6</v>
      </c>
      <c r="BR29" s="72">
        <v>14</v>
      </c>
      <c r="BS29" s="241"/>
      <c r="BT29" s="71">
        <v>4</v>
      </c>
      <c r="BU29" s="71">
        <v>10</v>
      </c>
      <c r="BV29" s="71">
        <v>5</v>
      </c>
      <c r="BW29" s="71">
        <v>10</v>
      </c>
      <c r="BX29" s="71">
        <v>2</v>
      </c>
      <c r="BY29" s="72">
        <v>31</v>
      </c>
      <c r="BZ29" s="73">
        <v>45</v>
      </c>
      <c r="CA29" s="70">
        <v>0</v>
      </c>
      <c r="CB29" s="71">
        <v>0</v>
      </c>
      <c r="CC29" s="72">
        <v>0</v>
      </c>
      <c r="CD29" s="241"/>
      <c r="CE29" s="71">
        <v>0</v>
      </c>
      <c r="CF29" s="71">
        <v>0</v>
      </c>
      <c r="CG29" s="71">
        <v>0</v>
      </c>
      <c r="CH29" s="71">
        <v>0</v>
      </c>
      <c r="CI29" s="71">
        <v>0</v>
      </c>
      <c r="CJ29" s="72">
        <v>0</v>
      </c>
      <c r="CK29" s="73">
        <v>0</v>
      </c>
      <c r="CL29" s="70">
        <v>24</v>
      </c>
      <c r="CM29" s="71">
        <v>12</v>
      </c>
      <c r="CN29" s="72">
        <v>36</v>
      </c>
      <c r="CO29" s="241"/>
      <c r="CP29" s="71">
        <v>21</v>
      </c>
      <c r="CQ29" s="71">
        <v>27</v>
      </c>
      <c r="CR29" s="71">
        <v>18</v>
      </c>
      <c r="CS29" s="71">
        <v>19</v>
      </c>
      <c r="CT29" s="71">
        <v>5</v>
      </c>
      <c r="CU29" s="72">
        <v>90</v>
      </c>
      <c r="CV29" s="73">
        <v>126</v>
      </c>
      <c r="CW29" s="123">
        <v>3</v>
      </c>
      <c r="CX29" s="82">
        <v>2</v>
      </c>
      <c r="CY29" s="83">
        <v>5</v>
      </c>
      <c r="CZ29" s="241"/>
      <c r="DA29" s="82">
        <v>2</v>
      </c>
      <c r="DB29" s="82">
        <v>2</v>
      </c>
      <c r="DC29" s="82">
        <v>1</v>
      </c>
      <c r="DD29" s="82">
        <v>2</v>
      </c>
      <c r="DE29" s="82">
        <v>3</v>
      </c>
      <c r="DF29" s="84">
        <v>10</v>
      </c>
      <c r="DG29" s="85">
        <v>15</v>
      </c>
      <c r="DH29" s="70">
        <v>0</v>
      </c>
      <c r="DI29" s="71">
        <v>0</v>
      </c>
      <c r="DJ29" s="72">
        <v>0</v>
      </c>
      <c r="DK29" s="241"/>
      <c r="DL29" s="71">
        <v>0</v>
      </c>
      <c r="DM29" s="71">
        <v>0</v>
      </c>
      <c r="DN29" s="71">
        <v>0</v>
      </c>
      <c r="DO29" s="71">
        <v>0</v>
      </c>
      <c r="DP29" s="71">
        <v>0</v>
      </c>
      <c r="DQ29" s="72">
        <v>0</v>
      </c>
      <c r="DR29" s="73">
        <v>0</v>
      </c>
      <c r="DS29" s="70">
        <v>1</v>
      </c>
      <c r="DT29" s="71">
        <v>0</v>
      </c>
      <c r="DU29" s="72">
        <v>1</v>
      </c>
      <c r="DV29" s="241"/>
      <c r="DW29" s="71">
        <v>0</v>
      </c>
      <c r="DX29" s="71">
        <v>0</v>
      </c>
      <c r="DY29" s="71">
        <v>0</v>
      </c>
      <c r="DZ29" s="71">
        <v>0</v>
      </c>
      <c r="EA29" s="71">
        <v>0</v>
      </c>
      <c r="EB29" s="72">
        <v>0</v>
      </c>
      <c r="EC29" s="73">
        <v>1</v>
      </c>
      <c r="ED29" s="70">
        <v>0</v>
      </c>
      <c r="EE29" s="71">
        <v>0</v>
      </c>
      <c r="EF29" s="72">
        <v>0</v>
      </c>
      <c r="EG29" s="241"/>
      <c r="EH29" s="71">
        <v>0</v>
      </c>
      <c r="EI29" s="71">
        <v>0</v>
      </c>
      <c r="EJ29" s="71">
        <v>0</v>
      </c>
      <c r="EK29" s="71">
        <v>0</v>
      </c>
      <c r="EL29" s="71">
        <v>0</v>
      </c>
      <c r="EM29" s="72">
        <v>0</v>
      </c>
      <c r="EN29" s="73">
        <v>0</v>
      </c>
      <c r="EO29" s="70">
        <v>0</v>
      </c>
      <c r="EP29" s="71">
        <v>0</v>
      </c>
      <c r="EQ29" s="72">
        <v>0</v>
      </c>
      <c r="ER29" s="241"/>
      <c r="ES29" s="71">
        <v>0</v>
      </c>
      <c r="ET29" s="71">
        <v>1</v>
      </c>
      <c r="EU29" s="71">
        <v>1</v>
      </c>
      <c r="EV29" s="71">
        <v>0</v>
      </c>
      <c r="EW29" s="71">
        <v>0</v>
      </c>
      <c r="EX29" s="72">
        <v>2</v>
      </c>
      <c r="EY29" s="73">
        <v>2</v>
      </c>
      <c r="EZ29" s="70">
        <v>1</v>
      </c>
      <c r="FA29" s="71">
        <v>2</v>
      </c>
      <c r="FB29" s="72">
        <v>3</v>
      </c>
      <c r="FC29" s="241"/>
      <c r="FD29" s="71">
        <v>1</v>
      </c>
      <c r="FE29" s="71">
        <v>1</v>
      </c>
      <c r="FF29" s="71">
        <v>0</v>
      </c>
      <c r="FG29" s="71">
        <v>2</v>
      </c>
      <c r="FH29" s="71">
        <v>0</v>
      </c>
      <c r="FI29" s="72">
        <v>4</v>
      </c>
      <c r="FJ29" s="73">
        <v>7</v>
      </c>
      <c r="FK29" s="70">
        <v>1</v>
      </c>
      <c r="FL29" s="71">
        <v>0</v>
      </c>
      <c r="FM29" s="72">
        <v>1</v>
      </c>
      <c r="FN29" s="244"/>
      <c r="FO29" s="71">
        <v>1</v>
      </c>
      <c r="FP29" s="71">
        <v>0</v>
      </c>
      <c r="FQ29" s="71">
        <v>0</v>
      </c>
      <c r="FR29" s="71">
        <v>0</v>
      </c>
      <c r="FS29" s="71">
        <v>3</v>
      </c>
      <c r="FT29" s="72">
        <v>4</v>
      </c>
      <c r="FU29" s="73">
        <v>5</v>
      </c>
      <c r="FV29" s="70">
        <v>0</v>
      </c>
      <c r="FW29" s="71">
        <v>0</v>
      </c>
      <c r="FX29" s="72">
        <v>0</v>
      </c>
      <c r="FY29" s="244"/>
      <c r="FZ29" s="71">
        <v>0</v>
      </c>
      <c r="GA29" s="71">
        <v>0</v>
      </c>
      <c r="GB29" s="71">
        <v>0</v>
      </c>
      <c r="GC29" s="71">
        <v>0</v>
      </c>
      <c r="GD29" s="71">
        <v>0</v>
      </c>
      <c r="GE29" s="72">
        <v>0</v>
      </c>
      <c r="GF29" s="73">
        <v>0</v>
      </c>
      <c r="GG29" s="70">
        <v>3</v>
      </c>
      <c r="GH29" s="71">
        <v>2</v>
      </c>
      <c r="GI29" s="72">
        <v>5</v>
      </c>
      <c r="GJ29" s="241"/>
      <c r="GK29" s="71">
        <v>2</v>
      </c>
      <c r="GL29" s="71">
        <v>2</v>
      </c>
      <c r="GM29" s="71">
        <v>1</v>
      </c>
      <c r="GN29" s="71">
        <v>2</v>
      </c>
      <c r="GO29" s="71">
        <v>3</v>
      </c>
      <c r="GP29" s="72">
        <v>10</v>
      </c>
      <c r="GQ29" s="73">
        <v>15</v>
      </c>
      <c r="GR29" s="123">
        <v>27</v>
      </c>
      <c r="GS29" s="82">
        <v>14</v>
      </c>
      <c r="GT29" s="83">
        <v>41</v>
      </c>
      <c r="GU29" s="241"/>
      <c r="GV29" s="82">
        <v>23</v>
      </c>
      <c r="GW29" s="82">
        <v>29</v>
      </c>
      <c r="GX29" s="82">
        <v>19</v>
      </c>
      <c r="GY29" s="82">
        <v>21</v>
      </c>
      <c r="GZ29" s="82">
        <v>8</v>
      </c>
      <c r="HA29" s="84">
        <v>100</v>
      </c>
      <c r="HB29" s="85">
        <v>141</v>
      </c>
      <c r="HC29" s="70">
        <v>0</v>
      </c>
      <c r="HD29" s="71">
        <v>0</v>
      </c>
      <c r="HE29" s="72">
        <v>0</v>
      </c>
      <c r="HF29" s="241"/>
      <c r="HG29" s="71">
        <v>1</v>
      </c>
      <c r="HH29" s="71">
        <v>0</v>
      </c>
      <c r="HI29" s="71">
        <v>0</v>
      </c>
      <c r="HJ29" s="71">
        <v>0</v>
      </c>
      <c r="HK29" s="71">
        <v>0</v>
      </c>
      <c r="HL29" s="72">
        <v>1</v>
      </c>
      <c r="HM29" s="73">
        <v>1</v>
      </c>
      <c r="HN29" s="70">
        <v>2</v>
      </c>
      <c r="HO29" s="71">
        <v>0</v>
      </c>
      <c r="HP29" s="72">
        <v>2</v>
      </c>
      <c r="HQ29" s="241"/>
      <c r="HR29" s="71">
        <v>1</v>
      </c>
      <c r="HS29" s="71">
        <v>2</v>
      </c>
      <c r="HT29" s="71">
        <v>0</v>
      </c>
      <c r="HU29" s="71">
        <v>0</v>
      </c>
      <c r="HV29" s="71">
        <v>1</v>
      </c>
      <c r="HW29" s="72">
        <v>4</v>
      </c>
      <c r="HX29" s="73">
        <v>6</v>
      </c>
      <c r="HY29" s="70">
        <v>2</v>
      </c>
      <c r="HZ29" s="71">
        <v>2</v>
      </c>
      <c r="IA29" s="72">
        <v>4</v>
      </c>
      <c r="IB29" s="244"/>
      <c r="IC29" s="71">
        <v>2</v>
      </c>
      <c r="ID29" s="71">
        <v>3</v>
      </c>
      <c r="IE29" s="71">
        <v>1</v>
      </c>
      <c r="IF29" s="71">
        <v>3</v>
      </c>
      <c r="IG29" s="71">
        <v>1</v>
      </c>
      <c r="IH29" s="72">
        <v>10</v>
      </c>
      <c r="II29" s="73">
        <v>14</v>
      </c>
      <c r="IJ29" s="70">
        <v>6</v>
      </c>
      <c r="IK29" s="71">
        <v>2</v>
      </c>
      <c r="IL29" s="72">
        <v>8</v>
      </c>
      <c r="IM29" s="244"/>
      <c r="IN29" s="71">
        <v>7</v>
      </c>
      <c r="IO29" s="71">
        <v>5</v>
      </c>
      <c r="IP29" s="71">
        <v>6</v>
      </c>
      <c r="IQ29" s="71">
        <v>3</v>
      </c>
      <c r="IR29" s="71">
        <v>0</v>
      </c>
      <c r="IS29" s="72">
        <v>21</v>
      </c>
      <c r="IT29" s="73">
        <v>29</v>
      </c>
      <c r="IU29" s="70">
        <v>8</v>
      </c>
      <c r="IV29" s="71">
        <v>4</v>
      </c>
      <c r="IW29" s="72">
        <v>12</v>
      </c>
      <c r="IX29" s="244"/>
      <c r="IY29" s="71">
        <v>7</v>
      </c>
      <c r="IZ29" s="71">
        <v>9</v>
      </c>
      <c r="JA29" s="71">
        <v>7</v>
      </c>
      <c r="JB29" s="71">
        <v>5</v>
      </c>
      <c r="JC29" s="71">
        <v>1</v>
      </c>
      <c r="JD29" s="72">
        <v>29</v>
      </c>
      <c r="JE29" s="73">
        <v>41</v>
      </c>
      <c r="JF29" s="70">
        <v>9</v>
      </c>
      <c r="JG29" s="71">
        <v>6</v>
      </c>
      <c r="JH29" s="72">
        <v>15</v>
      </c>
      <c r="JI29" s="244"/>
      <c r="JJ29" s="71">
        <v>5</v>
      </c>
      <c r="JK29" s="71">
        <v>10</v>
      </c>
      <c r="JL29" s="71">
        <v>5</v>
      </c>
      <c r="JM29" s="71">
        <v>10</v>
      </c>
      <c r="JN29" s="71">
        <v>5</v>
      </c>
      <c r="JO29" s="72">
        <v>35</v>
      </c>
      <c r="JP29" s="73">
        <v>50</v>
      </c>
      <c r="JQ29" s="70">
        <v>0</v>
      </c>
      <c r="JR29" s="71">
        <v>0</v>
      </c>
      <c r="JS29" s="72">
        <v>0</v>
      </c>
      <c r="JT29" s="244"/>
      <c r="JU29" s="71">
        <v>0</v>
      </c>
      <c r="JV29" s="71">
        <v>0</v>
      </c>
      <c r="JW29" s="71">
        <v>0</v>
      </c>
      <c r="JX29" s="71">
        <v>0</v>
      </c>
      <c r="JY29" s="71">
        <v>0</v>
      </c>
      <c r="JZ29" s="72">
        <v>0</v>
      </c>
      <c r="KA29" s="73">
        <v>0</v>
      </c>
      <c r="KB29" s="70">
        <v>27</v>
      </c>
      <c r="KC29" s="71">
        <v>14</v>
      </c>
      <c r="KD29" s="72">
        <v>41</v>
      </c>
      <c r="KE29" s="244"/>
      <c r="KF29" s="71">
        <v>23</v>
      </c>
      <c r="KG29" s="71">
        <v>29</v>
      </c>
      <c r="KH29" s="71">
        <v>19</v>
      </c>
      <c r="KI29" s="71">
        <v>21</v>
      </c>
      <c r="KJ29" s="71">
        <v>8</v>
      </c>
      <c r="KK29" s="72">
        <v>100</v>
      </c>
      <c r="KL29" s="73">
        <v>141</v>
      </c>
    </row>
    <row r="30" spans="1:298" ht="19.5" customHeight="1" x14ac:dyDescent="0.2">
      <c r="A30" s="126" t="s">
        <v>27</v>
      </c>
      <c r="B30" s="316">
        <v>16</v>
      </c>
      <c r="C30" s="82">
        <v>23</v>
      </c>
      <c r="D30" s="83">
        <v>39</v>
      </c>
      <c r="E30" s="241"/>
      <c r="F30" s="82">
        <v>20</v>
      </c>
      <c r="G30" s="82">
        <v>22</v>
      </c>
      <c r="H30" s="82">
        <v>19</v>
      </c>
      <c r="I30" s="82">
        <v>14</v>
      </c>
      <c r="J30" s="82">
        <v>11</v>
      </c>
      <c r="K30" s="84">
        <v>86</v>
      </c>
      <c r="L30" s="85">
        <v>125</v>
      </c>
      <c r="M30" s="70">
        <v>1</v>
      </c>
      <c r="N30" s="71">
        <v>0</v>
      </c>
      <c r="O30" s="72">
        <v>1</v>
      </c>
      <c r="P30" s="241"/>
      <c r="Q30" s="71">
        <v>0</v>
      </c>
      <c r="R30" s="71">
        <v>0</v>
      </c>
      <c r="S30" s="71">
        <v>0</v>
      </c>
      <c r="T30" s="71">
        <v>0</v>
      </c>
      <c r="U30" s="71">
        <v>0</v>
      </c>
      <c r="V30" s="72">
        <v>0</v>
      </c>
      <c r="W30" s="73">
        <v>1</v>
      </c>
      <c r="X30" s="70">
        <v>0</v>
      </c>
      <c r="Y30" s="71">
        <v>2</v>
      </c>
      <c r="Z30" s="72">
        <v>2</v>
      </c>
      <c r="AA30" s="241"/>
      <c r="AB30" s="71">
        <v>1</v>
      </c>
      <c r="AC30" s="71">
        <v>3</v>
      </c>
      <c r="AD30" s="71">
        <v>0</v>
      </c>
      <c r="AE30" s="71">
        <v>1</v>
      </c>
      <c r="AF30" s="71">
        <v>2</v>
      </c>
      <c r="AG30" s="72">
        <v>7</v>
      </c>
      <c r="AH30" s="73">
        <v>9</v>
      </c>
      <c r="AI30" s="70">
        <v>0</v>
      </c>
      <c r="AJ30" s="71">
        <v>2</v>
      </c>
      <c r="AK30" s="72">
        <v>2</v>
      </c>
      <c r="AL30" s="241"/>
      <c r="AM30" s="71">
        <v>1</v>
      </c>
      <c r="AN30" s="71">
        <v>0</v>
      </c>
      <c r="AO30" s="71">
        <v>2</v>
      </c>
      <c r="AP30" s="71">
        <v>0</v>
      </c>
      <c r="AQ30" s="71">
        <v>1</v>
      </c>
      <c r="AR30" s="72">
        <v>4</v>
      </c>
      <c r="AS30" s="73">
        <v>6</v>
      </c>
      <c r="AT30" s="70">
        <v>5</v>
      </c>
      <c r="AU30" s="71">
        <v>1</v>
      </c>
      <c r="AV30" s="72">
        <v>6</v>
      </c>
      <c r="AW30" s="241"/>
      <c r="AX30" s="71">
        <v>10</v>
      </c>
      <c r="AY30" s="71">
        <v>5</v>
      </c>
      <c r="AZ30" s="71">
        <v>5</v>
      </c>
      <c r="BA30" s="71">
        <v>1</v>
      </c>
      <c r="BB30" s="71">
        <v>1</v>
      </c>
      <c r="BC30" s="72">
        <v>22</v>
      </c>
      <c r="BD30" s="73">
        <v>28</v>
      </c>
      <c r="BE30" s="70">
        <v>5</v>
      </c>
      <c r="BF30" s="71">
        <v>8</v>
      </c>
      <c r="BG30" s="72">
        <v>13</v>
      </c>
      <c r="BH30" s="241"/>
      <c r="BI30" s="71">
        <v>3</v>
      </c>
      <c r="BJ30" s="71">
        <v>8</v>
      </c>
      <c r="BK30" s="71">
        <v>5</v>
      </c>
      <c r="BL30" s="71">
        <v>7</v>
      </c>
      <c r="BM30" s="71">
        <v>5</v>
      </c>
      <c r="BN30" s="72">
        <v>28</v>
      </c>
      <c r="BO30" s="73">
        <v>41</v>
      </c>
      <c r="BP30" s="70">
        <v>5</v>
      </c>
      <c r="BQ30" s="71">
        <v>10</v>
      </c>
      <c r="BR30" s="72">
        <v>15</v>
      </c>
      <c r="BS30" s="241"/>
      <c r="BT30" s="71">
        <v>5</v>
      </c>
      <c r="BU30" s="71">
        <v>6</v>
      </c>
      <c r="BV30" s="71">
        <v>7</v>
      </c>
      <c r="BW30" s="71">
        <v>5</v>
      </c>
      <c r="BX30" s="71">
        <v>2</v>
      </c>
      <c r="BY30" s="72">
        <v>25</v>
      </c>
      <c r="BZ30" s="73">
        <v>40</v>
      </c>
      <c r="CA30" s="70">
        <v>0</v>
      </c>
      <c r="CB30" s="71">
        <v>0</v>
      </c>
      <c r="CC30" s="72">
        <v>0</v>
      </c>
      <c r="CD30" s="241"/>
      <c r="CE30" s="71">
        <v>0</v>
      </c>
      <c r="CF30" s="71">
        <v>0</v>
      </c>
      <c r="CG30" s="71">
        <v>0</v>
      </c>
      <c r="CH30" s="71">
        <v>0</v>
      </c>
      <c r="CI30" s="71">
        <v>0</v>
      </c>
      <c r="CJ30" s="72">
        <v>0</v>
      </c>
      <c r="CK30" s="73">
        <v>0</v>
      </c>
      <c r="CL30" s="70">
        <v>16</v>
      </c>
      <c r="CM30" s="71">
        <v>23</v>
      </c>
      <c r="CN30" s="72">
        <v>39</v>
      </c>
      <c r="CO30" s="241"/>
      <c r="CP30" s="71">
        <v>20</v>
      </c>
      <c r="CQ30" s="71">
        <v>22</v>
      </c>
      <c r="CR30" s="71">
        <v>19</v>
      </c>
      <c r="CS30" s="71">
        <v>14</v>
      </c>
      <c r="CT30" s="71">
        <v>11</v>
      </c>
      <c r="CU30" s="72">
        <v>86</v>
      </c>
      <c r="CV30" s="73">
        <v>125</v>
      </c>
      <c r="CW30" s="123">
        <v>3</v>
      </c>
      <c r="CX30" s="82">
        <v>1</v>
      </c>
      <c r="CY30" s="83">
        <v>4</v>
      </c>
      <c r="CZ30" s="241"/>
      <c r="DA30" s="82">
        <v>4</v>
      </c>
      <c r="DB30" s="82">
        <v>2</v>
      </c>
      <c r="DC30" s="82">
        <v>2</v>
      </c>
      <c r="DD30" s="82">
        <v>3</v>
      </c>
      <c r="DE30" s="82">
        <v>1</v>
      </c>
      <c r="DF30" s="84">
        <v>12</v>
      </c>
      <c r="DG30" s="85">
        <v>16</v>
      </c>
      <c r="DH30" s="70">
        <v>0</v>
      </c>
      <c r="DI30" s="71">
        <v>0</v>
      </c>
      <c r="DJ30" s="72">
        <v>0</v>
      </c>
      <c r="DK30" s="241"/>
      <c r="DL30" s="71">
        <v>0</v>
      </c>
      <c r="DM30" s="71">
        <v>0</v>
      </c>
      <c r="DN30" s="71">
        <v>0</v>
      </c>
      <c r="DO30" s="71">
        <v>0</v>
      </c>
      <c r="DP30" s="71">
        <v>0</v>
      </c>
      <c r="DQ30" s="72">
        <v>0</v>
      </c>
      <c r="DR30" s="73">
        <v>0</v>
      </c>
      <c r="DS30" s="70">
        <v>0</v>
      </c>
      <c r="DT30" s="71">
        <v>1</v>
      </c>
      <c r="DU30" s="72">
        <v>1</v>
      </c>
      <c r="DV30" s="241"/>
      <c r="DW30" s="71">
        <v>0</v>
      </c>
      <c r="DX30" s="71">
        <v>0</v>
      </c>
      <c r="DY30" s="71">
        <v>0</v>
      </c>
      <c r="DZ30" s="71">
        <v>0</v>
      </c>
      <c r="EA30" s="71">
        <v>0</v>
      </c>
      <c r="EB30" s="72">
        <v>0</v>
      </c>
      <c r="EC30" s="73">
        <v>1</v>
      </c>
      <c r="ED30" s="70">
        <v>0</v>
      </c>
      <c r="EE30" s="71">
        <v>0</v>
      </c>
      <c r="EF30" s="72">
        <v>0</v>
      </c>
      <c r="EG30" s="241"/>
      <c r="EH30" s="71">
        <v>0</v>
      </c>
      <c r="EI30" s="71">
        <v>0</v>
      </c>
      <c r="EJ30" s="71">
        <v>0</v>
      </c>
      <c r="EK30" s="71">
        <v>0</v>
      </c>
      <c r="EL30" s="71">
        <v>0</v>
      </c>
      <c r="EM30" s="72">
        <v>0</v>
      </c>
      <c r="EN30" s="73">
        <v>0</v>
      </c>
      <c r="EO30" s="70">
        <v>1</v>
      </c>
      <c r="EP30" s="71">
        <v>0</v>
      </c>
      <c r="EQ30" s="72">
        <v>1</v>
      </c>
      <c r="ER30" s="241"/>
      <c r="ES30" s="71">
        <v>1</v>
      </c>
      <c r="ET30" s="71">
        <v>0</v>
      </c>
      <c r="EU30" s="71">
        <v>0</v>
      </c>
      <c r="EV30" s="71">
        <v>0</v>
      </c>
      <c r="EW30" s="71">
        <v>0</v>
      </c>
      <c r="EX30" s="72">
        <v>1</v>
      </c>
      <c r="EY30" s="73">
        <v>2</v>
      </c>
      <c r="EZ30" s="70">
        <v>1</v>
      </c>
      <c r="FA30" s="71">
        <v>0</v>
      </c>
      <c r="FB30" s="72">
        <v>1</v>
      </c>
      <c r="FC30" s="241"/>
      <c r="FD30" s="71">
        <v>3</v>
      </c>
      <c r="FE30" s="71">
        <v>1</v>
      </c>
      <c r="FF30" s="71">
        <v>0</v>
      </c>
      <c r="FG30" s="71">
        <v>1</v>
      </c>
      <c r="FH30" s="71">
        <v>1</v>
      </c>
      <c r="FI30" s="72">
        <v>6</v>
      </c>
      <c r="FJ30" s="73">
        <v>7</v>
      </c>
      <c r="FK30" s="70">
        <v>1</v>
      </c>
      <c r="FL30" s="71">
        <v>0</v>
      </c>
      <c r="FM30" s="72">
        <v>1</v>
      </c>
      <c r="FN30" s="244"/>
      <c r="FO30" s="71">
        <v>0</v>
      </c>
      <c r="FP30" s="71">
        <v>1</v>
      </c>
      <c r="FQ30" s="71">
        <v>2</v>
      </c>
      <c r="FR30" s="71">
        <v>2</v>
      </c>
      <c r="FS30" s="71">
        <v>0</v>
      </c>
      <c r="FT30" s="72">
        <v>5</v>
      </c>
      <c r="FU30" s="73">
        <v>6</v>
      </c>
      <c r="FV30" s="70">
        <v>0</v>
      </c>
      <c r="FW30" s="71">
        <v>0</v>
      </c>
      <c r="FX30" s="72">
        <v>0</v>
      </c>
      <c r="FY30" s="244"/>
      <c r="FZ30" s="71">
        <v>0</v>
      </c>
      <c r="GA30" s="71">
        <v>0</v>
      </c>
      <c r="GB30" s="71">
        <v>0</v>
      </c>
      <c r="GC30" s="71">
        <v>0</v>
      </c>
      <c r="GD30" s="71">
        <v>0</v>
      </c>
      <c r="GE30" s="72">
        <v>0</v>
      </c>
      <c r="GF30" s="73">
        <v>0</v>
      </c>
      <c r="GG30" s="70">
        <v>3</v>
      </c>
      <c r="GH30" s="71">
        <v>1</v>
      </c>
      <c r="GI30" s="72">
        <v>4</v>
      </c>
      <c r="GJ30" s="241"/>
      <c r="GK30" s="71">
        <v>4</v>
      </c>
      <c r="GL30" s="71">
        <v>2</v>
      </c>
      <c r="GM30" s="71">
        <v>2</v>
      </c>
      <c r="GN30" s="71">
        <v>3</v>
      </c>
      <c r="GO30" s="71">
        <v>1</v>
      </c>
      <c r="GP30" s="72">
        <v>12</v>
      </c>
      <c r="GQ30" s="73">
        <v>16</v>
      </c>
      <c r="GR30" s="123">
        <v>19</v>
      </c>
      <c r="GS30" s="82">
        <v>24</v>
      </c>
      <c r="GT30" s="83">
        <v>43</v>
      </c>
      <c r="GU30" s="241"/>
      <c r="GV30" s="82">
        <v>24</v>
      </c>
      <c r="GW30" s="82">
        <v>24</v>
      </c>
      <c r="GX30" s="82">
        <v>21</v>
      </c>
      <c r="GY30" s="82">
        <v>17</v>
      </c>
      <c r="GZ30" s="82">
        <v>12</v>
      </c>
      <c r="HA30" s="84">
        <v>98</v>
      </c>
      <c r="HB30" s="85">
        <v>141</v>
      </c>
      <c r="HC30" s="70">
        <v>1</v>
      </c>
      <c r="HD30" s="71">
        <v>0</v>
      </c>
      <c r="HE30" s="72">
        <v>1</v>
      </c>
      <c r="HF30" s="241"/>
      <c r="HG30" s="71">
        <v>0</v>
      </c>
      <c r="HH30" s="71">
        <v>0</v>
      </c>
      <c r="HI30" s="71">
        <v>0</v>
      </c>
      <c r="HJ30" s="71">
        <v>0</v>
      </c>
      <c r="HK30" s="71">
        <v>0</v>
      </c>
      <c r="HL30" s="72">
        <v>0</v>
      </c>
      <c r="HM30" s="73">
        <v>1</v>
      </c>
      <c r="HN30" s="70">
        <v>0</v>
      </c>
      <c r="HO30" s="71">
        <v>3</v>
      </c>
      <c r="HP30" s="72">
        <v>3</v>
      </c>
      <c r="HQ30" s="241"/>
      <c r="HR30" s="71">
        <v>1</v>
      </c>
      <c r="HS30" s="71">
        <v>3</v>
      </c>
      <c r="HT30" s="71">
        <v>0</v>
      </c>
      <c r="HU30" s="71">
        <v>1</v>
      </c>
      <c r="HV30" s="71">
        <v>2</v>
      </c>
      <c r="HW30" s="72">
        <v>7</v>
      </c>
      <c r="HX30" s="73">
        <v>10</v>
      </c>
      <c r="HY30" s="70">
        <v>0</v>
      </c>
      <c r="HZ30" s="71">
        <v>2</v>
      </c>
      <c r="IA30" s="72">
        <v>2</v>
      </c>
      <c r="IB30" s="244"/>
      <c r="IC30" s="71">
        <v>1</v>
      </c>
      <c r="ID30" s="71">
        <v>0</v>
      </c>
      <c r="IE30" s="71">
        <v>2</v>
      </c>
      <c r="IF30" s="71">
        <v>0</v>
      </c>
      <c r="IG30" s="71">
        <v>1</v>
      </c>
      <c r="IH30" s="72">
        <v>4</v>
      </c>
      <c r="II30" s="73">
        <v>6</v>
      </c>
      <c r="IJ30" s="70">
        <v>6</v>
      </c>
      <c r="IK30" s="71">
        <v>1</v>
      </c>
      <c r="IL30" s="72">
        <v>7</v>
      </c>
      <c r="IM30" s="244"/>
      <c r="IN30" s="71">
        <v>11</v>
      </c>
      <c r="IO30" s="71">
        <v>5</v>
      </c>
      <c r="IP30" s="71">
        <v>5</v>
      </c>
      <c r="IQ30" s="71">
        <v>1</v>
      </c>
      <c r="IR30" s="71">
        <v>1</v>
      </c>
      <c r="IS30" s="72">
        <v>23</v>
      </c>
      <c r="IT30" s="73">
        <v>30</v>
      </c>
      <c r="IU30" s="70">
        <v>6</v>
      </c>
      <c r="IV30" s="71">
        <v>8</v>
      </c>
      <c r="IW30" s="72">
        <v>14</v>
      </c>
      <c r="IX30" s="244"/>
      <c r="IY30" s="71">
        <v>6</v>
      </c>
      <c r="IZ30" s="71">
        <v>9</v>
      </c>
      <c r="JA30" s="71">
        <v>5</v>
      </c>
      <c r="JB30" s="71">
        <v>8</v>
      </c>
      <c r="JC30" s="71">
        <v>6</v>
      </c>
      <c r="JD30" s="72">
        <v>34</v>
      </c>
      <c r="JE30" s="73">
        <v>48</v>
      </c>
      <c r="JF30" s="70">
        <v>6</v>
      </c>
      <c r="JG30" s="71">
        <v>10</v>
      </c>
      <c r="JH30" s="72">
        <v>16</v>
      </c>
      <c r="JI30" s="244"/>
      <c r="JJ30" s="71">
        <v>5</v>
      </c>
      <c r="JK30" s="71">
        <v>7</v>
      </c>
      <c r="JL30" s="71">
        <v>9</v>
      </c>
      <c r="JM30" s="71">
        <v>7</v>
      </c>
      <c r="JN30" s="71">
        <v>2</v>
      </c>
      <c r="JO30" s="72">
        <v>30</v>
      </c>
      <c r="JP30" s="73">
        <v>46</v>
      </c>
      <c r="JQ30" s="70">
        <v>0</v>
      </c>
      <c r="JR30" s="71">
        <v>0</v>
      </c>
      <c r="JS30" s="72">
        <v>0</v>
      </c>
      <c r="JT30" s="244"/>
      <c r="JU30" s="71">
        <v>0</v>
      </c>
      <c r="JV30" s="71">
        <v>0</v>
      </c>
      <c r="JW30" s="71">
        <v>0</v>
      </c>
      <c r="JX30" s="71">
        <v>0</v>
      </c>
      <c r="JY30" s="71">
        <v>0</v>
      </c>
      <c r="JZ30" s="72">
        <v>0</v>
      </c>
      <c r="KA30" s="73">
        <v>0</v>
      </c>
      <c r="KB30" s="70">
        <v>19</v>
      </c>
      <c r="KC30" s="71">
        <v>24</v>
      </c>
      <c r="KD30" s="72">
        <v>43</v>
      </c>
      <c r="KE30" s="244"/>
      <c r="KF30" s="71">
        <v>24</v>
      </c>
      <c r="KG30" s="71">
        <v>24</v>
      </c>
      <c r="KH30" s="71">
        <v>21</v>
      </c>
      <c r="KI30" s="71">
        <v>17</v>
      </c>
      <c r="KJ30" s="71">
        <v>12</v>
      </c>
      <c r="KK30" s="72">
        <v>98</v>
      </c>
      <c r="KL30" s="73">
        <v>141</v>
      </c>
    </row>
    <row r="31" spans="1:298" ht="19.5" customHeight="1" x14ac:dyDescent="0.2">
      <c r="A31" s="126" t="s">
        <v>28</v>
      </c>
      <c r="B31" s="316">
        <v>2</v>
      </c>
      <c r="C31" s="82">
        <v>4</v>
      </c>
      <c r="D31" s="83">
        <v>6</v>
      </c>
      <c r="E31" s="241"/>
      <c r="F31" s="82">
        <v>7</v>
      </c>
      <c r="G31" s="82">
        <v>7</v>
      </c>
      <c r="H31" s="82">
        <v>2</v>
      </c>
      <c r="I31" s="82">
        <v>4</v>
      </c>
      <c r="J31" s="82">
        <v>1</v>
      </c>
      <c r="K31" s="84">
        <v>21</v>
      </c>
      <c r="L31" s="85">
        <v>27</v>
      </c>
      <c r="M31" s="70">
        <v>0</v>
      </c>
      <c r="N31" s="71">
        <v>0</v>
      </c>
      <c r="O31" s="72">
        <v>0</v>
      </c>
      <c r="P31" s="241"/>
      <c r="Q31" s="71">
        <v>0</v>
      </c>
      <c r="R31" s="71">
        <v>0</v>
      </c>
      <c r="S31" s="71">
        <v>0</v>
      </c>
      <c r="T31" s="71">
        <v>0</v>
      </c>
      <c r="U31" s="71">
        <v>0</v>
      </c>
      <c r="V31" s="72">
        <v>0</v>
      </c>
      <c r="W31" s="73">
        <v>0</v>
      </c>
      <c r="X31" s="70">
        <v>0</v>
      </c>
      <c r="Y31" s="71">
        <v>0</v>
      </c>
      <c r="Z31" s="72">
        <v>0</v>
      </c>
      <c r="AA31" s="241"/>
      <c r="AB31" s="71">
        <v>0</v>
      </c>
      <c r="AC31" s="71">
        <v>2</v>
      </c>
      <c r="AD31" s="71">
        <v>0</v>
      </c>
      <c r="AE31" s="71">
        <v>0</v>
      </c>
      <c r="AF31" s="71">
        <v>0</v>
      </c>
      <c r="AG31" s="72">
        <v>2</v>
      </c>
      <c r="AH31" s="73">
        <v>2</v>
      </c>
      <c r="AI31" s="70">
        <v>0</v>
      </c>
      <c r="AJ31" s="71">
        <v>1</v>
      </c>
      <c r="AK31" s="72">
        <v>1</v>
      </c>
      <c r="AL31" s="241"/>
      <c r="AM31" s="71">
        <v>0</v>
      </c>
      <c r="AN31" s="71">
        <v>1</v>
      </c>
      <c r="AO31" s="71">
        <v>0</v>
      </c>
      <c r="AP31" s="71">
        <v>1</v>
      </c>
      <c r="AQ31" s="71">
        <v>0</v>
      </c>
      <c r="AR31" s="72">
        <v>2</v>
      </c>
      <c r="AS31" s="73">
        <v>3</v>
      </c>
      <c r="AT31" s="70">
        <v>2</v>
      </c>
      <c r="AU31" s="71">
        <v>0</v>
      </c>
      <c r="AV31" s="72">
        <v>2</v>
      </c>
      <c r="AW31" s="241"/>
      <c r="AX31" s="71">
        <v>1</v>
      </c>
      <c r="AY31" s="71">
        <v>2</v>
      </c>
      <c r="AZ31" s="71">
        <v>0</v>
      </c>
      <c r="BA31" s="71">
        <v>1</v>
      </c>
      <c r="BB31" s="71">
        <v>0</v>
      </c>
      <c r="BC31" s="72">
        <v>4</v>
      </c>
      <c r="BD31" s="73">
        <v>6</v>
      </c>
      <c r="BE31" s="70">
        <v>0</v>
      </c>
      <c r="BF31" s="71">
        <v>2</v>
      </c>
      <c r="BG31" s="72">
        <v>2</v>
      </c>
      <c r="BH31" s="241"/>
      <c r="BI31" s="71">
        <v>6</v>
      </c>
      <c r="BJ31" s="71">
        <v>1</v>
      </c>
      <c r="BK31" s="71">
        <v>0</v>
      </c>
      <c r="BL31" s="71">
        <v>2</v>
      </c>
      <c r="BM31" s="71">
        <v>1</v>
      </c>
      <c r="BN31" s="72">
        <v>10</v>
      </c>
      <c r="BO31" s="73">
        <v>12</v>
      </c>
      <c r="BP31" s="70">
        <v>0</v>
      </c>
      <c r="BQ31" s="71">
        <v>1</v>
      </c>
      <c r="BR31" s="72">
        <v>1</v>
      </c>
      <c r="BS31" s="241"/>
      <c r="BT31" s="71">
        <v>0</v>
      </c>
      <c r="BU31" s="71">
        <v>1</v>
      </c>
      <c r="BV31" s="71">
        <v>2</v>
      </c>
      <c r="BW31" s="71">
        <v>0</v>
      </c>
      <c r="BX31" s="71">
        <v>0</v>
      </c>
      <c r="BY31" s="72">
        <v>3</v>
      </c>
      <c r="BZ31" s="73">
        <v>4</v>
      </c>
      <c r="CA31" s="70">
        <v>0</v>
      </c>
      <c r="CB31" s="71">
        <v>0</v>
      </c>
      <c r="CC31" s="72">
        <v>0</v>
      </c>
      <c r="CD31" s="241"/>
      <c r="CE31" s="71">
        <v>0</v>
      </c>
      <c r="CF31" s="71">
        <v>0</v>
      </c>
      <c r="CG31" s="71">
        <v>0</v>
      </c>
      <c r="CH31" s="71">
        <v>0</v>
      </c>
      <c r="CI31" s="71">
        <v>0</v>
      </c>
      <c r="CJ31" s="72">
        <v>0</v>
      </c>
      <c r="CK31" s="73">
        <v>0</v>
      </c>
      <c r="CL31" s="70">
        <v>2</v>
      </c>
      <c r="CM31" s="71">
        <v>4</v>
      </c>
      <c r="CN31" s="72">
        <v>6</v>
      </c>
      <c r="CO31" s="241"/>
      <c r="CP31" s="71">
        <v>7</v>
      </c>
      <c r="CQ31" s="71">
        <v>7</v>
      </c>
      <c r="CR31" s="71">
        <v>2</v>
      </c>
      <c r="CS31" s="71">
        <v>4</v>
      </c>
      <c r="CT31" s="71">
        <v>1</v>
      </c>
      <c r="CU31" s="72">
        <v>21</v>
      </c>
      <c r="CV31" s="73">
        <v>27</v>
      </c>
      <c r="CW31" s="123">
        <v>1</v>
      </c>
      <c r="CX31" s="82">
        <v>0</v>
      </c>
      <c r="CY31" s="83">
        <v>1</v>
      </c>
      <c r="CZ31" s="241"/>
      <c r="DA31" s="82">
        <v>2</v>
      </c>
      <c r="DB31" s="82">
        <v>2</v>
      </c>
      <c r="DC31" s="82">
        <v>0</v>
      </c>
      <c r="DD31" s="82">
        <v>0</v>
      </c>
      <c r="DE31" s="82">
        <v>1</v>
      </c>
      <c r="DF31" s="84">
        <v>5</v>
      </c>
      <c r="DG31" s="85">
        <v>6</v>
      </c>
      <c r="DH31" s="70">
        <v>0</v>
      </c>
      <c r="DI31" s="71">
        <v>0</v>
      </c>
      <c r="DJ31" s="72">
        <v>0</v>
      </c>
      <c r="DK31" s="241"/>
      <c r="DL31" s="71">
        <v>0</v>
      </c>
      <c r="DM31" s="71">
        <v>0</v>
      </c>
      <c r="DN31" s="71">
        <v>0</v>
      </c>
      <c r="DO31" s="71">
        <v>0</v>
      </c>
      <c r="DP31" s="71">
        <v>0</v>
      </c>
      <c r="DQ31" s="72">
        <v>0</v>
      </c>
      <c r="DR31" s="73">
        <v>0</v>
      </c>
      <c r="DS31" s="70">
        <v>0</v>
      </c>
      <c r="DT31" s="71">
        <v>0</v>
      </c>
      <c r="DU31" s="72">
        <v>0</v>
      </c>
      <c r="DV31" s="241"/>
      <c r="DW31" s="71">
        <v>0</v>
      </c>
      <c r="DX31" s="71">
        <v>0</v>
      </c>
      <c r="DY31" s="71">
        <v>0</v>
      </c>
      <c r="DZ31" s="71">
        <v>0</v>
      </c>
      <c r="EA31" s="71">
        <v>0</v>
      </c>
      <c r="EB31" s="72">
        <v>0</v>
      </c>
      <c r="EC31" s="73">
        <v>0</v>
      </c>
      <c r="ED31" s="70">
        <v>1</v>
      </c>
      <c r="EE31" s="71">
        <v>0</v>
      </c>
      <c r="EF31" s="72">
        <v>1</v>
      </c>
      <c r="EG31" s="241"/>
      <c r="EH31" s="71">
        <v>0</v>
      </c>
      <c r="EI31" s="71">
        <v>0</v>
      </c>
      <c r="EJ31" s="71">
        <v>0</v>
      </c>
      <c r="EK31" s="71">
        <v>0</v>
      </c>
      <c r="EL31" s="71">
        <v>0</v>
      </c>
      <c r="EM31" s="72">
        <v>0</v>
      </c>
      <c r="EN31" s="73">
        <v>1</v>
      </c>
      <c r="EO31" s="70">
        <v>0</v>
      </c>
      <c r="EP31" s="71">
        <v>0</v>
      </c>
      <c r="EQ31" s="72">
        <v>0</v>
      </c>
      <c r="ER31" s="241"/>
      <c r="ES31" s="71">
        <v>1</v>
      </c>
      <c r="ET31" s="71">
        <v>1</v>
      </c>
      <c r="EU31" s="71">
        <v>0</v>
      </c>
      <c r="EV31" s="71">
        <v>0</v>
      </c>
      <c r="EW31" s="71">
        <v>1</v>
      </c>
      <c r="EX31" s="72">
        <v>3</v>
      </c>
      <c r="EY31" s="73">
        <v>3</v>
      </c>
      <c r="EZ31" s="70">
        <v>0</v>
      </c>
      <c r="FA31" s="71">
        <v>0</v>
      </c>
      <c r="FB31" s="72">
        <v>0</v>
      </c>
      <c r="FC31" s="241"/>
      <c r="FD31" s="71">
        <v>0</v>
      </c>
      <c r="FE31" s="71">
        <v>0</v>
      </c>
      <c r="FF31" s="71">
        <v>0</v>
      </c>
      <c r="FG31" s="71">
        <v>0</v>
      </c>
      <c r="FH31" s="71">
        <v>0</v>
      </c>
      <c r="FI31" s="72">
        <v>0</v>
      </c>
      <c r="FJ31" s="73">
        <v>0</v>
      </c>
      <c r="FK31" s="70">
        <v>0</v>
      </c>
      <c r="FL31" s="71">
        <v>0</v>
      </c>
      <c r="FM31" s="72">
        <v>0</v>
      </c>
      <c r="FN31" s="244"/>
      <c r="FO31" s="71">
        <v>1</v>
      </c>
      <c r="FP31" s="71">
        <v>1</v>
      </c>
      <c r="FQ31" s="71">
        <v>0</v>
      </c>
      <c r="FR31" s="71">
        <v>0</v>
      </c>
      <c r="FS31" s="71">
        <v>0</v>
      </c>
      <c r="FT31" s="72">
        <v>2</v>
      </c>
      <c r="FU31" s="73">
        <v>2</v>
      </c>
      <c r="FV31" s="70">
        <v>0</v>
      </c>
      <c r="FW31" s="71">
        <v>0</v>
      </c>
      <c r="FX31" s="72">
        <v>0</v>
      </c>
      <c r="FY31" s="244"/>
      <c r="FZ31" s="71">
        <v>0</v>
      </c>
      <c r="GA31" s="71">
        <v>0</v>
      </c>
      <c r="GB31" s="71">
        <v>0</v>
      </c>
      <c r="GC31" s="71">
        <v>0</v>
      </c>
      <c r="GD31" s="71">
        <v>0</v>
      </c>
      <c r="GE31" s="72">
        <v>0</v>
      </c>
      <c r="GF31" s="73">
        <v>0</v>
      </c>
      <c r="GG31" s="70">
        <v>1</v>
      </c>
      <c r="GH31" s="71">
        <v>0</v>
      </c>
      <c r="GI31" s="72">
        <v>1</v>
      </c>
      <c r="GJ31" s="241"/>
      <c r="GK31" s="71">
        <v>2</v>
      </c>
      <c r="GL31" s="71">
        <v>2</v>
      </c>
      <c r="GM31" s="71">
        <v>0</v>
      </c>
      <c r="GN31" s="71">
        <v>0</v>
      </c>
      <c r="GO31" s="71">
        <v>1</v>
      </c>
      <c r="GP31" s="72">
        <v>5</v>
      </c>
      <c r="GQ31" s="73">
        <v>6</v>
      </c>
      <c r="GR31" s="123">
        <v>3</v>
      </c>
      <c r="GS31" s="82">
        <v>4</v>
      </c>
      <c r="GT31" s="83">
        <v>7</v>
      </c>
      <c r="GU31" s="241"/>
      <c r="GV31" s="82">
        <v>9</v>
      </c>
      <c r="GW31" s="82">
        <v>9</v>
      </c>
      <c r="GX31" s="82">
        <v>2</v>
      </c>
      <c r="GY31" s="82">
        <v>4</v>
      </c>
      <c r="GZ31" s="82">
        <v>2</v>
      </c>
      <c r="HA31" s="84">
        <v>26</v>
      </c>
      <c r="HB31" s="85">
        <v>33</v>
      </c>
      <c r="HC31" s="70">
        <v>0</v>
      </c>
      <c r="HD31" s="71">
        <v>0</v>
      </c>
      <c r="HE31" s="72">
        <v>0</v>
      </c>
      <c r="HF31" s="241"/>
      <c r="HG31" s="71">
        <v>0</v>
      </c>
      <c r="HH31" s="71">
        <v>0</v>
      </c>
      <c r="HI31" s="71">
        <v>0</v>
      </c>
      <c r="HJ31" s="71">
        <v>0</v>
      </c>
      <c r="HK31" s="71">
        <v>0</v>
      </c>
      <c r="HL31" s="72">
        <v>0</v>
      </c>
      <c r="HM31" s="73">
        <v>0</v>
      </c>
      <c r="HN31" s="70">
        <v>0</v>
      </c>
      <c r="HO31" s="71">
        <v>0</v>
      </c>
      <c r="HP31" s="72">
        <v>0</v>
      </c>
      <c r="HQ31" s="241"/>
      <c r="HR31" s="71">
        <v>0</v>
      </c>
      <c r="HS31" s="71">
        <v>2</v>
      </c>
      <c r="HT31" s="71">
        <v>0</v>
      </c>
      <c r="HU31" s="71">
        <v>0</v>
      </c>
      <c r="HV31" s="71">
        <v>0</v>
      </c>
      <c r="HW31" s="72">
        <v>2</v>
      </c>
      <c r="HX31" s="73">
        <v>2</v>
      </c>
      <c r="HY31" s="70">
        <v>1</v>
      </c>
      <c r="HZ31" s="71">
        <v>1</v>
      </c>
      <c r="IA31" s="72">
        <v>2</v>
      </c>
      <c r="IB31" s="244"/>
      <c r="IC31" s="71">
        <v>0</v>
      </c>
      <c r="ID31" s="71">
        <v>1</v>
      </c>
      <c r="IE31" s="71">
        <v>0</v>
      </c>
      <c r="IF31" s="71">
        <v>1</v>
      </c>
      <c r="IG31" s="71">
        <v>0</v>
      </c>
      <c r="IH31" s="72">
        <v>2</v>
      </c>
      <c r="II31" s="73">
        <v>4</v>
      </c>
      <c r="IJ31" s="70">
        <v>2</v>
      </c>
      <c r="IK31" s="71">
        <v>0</v>
      </c>
      <c r="IL31" s="72">
        <v>2</v>
      </c>
      <c r="IM31" s="244"/>
      <c r="IN31" s="71">
        <v>2</v>
      </c>
      <c r="IO31" s="71">
        <v>3</v>
      </c>
      <c r="IP31" s="71">
        <v>0</v>
      </c>
      <c r="IQ31" s="71">
        <v>1</v>
      </c>
      <c r="IR31" s="71">
        <v>1</v>
      </c>
      <c r="IS31" s="72">
        <v>7</v>
      </c>
      <c r="IT31" s="73">
        <v>9</v>
      </c>
      <c r="IU31" s="70">
        <v>0</v>
      </c>
      <c r="IV31" s="71">
        <v>2</v>
      </c>
      <c r="IW31" s="72">
        <v>2</v>
      </c>
      <c r="IX31" s="244"/>
      <c r="IY31" s="71">
        <v>6</v>
      </c>
      <c r="IZ31" s="71">
        <v>1</v>
      </c>
      <c r="JA31" s="71">
        <v>0</v>
      </c>
      <c r="JB31" s="71">
        <v>2</v>
      </c>
      <c r="JC31" s="71">
        <v>1</v>
      </c>
      <c r="JD31" s="72">
        <v>10</v>
      </c>
      <c r="JE31" s="73">
        <v>12</v>
      </c>
      <c r="JF31" s="70">
        <v>0</v>
      </c>
      <c r="JG31" s="71">
        <v>1</v>
      </c>
      <c r="JH31" s="72">
        <v>1</v>
      </c>
      <c r="JI31" s="244"/>
      <c r="JJ31" s="71">
        <v>1</v>
      </c>
      <c r="JK31" s="71">
        <v>2</v>
      </c>
      <c r="JL31" s="71">
        <v>2</v>
      </c>
      <c r="JM31" s="71">
        <v>0</v>
      </c>
      <c r="JN31" s="71">
        <v>0</v>
      </c>
      <c r="JO31" s="72">
        <v>5</v>
      </c>
      <c r="JP31" s="73">
        <v>6</v>
      </c>
      <c r="JQ31" s="70">
        <v>0</v>
      </c>
      <c r="JR31" s="71">
        <v>0</v>
      </c>
      <c r="JS31" s="72">
        <v>0</v>
      </c>
      <c r="JT31" s="244"/>
      <c r="JU31" s="71">
        <v>0</v>
      </c>
      <c r="JV31" s="71">
        <v>0</v>
      </c>
      <c r="JW31" s="71">
        <v>0</v>
      </c>
      <c r="JX31" s="71">
        <v>0</v>
      </c>
      <c r="JY31" s="71">
        <v>0</v>
      </c>
      <c r="JZ31" s="72">
        <v>0</v>
      </c>
      <c r="KA31" s="73">
        <v>0</v>
      </c>
      <c r="KB31" s="70">
        <v>3</v>
      </c>
      <c r="KC31" s="71">
        <v>4</v>
      </c>
      <c r="KD31" s="72">
        <v>7</v>
      </c>
      <c r="KE31" s="244"/>
      <c r="KF31" s="71">
        <v>9</v>
      </c>
      <c r="KG31" s="71">
        <v>9</v>
      </c>
      <c r="KH31" s="71">
        <v>2</v>
      </c>
      <c r="KI31" s="71">
        <v>4</v>
      </c>
      <c r="KJ31" s="71">
        <v>2</v>
      </c>
      <c r="KK31" s="72">
        <v>26</v>
      </c>
      <c r="KL31" s="73">
        <v>33</v>
      </c>
    </row>
    <row r="32" spans="1:298" ht="19.5" customHeight="1" x14ac:dyDescent="0.2">
      <c r="A32" s="126" t="s">
        <v>29</v>
      </c>
      <c r="B32" s="316">
        <v>3</v>
      </c>
      <c r="C32" s="82">
        <v>3</v>
      </c>
      <c r="D32" s="83">
        <v>6</v>
      </c>
      <c r="E32" s="241"/>
      <c r="F32" s="82">
        <v>5</v>
      </c>
      <c r="G32" s="82">
        <v>5</v>
      </c>
      <c r="H32" s="82">
        <v>4</v>
      </c>
      <c r="I32" s="82">
        <v>2</v>
      </c>
      <c r="J32" s="82">
        <v>4</v>
      </c>
      <c r="K32" s="84">
        <v>20</v>
      </c>
      <c r="L32" s="85">
        <v>26</v>
      </c>
      <c r="M32" s="70">
        <v>0</v>
      </c>
      <c r="N32" s="71">
        <v>0</v>
      </c>
      <c r="O32" s="72">
        <v>0</v>
      </c>
      <c r="P32" s="241"/>
      <c r="Q32" s="71">
        <v>0</v>
      </c>
      <c r="R32" s="71">
        <v>0</v>
      </c>
      <c r="S32" s="71">
        <v>1</v>
      </c>
      <c r="T32" s="71">
        <v>0</v>
      </c>
      <c r="U32" s="71">
        <v>0</v>
      </c>
      <c r="V32" s="72">
        <v>1</v>
      </c>
      <c r="W32" s="73">
        <v>1</v>
      </c>
      <c r="X32" s="70">
        <v>0</v>
      </c>
      <c r="Y32" s="71">
        <v>0</v>
      </c>
      <c r="Z32" s="72">
        <v>0</v>
      </c>
      <c r="AA32" s="241"/>
      <c r="AB32" s="71">
        <v>0</v>
      </c>
      <c r="AC32" s="71">
        <v>0</v>
      </c>
      <c r="AD32" s="71">
        <v>0</v>
      </c>
      <c r="AE32" s="71">
        <v>0</v>
      </c>
      <c r="AF32" s="71">
        <v>0</v>
      </c>
      <c r="AG32" s="72">
        <v>0</v>
      </c>
      <c r="AH32" s="73">
        <v>0</v>
      </c>
      <c r="AI32" s="70">
        <v>2</v>
      </c>
      <c r="AJ32" s="71">
        <v>0</v>
      </c>
      <c r="AK32" s="72">
        <v>2</v>
      </c>
      <c r="AL32" s="241"/>
      <c r="AM32" s="71">
        <v>1</v>
      </c>
      <c r="AN32" s="71">
        <v>0</v>
      </c>
      <c r="AO32" s="71">
        <v>0</v>
      </c>
      <c r="AP32" s="71">
        <v>0</v>
      </c>
      <c r="AQ32" s="71">
        <v>1</v>
      </c>
      <c r="AR32" s="72">
        <v>2</v>
      </c>
      <c r="AS32" s="73">
        <v>4</v>
      </c>
      <c r="AT32" s="70">
        <v>1</v>
      </c>
      <c r="AU32" s="71">
        <v>2</v>
      </c>
      <c r="AV32" s="72">
        <v>3</v>
      </c>
      <c r="AW32" s="241"/>
      <c r="AX32" s="71">
        <v>1</v>
      </c>
      <c r="AY32" s="71">
        <v>1</v>
      </c>
      <c r="AZ32" s="71">
        <v>0</v>
      </c>
      <c r="BA32" s="71">
        <v>0</v>
      </c>
      <c r="BB32" s="71">
        <v>0</v>
      </c>
      <c r="BC32" s="72">
        <v>2</v>
      </c>
      <c r="BD32" s="73">
        <v>5</v>
      </c>
      <c r="BE32" s="70">
        <v>0</v>
      </c>
      <c r="BF32" s="71">
        <v>1</v>
      </c>
      <c r="BG32" s="72">
        <v>1</v>
      </c>
      <c r="BH32" s="241"/>
      <c r="BI32" s="71">
        <v>3</v>
      </c>
      <c r="BJ32" s="71">
        <v>3</v>
      </c>
      <c r="BK32" s="71">
        <v>1</v>
      </c>
      <c r="BL32" s="71">
        <v>2</v>
      </c>
      <c r="BM32" s="71">
        <v>1</v>
      </c>
      <c r="BN32" s="72">
        <v>10</v>
      </c>
      <c r="BO32" s="73">
        <v>11</v>
      </c>
      <c r="BP32" s="70">
        <v>0</v>
      </c>
      <c r="BQ32" s="71">
        <v>0</v>
      </c>
      <c r="BR32" s="72">
        <v>0</v>
      </c>
      <c r="BS32" s="241"/>
      <c r="BT32" s="71">
        <v>0</v>
      </c>
      <c r="BU32" s="71">
        <v>1</v>
      </c>
      <c r="BV32" s="71">
        <v>2</v>
      </c>
      <c r="BW32" s="71">
        <v>0</v>
      </c>
      <c r="BX32" s="71">
        <v>2</v>
      </c>
      <c r="BY32" s="72">
        <v>5</v>
      </c>
      <c r="BZ32" s="73">
        <v>5</v>
      </c>
      <c r="CA32" s="70">
        <v>0</v>
      </c>
      <c r="CB32" s="71">
        <v>0</v>
      </c>
      <c r="CC32" s="72">
        <v>0</v>
      </c>
      <c r="CD32" s="241"/>
      <c r="CE32" s="71">
        <v>0</v>
      </c>
      <c r="CF32" s="71">
        <v>0</v>
      </c>
      <c r="CG32" s="71">
        <v>0</v>
      </c>
      <c r="CH32" s="71">
        <v>0</v>
      </c>
      <c r="CI32" s="71">
        <v>0</v>
      </c>
      <c r="CJ32" s="72">
        <v>0</v>
      </c>
      <c r="CK32" s="73">
        <v>0</v>
      </c>
      <c r="CL32" s="70">
        <v>3</v>
      </c>
      <c r="CM32" s="71">
        <v>3</v>
      </c>
      <c r="CN32" s="72">
        <v>6</v>
      </c>
      <c r="CO32" s="241"/>
      <c r="CP32" s="71">
        <v>5</v>
      </c>
      <c r="CQ32" s="71">
        <v>5</v>
      </c>
      <c r="CR32" s="71">
        <v>4</v>
      </c>
      <c r="CS32" s="71">
        <v>2</v>
      </c>
      <c r="CT32" s="71">
        <v>4</v>
      </c>
      <c r="CU32" s="72">
        <v>20</v>
      </c>
      <c r="CV32" s="73">
        <v>26</v>
      </c>
      <c r="CW32" s="123">
        <v>1</v>
      </c>
      <c r="CX32" s="82">
        <v>0</v>
      </c>
      <c r="CY32" s="83">
        <v>1</v>
      </c>
      <c r="CZ32" s="241"/>
      <c r="DA32" s="82">
        <v>4</v>
      </c>
      <c r="DB32" s="82">
        <v>2</v>
      </c>
      <c r="DC32" s="82">
        <v>0</v>
      </c>
      <c r="DD32" s="82">
        <v>1</v>
      </c>
      <c r="DE32" s="82">
        <v>0</v>
      </c>
      <c r="DF32" s="84">
        <v>7</v>
      </c>
      <c r="DG32" s="85">
        <v>8</v>
      </c>
      <c r="DH32" s="70">
        <v>0</v>
      </c>
      <c r="DI32" s="71">
        <v>0</v>
      </c>
      <c r="DJ32" s="72">
        <v>0</v>
      </c>
      <c r="DK32" s="241"/>
      <c r="DL32" s="71">
        <v>1</v>
      </c>
      <c r="DM32" s="71">
        <v>0</v>
      </c>
      <c r="DN32" s="71">
        <v>0</v>
      </c>
      <c r="DO32" s="71">
        <v>0</v>
      </c>
      <c r="DP32" s="71">
        <v>0</v>
      </c>
      <c r="DQ32" s="72">
        <v>1</v>
      </c>
      <c r="DR32" s="73">
        <v>1</v>
      </c>
      <c r="DS32" s="70">
        <v>0</v>
      </c>
      <c r="DT32" s="71">
        <v>0</v>
      </c>
      <c r="DU32" s="72">
        <v>0</v>
      </c>
      <c r="DV32" s="241"/>
      <c r="DW32" s="71">
        <v>0</v>
      </c>
      <c r="DX32" s="71">
        <v>0</v>
      </c>
      <c r="DY32" s="71">
        <v>0</v>
      </c>
      <c r="DZ32" s="71">
        <v>0</v>
      </c>
      <c r="EA32" s="71">
        <v>0</v>
      </c>
      <c r="EB32" s="72">
        <v>0</v>
      </c>
      <c r="EC32" s="73">
        <v>0</v>
      </c>
      <c r="ED32" s="70">
        <v>0</v>
      </c>
      <c r="EE32" s="71">
        <v>0</v>
      </c>
      <c r="EF32" s="72">
        <v>0</v>
      </c>
      <c r="EG32" s="241"/>
      <c r="EH32" s="71">
        <v>0</v>
      </c>
      <c r="EI32" s="71">
        <v>0</v>
      </c>
      <c r="EJ32" s="71">
        <v>0</v>
      </c>
      <c r="EK32" s="71">
        <v>0</v>
      </c>
      <c r="EL32" s="71">
        <v>0</v>
      </c>
      <c r="EM32" s="72">
        <v>0</v>
      </c>
      <c r="EN32" s="73">
        <v>0</v>
      </c>
      <c r="EO32" s="70">
        <v>0</v>
      </c>
      <c r="EP32" s="71">
        <v>0</v>
      </c>
      <c r="EQ32" s="72">
        <v>0</v>
      </c>
      <c r="ER32" s="241"/>
      <c r="ES32" s="71">
        <v>1</v>
      </c>
      <c r="ET32" s="71">
        <v>0</v>
      </c>
      <c r="EU32" s="71">
        <v>0</v>
      </c>
      <c r="EV32" s="71">
        <v>0</v>
      </c>
      <c r="EW32" s="71">
        <v>0</v>
      </c>
      <c r="EX32" s="72">
        <v>1</v>
      </c>
      <c r="EY32" s="73">
        <v>1</v>
      </c>
      <c r="EZ32" s="70">
        <v>1</v>
      </c>
      <c r="FA32" s="71">
        <v>0</v>
      </c>
      <c r="FB32" s="72">
        <v>1</v>
      </c>
      <c r="FC32" s="241"/>
      <c r="FD32" s="71">
        <v>2</v>
      </c>
      <c r="FE32" s="71">
        <v>0</v>
      </c>
      <c r="FF32" s="71">
        <v>0</v>
      </c>
      <c r="FG32" s="71">
        <v>0</v>
      </c>
      <c r="FH32" s="71">
        <v>0</v>
      </c>
      <c r="FI32" s="72">
        <v>2</v>
      </c>
      <c r="FJ32" s="73">
        <v>3</v>
      </c>
      <c r="FK32" s="70">
        <v>0</v>
      </c>
      <c r="FL32" s="71">
        <v>0</v>
      </c>
      <c r="FM32" s="72">
        <v>0</v>
      </c>
      <c r="FN32" s="244"/>
      <c r="FO32" s="71">
        <v>0</v>
      </c>
      <c r="FP32" s="71">
        <v>2</v>
      </c>
      <c r="FQ32" s="71">
        <v>0</v>
      </c>
      <c r="FR32" s="71">
        <v>1</v>
      </c>
      <c r="FS32" s="71">
        <v>0</v>
      </c>
      <c r="FT32" s="72">
        <v>3</v>
      </c>
      <c r="FU32" s="73">
        <v>3</v>
      </c>
      <c r="FV32" s="70">
        <v>0</v>
      </c>
      <c r="FW32" s="71">
        <v>0</v>
      </c>
      <c r="FX32" s="72">
        <v>0</v>
      </c>
      <c r="FY32" s="244"/>
      <c r="FZ32" s="71">
        <v>0</v>
      </c>
      <c r="GA32" s="71">
        <v>0</v>
      </c>
      <c r="GB32" s="71">
        <v>0</v>
      </c>
      <c r="GC32" s="71">
        <v>0</v>
      </c>
      <c r="GD32" s="71">
        <v>0</v>
      </c>
      <c r="GE32" s="72">
        <v>0</v>
      </c>
      <c r="GF32" s="73">
        <v>0</v>
      </c>
      <c r="GG32" s="70">
        <v>1</v>
      </c>
      <c r="GH32" s="71">
        <v>0</v>
      </c>
      <c r="GI32" s="72">
        <v>1</v>
      </c>
      <c r="GJ32" s="241"/>
      <c r="GK32" s="71">
        <v>4</v>
      </c>
      <c r="GL32" s="71">
        <v>2</v>
      </c>
      <c r="GM32" s="71">
        <v>0</v>
      </c>
      <c r="GN32" s="71">
        <v>1</v>
      </c>
      <c r="GO32" s="71">
        <v>0</v>
      </c>
      <c r="GP32" s="72">
        <v>7</v>
      </c>
      <c r="GQ32" s="73">
        <v>8</v>
      </c>
      <c r="GR32" s="123">
        <v>4</v>
      </c>
      <c r="GS32" s="82">
        <v>3</v>
      </c>
      <c r="GT32" s="83">
        <v>7</v>
      </c>
      <c r="GU32" s="241"/>
      <c r="GV32" s="82">
        <v>9</v>
      </c>
      <c r="GW32" s="82">
        <v>7</v>
      </c>
      <c r="GX32" s="82">
        <v>4</v>
      </c>
      <c r="GY32" s="82">
        <v>3</v>
      </c>
      <c r="GZ32" s="82">
        <v>4</v>
      </c>
      <c r="HA32" s="84">
        <v>27</v>
      </c>
      <c r="HB32" s="85">
        <v>34</v>
      </c>
      <c r="HC32" s="70">
        <v>0</v>
      </c>
      <c r="HD32" s="71">
        <v>0</v>
      </c>
      <c r="HE32" s="72">
        <v>0</v>
      </c>
      <c r="HF32" s="241"/>
      <c r="HG32" s="71">
        <v>1</v>
      </c>
      <c r="HH32" s="71">
        <v>0</v>
      </c>
      <c r="HI32" s="71">
        <v>1</v>
      </c>
      <c r="HJ32" s="71">
        <v>0</v>
      </c>
      <c r="HK32" s="71">
        <v>0</v>
      </c>
      <c r="HL32" s="72">
        <v>2</v>
      </c>
      <c r="HM32" s="73">
        <v>2</v>
      </c>
      <c r="HN32" s="70">
        <v>0</v>
      </c>
      <c r="HO32" s="71">
        <v>0</v>
      </c>
      <c r="HP32" s="72">
        <v>0</v>
      </c>
      <c r="HQ32" s="241"/>
      <c r="HR32" s="71">
        <v>0</v>
      </c>
      <c r="HS32" s="71">
        <v>0</v>
      </c>
      <c r="HT32" s="71">
        <v>0</v>
      </c>
      <c r="HU32" s="71">
        <v>0</v>
      </c>
      <c r="HV32" s="71">
        <v>0</v>
      </c>
      <c r="HW32" s="72">
        <v>0</v>
      </c>
      <c r="HX32" s="73">
        <v>0</v>
      </c>
      <c r="HY32" s="70">
        <v>2</v>
      </c>
      <c r="HZ32" s="71">
        <v>0</v>
      </c>
      <c r="IA32" s="72">
        <v>2</v>
      </c>
      <c r="IB32" s="244"/>
      <c r="IC32" s="71">
        <v>1</v>
      </c>
      <c r="ID32" s="71">
        <v>0</v>
      </c>
      <c r="IE32" s="71">
        <v>0</v>
      </c>
      <c r="IF32" s="71">
        <v>0</v>
      </c>
      <c r="IG32" s="71">
        <v>1</v>
      </c>
      <c r="IH32" s="72">
        <v>2</v>
      </c>
      <c r="II32" s="73">
        <v>4</v>
      </c>
      <c r="IJ32" s="70">
        <v>1</v>
      </c>
      <c r="IK32" s="71">
        <v>2</v>
      </c>
      <c r="IL32" s="72">
        <v>3</v>
      </c>
      <c r="IM32" s="244"/>
      <c r="IN32" s="71">
        <v>2</v>
      </c>
      <c r="IO32" s="71">
        <v>1</v>
      </c>
      <c r="IP32" s="71">
        <v>0</v>
      </c>
      <c r="IQ32" s="71">
        <v>0</v>
      </c>
      <c r="IR32" s="71">
        <v>0</v>
      </c>
      <c r="IS32" s="72">
        <v>3</v>
      </c>
      <c r="IT32" s="73">
        <v>6</v>
      </c>
      <c r="IU32" s="70">
        <v>1</v>
      </c>
      <c r="IV32" s="71">
        <v>1</v>
      </c>
      <c r="IW32" s="72">
        <v>2</v>
      </c>
      <c r="IX32" s="244"/>
      <c r="IY32" s="71">
        <v>5</v>
      </c>
      <c r="IZ32" s="71">
        <v>3</v>
      </c>
      <c r="JA32" s="71">
        <v>1</v>
      </c>
      <c r="JB32" s="71">
        <v>2</v>
      </c>
      <c r="JC32" s="71">
        <v>1</v>
      </c>
      <c r="JD32" s="72">
        <v>12</v>
      </c>
      <c r="JE32" s="73">
        <v>14</v>
      </c>
      <c r="JF32" s="70">
        <v>0</v>
      </c>
      <c r="JG32" s="71">
        <v>0</v>
      </c>
      <c r="JH32" s="72">
        <v>0</v>
      </c>
      <c r="JI32" s="244"/>
      <c r="JJ32" s="71">
        <v>0</v>
      </c>
      <c r="JK32" s="71">
        <v>3</v>
      </c>
      <c r="JL32" s="71">
        <v>2</v>
      </c>
      <c r="JM32" s="71">
        <v>1</v>
      </c>
      <c r="JN32" s="71">
        <v>2</v>
      </c>
      <c r="JO32" s="72">
        <v>8</v>
      </c>
      <c r="JP32" s="73">
        <v>8</v>
      </c>
      <c r="JQ32" s="70">
        <v>0</v>
      </c>
      <c r="JR32" s="71">
        <v>0</v>
      </c>
      <c r="JS32" s="72">
        <v>0</v>
      </c>
      <c r="JT32" s="244"/>
      <c r="JU32" s="71">
        <v>0</v>
      </c>
      <c r="JV32" s="71">
        <v>0</v>
      </c>
      <c r="JW32" s="71">
        <v>0</v>
      </c>
      <c r="JX32" s="71">
        <v>0</v>
      </c>
      <c r="JY32" s="71">
        <v>0</v>
      </c>
      <c r="JZ32" s="72">
        <v>0</v>
      </c>
      <c r="KA32" s="73">
        <v>0</v>
      </c>
      <c r="KB32" s="70">
        <v>4</v>
      </c>
      <c r="KC32" s="71">
        <v>3</v>
      </c>
      <c r="KD32" s="72">
        <v>7</v>
      </c>
      <c r="KE32" s="244"/>
      <c r="KF32" s="71">
        <v>9</v>
      </c>
      <c r="KG32" s="71">
        <v>7</v>
      </c>
      <c r="KH32" s="71">
        <v>4</v>
      </c>
      <c r="KI32" s="71">
        <v>3</v>
      </c>
      <c r="KJ32" s="71">
        <v>4</v>
      </c>
      <c r="KK32" s="72">
        <v>27</v>
      </c>
      <c r="KL32" s="73">
        <v>34</v>
      </c>
    </row>
    <row r="33" spans="1:298" ht="19.5" customHeight="1" x14ac:dyDescent="0.2">
      <c r="A33" s="126" t="s">
        <v>30</v>
      </c>
      <c r="B33" s="316">
        <v>3</v>
      </c>
      <c r="C33" s="82">
        <v>3</v>
      </c>
      <c r="D33" s="83">
        <v>6</v>
      </c>
      <c r="E33" s="241"/>
      <c r="F33" s="82">
        <v>8</v>
      </c>
      <c r="G33" s="82">
        <v>4</v>
      </c>
      <c r="H33" s="82">
        <v>1</v>
      </c>
      <c r="I33" s="82">
        <v>8</v>
      </c>
      <c r="J33" s="82">
        <v>2</v>
      </c>
      <c r="K33" s="84">
        <v>23</v>
      </c>
      <c r="L33" s="85">
        <v>29</v>
      </c>
      <c r="M33" s="70">
        <v>0</v>
      </c>
      <c r="N33" s="71">
        <v>0</v>
      </c>
      <c r="O33" s="72">
        <v>0</v>
      </c>
      <c r="P33" s="241"/>
      <c r="Q33" s="71">
        <v>0</v>
      </c>
      <c r="R33" s="71">
        <v>0</v>
      </c>
      <c r="S33" s="71">
        <v>0</v>
      </c>
      <c r="T33" s="71">
        <v>0</v>
      </c>
      <c r="U33" s="71">
        <v>0</v>
      </c>
      <c r="V33" s="72">
        <v>0</v>
      </c>
      <c r="W33" s="73">
        <v>0</v>
      </c>
      <c r="X33" s="70">
        <v>0</v>
      </c>
      <c r="Y33" s="71">
        <v>2</v>
      </c>
      <c r="Z33" s="72">
        <v>2</v>
      </c>
      <c r="AA33" s="241"/>
      <c r="AB33" s="71">
        <v>0</v>
      </c>
      <c r="AC33" s="71">
        <v>0</v>
      </c>
      <c r="AD33" s="71">
        <v>0</v>
      </c>
      <c r="AE33" s="71">
        <v>0</v>
      </c>
      <c r="AF33" s="71">
        <v>0</v>
      </c>
      <c r="AG33" s="72">
        <v>0</v>
      </c>
      <c r="AH33" s="73">
        <v>2</v>
      </c>
      <c r="AI33" s="70">
        <v>0</v>
      </c>
      <c r="AJ33" s="71">
        <v>1</v>
      </c>
      <c r="AK33" s="72">
        <v>1</v>
      </c>
      <c r="AL33" s="241"/>
      <c r="AM33" s="71">
        <v>0</v>
      </c>
      <c r="AN33" s="71">
        <v>0</v>
      </c>
      <c r="AO33" s="71">
        <v>0</v>
      </c>
      <c r="AP33" s="71">
        <v>2</v>
      </c>
      <c r="AQ33" s="71">
        <v>0</v>
      </c>
      <c r="AR33" s="72">
        <v>2</v>
      </c>
      <c r="AS33" s="73">
        <v>3</v>
      </c>
      <c r="AT33" s="70">
        <v>0</v>
      </c>
      <c r="AU33" s="71">
        <v>0</v>
      </c>
      <c r="AV33" s="72">
        <v>0</v>
      </c>
      <c r="AW33" s="241"/>
      <c r="AX33" s="71">
        <v>0</v>
      </c>
      <c r="AY33" s="71">
        <v>1</v>
      </c>
      <c r="AZ33" s="71">
        <v>1</v>
      </c>
      <c r="BA33" s="71">
        <v>0</v>
      </c>
      <c r="BB33" s="71">
        <v>0</v>
      </c>
      <c r="BC33" s="72">
        <v>2</v>
      </c>
      <c r="BD33" s="73">
        <v>2</v>
      </c>
      <c r="BE33" s="70">
        <v>2</v>
      </c>
      <c r="BF33" s="71">
        <v>0</v>
      </c>
      <c r="BG33" s="72">
        <v>2</v>
      </c>
      <c r="BH33" s="241"/>
      <c r="BI33" s="71">
        <v>3</v>
      </c>
      <c r="BJ33" s="71">
        <v>0</v>
      </c>
      <c r="BK33" s="71">
        <v>0</v>
      </c>
      <c r="BL33" s="71">
        <v>2</v>
      </c>
      <c r="BM33" s="71">
        <v>1</v>
      </c>
      <c r="BN33" s="72">
        <v>6</v>
      </c>
      <c r="BO33" s="73">
        <v>8</v>
      </c>
      <c r="BP33" s="70">
        <v>1</v>
      </c>
      <c r="BQ33" s="71">
        <v>0</v>
      </c>
      <c r="BR33" s="72">
        <v>1</v>
      </c>
      <c r="BS33" s="241"/>
      <c r="BT33" s="71">
        <v>5</v>
      </c>
      <c r="BU33" s="71">
        <v>3</v>
      </c>
      <c r="BV33" s="71">
        <v>0</v>
      </c>
      <c r="BW33" s="71">
        <v>4</v>
      </c>
      <c r="BX33" s="71">
        <v>1</v>
      </c>
      <c r="BY33" s="72">
        <v>13</v>
      </c>
      <c r="BZ33" s="73">
        <v>14</v>
      </c>
      <c r="CA33" s="70">
        <v>0</v>
      </c>
      <c r="CB33" s="71">
        <v>0</v>
      </c>
      <c r="CC33" s="72">
        <v>0</v>
      </c>
      <c r="CD33" s="241"/>
      <c r="CE33" s="71">
        <v>0</v>
      </c>
      <c r="CF33" s="71">
        <v>0</v>
      </c>
      <c r="CG33" s="71">
        <v>0</v>
      </c>
      <c r="CH33" s="71">
        <v>0</v>
      </c>
      <c r="CI33" s="71">
        <v>0</v>
      </c>
      <c r="CJ33" s="72">
        <v>0</v>
      </c>
      <c r="CK33" s="73">
        <v>0</v>
      </c>
      <c r="CL33" s="70">
        <v>3</v>
      </c>
      <c r="CM33" s="71">
        <v>3</v>
      </c>
      <c r="CN33" s="72">
        <v>6</v>
      </c>
      <c r="CO33" s="241"/>
      <c r="CP33" s="71">
        <v>8</v>
      </c>
      <c r="CQ33" s="71">
        <v>4</v>
      </c>
      <c r="CR33" s="71">
        <v>1</v>
      </c>
      <c r="CS33" s="71">
        <v>8</v>
      </c>
      <c r="CT33" s="71">
        <v>2</v>
      </c>
      <c r="CU33" s="72">
        <v>23</v>
      </c>
      <c r="CV33" s="73">
        <v>29</v>
      </c>
      <c r="CW33" s="123">
        <v>1</v>
      </c>
      <c r="CX33" s="82">
        <v>0</v>
      </c>
      <c r="CY33" s="83">
        <v>1</v>
      </c>
      <c r="CZ33" s="241"/>
      <c r="DA33" s="82">
        <v>3</v>
      </c>
      <c r="DB33" s="82">
        <v>0</v>
      </c>
      <c r="DC33" s="82">
        <v>2</v>
      </c>
      <c r="DD33" s="82">
        <v>3</v>
      </c>
      <c r="DE33" s="82">
        <v>1</v>
      </c>
      <c r="DF33" s="84">
        <v>9</v>
      </c>
      <c r="DG33" s="85">
        <v>10</v>
      </c>
      <c r="DH33" s="70">
        <v>0</v>
      </c>
      <c r="DI33" s="71">
        <v>0</v>
      </c>
      <c r="DJ33" s="72">
        <v>0</v>
      </c>
      <c r="DK33" s="241"/>
      <c r="DL33" s="71">
        <v>0</v>
      </c>
      <c r="DM33" s="71">
        <v>0</v>
      </c>
      <c r="DN33" s="71">
        <v>0</v>
      </c>
      <c r="DO33" s="71">
        <v>0</v>
      </c>
      <c r="DP33" s="71">
        <v>0</v>
      </c>
      <c r="DQ33" s="72">
        <v>0</v>
      </c>
      <c r="DR33" s="73">
        <v>0</v>
      </c>
      <c r="DS33" s="70">
        <v>0</v>
      </c>
      <c r="DT33" s="71">
        <v>0</v>
      </c>
      <c r="DU33" s="72">
        <v>0</v>
      </c>
      <c r="DV33" s="241"/>
      <c r="DW33" s="71">
        <v>1</v>
      </c>
      <c r="DX33" s="71">
        <v>0</v>
      </c>
      <c r="DY33" s="71">
        <v>0</v>
      </c>
      <c r="DZ33" s="71">
        <v>0</v>
      </c>
      <c r="EA33" s="71">
        <v>0</v>
      </c>
      <c r="EB33" s="72">
        <v>1</v>
      </c>
      <c r="EC33" s="73">
        <v>1</v>
      </c>
      <c r="ED33" s="70">
        <v>1</v>
      </c>
      <c r="EE33" s="71">
        <v>0</v>
      </c>
      <c r="EF33" s="72">
        <v>1</v>
      </c>
      <c r="EG33" s="241"/>
      <c r="EH33" s="71">
        <v>0</v>
      </c>
      <c r="EI33" s="71">
        <v>0</v>
      </c>
      <c r="EJ33" s="71">
        <v>0</v>
      </c>
      <c r="EK33" s="71">
        <v>0</v>
      </c>
      <c r="EL33" s="71">
        <v>0</v>
      </c>
      <c r="EM33" s="72">
        <v>0</v>
      </c>
      <c r="EN33" s="73">
        <v>1</v>
      </c>
      <c r="EO33" s="70">
        <v>0</v>
      </c>
      <c r="EP33" s="71">
        <v>0</v>
      </c>
      <c r="EQ33" s="72">
        <v>0</v>
      </c>
      <c r="ER33" s="241"/>
      <c r="ES33" s="71">
        <v>1</v>
      </c>
      <c r="ET33" s="71">
        <v>0</v>
      </c>
      <c r="EU33" s="71">
        <v>0</v>
      </c>
      <c r="EV33" s="71">
        <v>0</v>
      </c>
      <c r="EW33" s="71">
        <v>0</v>
      </c>
      <c r="EX33" s="72">
        <v>1</v>
      </c>
      <c r="EY33" s="73">
        <v>1</v>
      </c>
      <c r="EZ33" s="70">
        <v>0</v>
      </c>
      <c r="FA33" s="71">
        <v>0</v>
      </c>
      <c r="FB33" s="72">
        <v>0</v>
      </c>
      <c r="FC33" s="241"/>
      <c r="FD33" s="71">
        <v>1</v>
      </c>
      <c r="FE33" s="71">
        <v>0</v>
      </c>
      <c r="FF33" s="71">
        <v>0</v>
      </c>
      <c r="FG33" s="71">
        <v>2</v>
      </c>
      <c r="FH33" s="71">
        <v>0</v>
      </c>
      <c r="FI33" s="72">
        <v>3</v>
      </c>
      <c r="FJ33" s="73">
        <v>3</v>
      </c>
      <c r="FK33" s="70">
        <v>0</v>
      </c>
      <c r="FL33" s="71">
        <v>0</v>
      </c>
      <c r="FM33" s="72">
        <v>0</v>
      </c>
      <c r="FN33" s="244"/>
      <c r="FO33" s="71">
        <v>0</v>
      </c>
      <c r="FP33" s="71">
        <v>0</v>
      </c>
      <c r="FQ33" s="71">
        <v>2</v>
      </c>
      <c r="FR33" s="71">
        <v>1</v>
      </c>
      <c r="FS33" s="71">
        <v>1</v>
      </c>
      <c r="FT33" s="72">
        <v>4</v>
      </c>
      <c r="FU33" s="73">
        <v>4</v>
      </c>
      <c r="FV33" s="70">
        <v>0</v>
      </c>
      <c r="FW33" s="71">
        <v>0</v>
      </c>
      <c r="FX33" s="72">
        <v>0</v>
      </c>
      <c r="FY33" s="244"/>
      <c r="FZ33" s="71">
        <v>0</v>
      </c>
      <c r="GA33" s="71">
        <v>0</v>
      </c>
      <c r="GB33" s="71">
        <v>0</v>
      </c>
      <c r="GC33" s="71">
        <v>0</v>
      </c>
      <c r="GD33" s="71">
        <v>0</v>
      </c>
      <c r="GE33" s="72">
        <v>0</v>
      </c>
      <c r="GF33" s="73">
        <v>0</v>
      </c>
      <c r="GG33" s="70">
        <v>1</v>
      </c>
      <c r="GH33" s="71">
        <v>0</v>
      </c>
      <c r="GI33" s="72">
        <v>1</v>
      </c>
      <c r="GJ33" s="241"/>
      <c r="GK33" s="71">
        <v>3</v>
      </c>
      <c r="GL33" s="71">
        <v>0</v>
      </c>
      <c r="GM33" s="71">
        <v>2</v>
      </c>
      <c r="GN33" s="71">
        <v>3</v>
      </c>
      <c r="GO33" s="71">
        <v>1</v>
      </c>
      <c r="GP33" s="72">
        <v>9</v>
      </c>
      <c r="GQ33" s="73">
        <v>10</v>
      </c>
      <c r="GR33" s="123">
        <v>4</v>
      </c>
      <c r="GS33" s="82">
        <v>3</v>
      </c>
      <c r="GT33" s="83">
        <v>7</v>
      </c>
      <c r="GU33" s="241"/>
      <c r="GV33" s="82">
        <v>11</v>
      </c>
      <c r="GW33" s="82">
        <v>4</v>
      </c>
      <c r="GX33" s="82">
        <v>3</v>
      </c>
      <c r="GY33" s="82">
        <v>11</v>
      </c>
      <c r="GZ33" s="82">
        <v>3</v>
      </c>
      <c r="HA33" s="84">
        <v>32</v>
      </c>
      <c r="HB33" s="85">
        <v>39</v>
      </c>
      <c r="HC33" s="70">
        <v>0</v>
      </c>
      <c r="HD33" s="71">
        <v>0</v>
      </c>
      <c r="HE33" s="72">
        <v>0</v>
      </c>
      <c r="HF33" s="241"/>
      <c r="HG33" s="71">
        <v>0</v>
      </c>
      <c r="HH33" s="71">
        <v>0</v>
      </c>
      <c r="HI33" s="71">
        <v>0</v>
      </c>
      <c r="HJ33" s="71">
        <v>0</v>
      </c>
      <c r="HK33" s="71">
        <v>0</v>
      </c>
      <c r="HL33" s="72">
        <v>0</v>
      </c>
      <c r="HM33" s="73">
        <v>0</v>
      </c>
      <c r="HN33" s="70">
        <v>0</v>
      </c>
      <c r="HO33" s="71">
        <v>2</v>
      </c>
      <c r="HP33" s="72">
        <v>2</v>
      </c>
      <c r="HQ33" s="241"/>
      <c r="HR33" s="71">
        <v>1</v>
      </c>
      <c r="HS33" s="71">
        <v>0</v>
      </c>
      <c r="HT33" s="71">
        <v>0</v>
      </c>
      <c r="HU33" s="71">
        <v>0</v>
      </c>
      <c r="HV33" s="71">
        <v>0</v>
      </c>
      <c r="HW33" s="72">
        <v>1</v>
      </c>
      <c r="HX33" s="73">
        <v>3</v>
      </c>
      <c r="HY33" s="70">
        <v>1</v>
      </c>
      <c r="HZ33" s="71">
        <v>1</v>
      </c>
      <c r="IA33" s="72">
        <v>2</v>
      </c>
      <c r="IB33" s="244"/>
      <c r="IC33" s="71">
        <v>0</v>
      </c>
      <c r="ID33" s="71">
        <v>0</v>
      </c>
      <c r="IE33" s="71">
        <v>0</v>
      </c>
      <c r="IF33" s="71">
        <v>2</v>
      </c>
      <c r="IG33" s="71">
        <v>0</v>
      </c>
      <c r="IH33" s="72">
        <v>2</v>
      </c>
      <c r="II33" s="73">
        <v>4</v>
      </c>
      <c r="IJ33" s="70">
        <v>0</v>
      </c>
      <c r="IK33" s="71">
        <v>0</v>
      </c>
      <c r="IL33" s="72">
        <v>0</v>
      </c>
      <c r="IM33" s="244"/>
      <c r="IN33" s="71">
        <v>1</v>
      </c>
      <c r="IO33" s="71">
        <v>1</v>
      </c>
      <c r="IP33" s="71">
        <v>1</v>
      </c>
      <c r="IQ33" s="71">
        <v>0</v>
      </c>
      <c r="IR33" s="71">
        <v>0</v>
      </c>
      <c r="IS33" s="72">
        <v>3</v>
      </c>
      <c r="IT33" s="73">
        <v>3</v>
      </c>
      <c r="IU33" s="70">
        <v>2</v>
      </c>
      <c r="IV33" s="71">
        <v>0</v>
      </c>
      <c r="IW33" s="72">
        <v>2</v>
      </c>
      <c r="IX33" s="244"/>
      <c r="IY33" s="71">
        <v>4</v>
      </c>
      <c r="IZ33" s="71">
        <v>0</v>
      </c>
      <c r="JA33" s="71">
        <v>0</v>
      </c>
      <c r="JB33" s="71">
        <v>4</v>
      </c>
      <c r="JC33" s="71">
        <v>1</v>
      </c>
      <c r="JD33" s="72">
        <v>9</v>
      </c>
      <c r="JE33" s="73">
        <v>11</v>
      </c>
      <c r="JF33" s="70">
        <v>1</v>
      </c>
      <c r="JG33" s="71">
        <v>0</v>
      </c>
      <c r="JH33" s="72">
        <v>1</v>
      </c>
      <c r="JI33" s="244"/>
      <c r="JJ33" s="71">
        <v>5</v>
      </c>
      <c r="JK33" s="71">
        <v>3</v>
      </c>
      <c r="JL33" s="71">
        <v>2</v>
      </c>
      <c r="JM33" s="71">
        <v>5</v>
      </c>
      <c r="JN33" s="71">
        <v>2</v>
      </c>
      <c r="JO33" s="72">
        <v>17</v>
      </c>
      <c r="JP33" s="73">
        <v>18</v>
      </c>
      <c r="JQ33" s="70">
        <v>0</v>
      </c>
      <c r="JR33" s="71">
        <v>0</v>
      </c>
      <c r="JS33" s="72">
        <v>0</v>
      </c>
      <c r="JT33" s="244"/>
      <c r="JU33" s="71">
        <v>0</v>
      </c>
      <c r="JV33" s="71">
        <v>0</v>
      </c>
      <c r="JW33" s="71">
        <v>0</v>
      </c>
      <c r="JX33" s="71">
        <v>0</v>
      </c>
      <c r="JY33" s="71">
        <v>0</v>
      </c>
      <c r="JZ33" s="72">
        <v>0</v>
      </c>
      <c r="KA33" s="73">
        <v>0</v>
      </c>
      <c r="KB33" s="70">
        <v>4</v>
      </c>
      <c r="KC33" s="71">
        <v>3</v>
      </c>
      <c r="KD33" s="72">
        <v>7</v>
      </c>
      <c r="KE33" s="244"/>
      <c r="KF33" s="71">
        <v>11</v>
      </c>
      <c r="KG33" s="71">
        <v>4</v>
      </c>
      <c r="KH33" s="71">
        <v>3</v>
      </c>
      <c r="KI33" s="71">
        <v>11</v>
      </c>
      <c r="KJ33" s="71">
        <v>3</v>
      </c>
      <c r="KK33" s="72">
        <v>32</v>
      </c>
      <c r="KL33" s="73">
        <v>39</v>
      </c>
    </row>
    <row r="34" spans="1:298" ht="19.5" customHeight="1" x14ac:dyDescent="0.2">
      <c r="A34" s="126" t="s">
        <v>31</v>
      </c>
      <c r="B34" s="316">
        <v>4</v>
      </c>
      <c r="C34" s="82">
        <v>5</v>
      </c>
      <c r="D34" s="83">
        <v>9</v>
      </c>
      <c r="E34" s="241"/>
      <c r="F34" s="82">
        <v>12</v>
      </c>
      <c r="G34" s="82">
        <v>10</v>
      </c>
      <c r="H34" s="82">
        <v>3</v>
      </c>
      <c r="I34" s="82">
        <v>4</v>
      </c>
      <c r="J34" s="82">
        <v>2</v>
      </c>
      <c r="K34" s="84">
        <v>31</v>
      </c>
      <c r="L34" s="85">
        <v>40</v>
      </c>
      <c r="M34" s="70">
        <v>0</v>
      </c>
      <c r="N34" s="71">
        <v>0</v>
      </c>
      <c r="O34" s="72">
        <v>0</v>
      </c>
      <c r="P34" s="241"/>
      <c r="Q34" s="71">
        <v>0</v>
      </c>
      <c r="R34" s="71">
        <v>0</v>
      </c>
      <c r="S34" s="71">
        <v>0</v>
      </c>
      <c r="T34" s="71">
        <v>0</v>
      </c>
      <c r="U34" s="71">
        <v>0</v>
      </c>
      <c r="V34" s="72">
        <v>0</v>
      </c>
      <c r="W34" s="73">
        <v>0</v>
      </c>
      <c r="X34" s="70">
        <v>0</v>
      </c>
      <c r="Y34" s="71">
        <v>1</v>
      </c>
      <c r="Z34" s="72">
        <v>1</v>
      </c>
      <c r="AA34" s="241"/>
      <c r="AB34" s="71">
        <v>0</v>
      </c>
      <c r="AC34" s="71">
        <v>0</v>
      </c>
      <c r="AD34" s="71">
        <v>0</v>
      </c>
      <c r="AE34" s="71">
        <v>0</v>
      </c>
      <c r="AF34" s="71">
        <v>0</v>
      </c>
      <c r="AG34" s="72">
        <v>0</v>
      </c>
      <c r="AH34" s="73">
        <v>1</v>
      </c>
      <c r="AI34" s="70">
        <v>0</v>
      </c>
      <c r="AJ34" s="71">
        <v>0</v>
      </c>
      <c r="AK34" s="72">
        <v>0</v>
      </c>
      <c r="AL34" s="241"/>
      <c r="AM34" s="71">
        <v>0</v>
      </c>
      <c r="AN34" s="71">
        <v>0</v>
      </c>
      <c r="AO34" s="71">
        <v>0</v>
      </c>
      <c r="AP34" s="71">
        <v>1</v>
      </c>
      <c r="AQ34" s="71">
        <v>0</v>
      </c>
      <c r="AR34" s="72">
        <v>1</v>
      </c>
      <c r="AS34" s="73">
        <v>1</v>
      </c>
      <c r="AT34" s="70">
        <v>0</v>
      </c>
      <c r="AU34" s="71">
        <v>1</v>
      </c>
      <c r="AV34" s="72">
        <v>1</v>
      </c>
      <c r="AW34" s="241"/>
      <c r="AX34" s="71">
        <v>6</v>
      </c>
      <c r="AY34" s="71">
        <v>2</v>
      </c>
      <c r="AZ34" s="71">
        <v>1</v>
      </c>
      <c r="BA34" s="71">
        <v>0</v>
      </c>
      <c r="BB34" s="71">
        <v>0</v>
      </c>
      <c r="BC34" s="72">
        <v>9</v>
      </c>
      <c r="BD34" s="73">
        <v>10</v>
      </c>
      <c r="BE34" s="70">
        <v>1</v>
      </c>
      <c r="BF34" s="71">
        <v>1</v>
      </c>
      <c r="BG34" s="72">
        <v>2</v>
      </c>
      <c r="BH34" s="241"/>
      <c r="BI34" s="71">
        <v>2</v>
      </c>
      <c r="BJ34" s="71">
        <v>5</v>
      </c>
      <c r="BK34" s="71">
        <v>0</v>
      </c>
      <c r="BL34" s="71">
        <v>0</v>
      </c>
      <c r="BM34" s="71">
        <v>0</v>
      </c>
      <c r="BN34" s="72">
        <v>7</v>
      </c>
      <c r="BO34" s="73">
        <v>9</v>
      </c>
      <c r="BP34" s="70">
        <v>3</v>
      </c>
      <c r="BQ34" s="71">
        <v>2</v>
      </c>
      <c r="BR34" s="72">
        <v>5</v>
      </c>
      <c r="BS34" s="241"/>
      <c r="BT34" s="71">
        <v>4</v>
      </c>
      <c r="BU34" s="71">
        <v>3</v>
      </c>
      <c r="BV34" s="71">
        <v>2</v>
      </c>
      <c r="BW34" s="71">
        <v>3</v>
      </c>
      <c r="BX34" s="71">
        <v>2</v>
      </c>
      <c r="BY34" s="72">
        <v>14</v>
      </c>
      <c r="BZ34" s="73">
        <v>19</v>
      </c>
      <c r="CA34" s="70">
        <v>0</v>
      </c>
      <c r="CB34" s="71">
        <v>0</v>
      </c>
      <c r="CC34" s="72">
        <v>0</v>
      </c>
      <c r="CD34" s="241"/>
      <c r="CE34" s="71">
        <v>0</v>
      </c>
      <c r="CF34" s="71">
        <v>0</v>
      </c>
      <c r="CG34" s="71">
        <v>0</v>
      </c>
      <c r="CH34" s="71">
        <v>0</v>
      </c>
      <c r="CI34" s="71">
        <v>0</v>
      </c>
      <c r="CJ34" s="72">
        <v>0</v>
      </c>
      <c r="CK34" s="73">
        <v>0</v>
      </c>
      <c r="CL34" s="70">
        <v>4</v>
      </c>
      <c r="CM34" s="71">
        <v>5</v>
      </c>
      <c r="CN34" s="72">
        <v>9</v>
      </c>
      <c r="CO34" s="241"/>
      <c r="CP34" s="71">
        <v>12</v>
      </c>
      <c r="CQ34" s="71">
        <v>10</v>
      </c>
      <c r="CR34" s="71">
        <v>3</v>
      </c>
      <c r="CS34" s="71">
        <v>4</v>
      </c>
      <c r="CT34" s="71">
        <v>2</v>
      </c>
      <c r="CU34" s="72">
        <v>31</v>
      </c>
      <c r="CV34" s="73">
        <v>40</v>
      </c>
      <c r="CW34" s="123">
        <v>1</v>
      </c>
      <c r="CX34" s="82">
        <v>2</v>
      </c>
      <c r="CY34" s="83">
        <v>3</v>
      </c>
      <c r="CZ34" s="241"/>
      <c r="DA34" s="82">
        <v>2</v>
      </c>
      <c r="DB34" s="82">
        <v>3</v>
      </c>
      <c r="DC34" s="82">
        <v>1</v>
      </c>
      <c r="DD34" s="82">
        <v>0</v>
      </c>
      <c r="DE34" s="82">
        <v>0</v>
      </c>
      <c r="DF34" s="84">
        <v>6</v>
      </c>
      <c r="DG34" s="85">
        <v>9</v>
      </c>
      <c r="DH34" s="70">
        <v>0</v>
      </c>
      <c r="DI34" s="71">
        <v>0</v>
      </c>
      <c r="DJ34" s="72">
        <v>0</v>
      </c>
      <c r="DK34" s="241"/>
      <c r="DL34" s="71">
        <v>0</v>
      </c>
      <c r="DM34" s="71">
        <v>0</v>
      </c>
      <c r="DN34" s="71">
        <v>0</v>
      </c>
      <c r="DO34" s="71">
        <v>0</v>
      </c>
      <c r="DP34" s="71">
        <v>0</v>
      </c>
      <c r="DQ34" s="72">
        <v>0</v>
      </c>
      <c r="DR34" s="73">
        <v>0</v>
      </c>
      <c r="DS34" s="70">
        <v>0</v>
      </c>
      <c r="DT34" s="71">
        <v>0</v>
      </c>
      <c r="DU34" s="72">
        <v>0</v>
      </c>
      <c r="DV34" s="241"/>
      <c r="DW34" s="71">
        <v>0</v>
      </c>
      <c r="DX34" s="71">
        <v>0</v>
      </c>
      <c r="DY34" s="71">
        <v>0</v>
      </c>
      <c r="DZ34" s="71">
        <v>0</v>
      </c>
      <c r="EA34" s="71">
        <v>0</v>
      </c>
      <c r="EB34" s="72">
        <v>0</v>
      </c>
      <c r="EC34" s="73">
        <v>0</v>
      </c>
      <c r="ED34" s="70">
        <v>0</v>
      </c>
      <c r="EE34" s="71">
        <v>1</v>
      </c>
      <c r="EF34" s="72">
        <v>1</v>
      </c>
      <c r="EG34" s="241"/>
      <c r="EH34" s="71">
        <v>0</v>
      </c>
      <c r="EI34" s="71">
        <v>0</v>
      </c>
      <c r="EJ34" s="71">
        <v>0</v>
      </c>
      <c r="EK34" s="71">
        <v>0</v>
      </c>
      <c r="EL34" s="71">
        <v>0</v>
      </c>
      <c r="EM34" s="72">
        <v>0</v>
      </c>
      <c r="EN34" s="73">
        <v>1</v>
      </c>
      <c r="EO34" s="70">
        <v>1</v>
      </c>
      <c r="EP34" s="71">
        <v>0</v>
      </c>
      <c r="EQ34" s="72">
        <v>1</v>
      </c>
      <c r="ER34" s="241"/>
      <c r="ES34" s="71">
        <v>0</v>
      </c>
      <c r="ET34" s="71">
        <v>1</v>
      </c>
      <c r="EU34" s="71">
        <v>0</v>
      </c>
      <c r="EV34" s="71">
        <v>0</v>
      </c>
      <c r="EW34" s="71">
        <v>0</v>
      </c>
      <c r="EX34" s="72">
        <v>1</v>
      </c>
      <c r="EY34" s="73">
        <v>2</v>
      </c>
      <c r="EZ34" s="70">
        <v>0</v>
      </c>
      <c r="FA34" s="71">
        <v>1</v>
      </c>
      <c r="FB34" s="72">
        <v>1</v>
      </c>
      <c r="FC34" s="241"/>
      <c r="FD34" s="71">
        <v>0</v>
      </c>
      <c r="FE34" s="71">
        <v>0</v>
      </c>
      <c r="FF34" s="71">
        <v>0</v>
      </c>
      <c r="FG34" s="71">
        <v>0</v>
      </c>
      <c r="FH34" s="71">
        <v>0</v>
      </c>
      <c r="FI34" s="72">
        <v>0</v>
      </c>
      <c r="FJ34" s="73">
        <v>1</v>
      </c>
      <c r="FK34" s="70">
        <v>0</v>
      </c>
      <c r="FL34" s="71">
        <v>0</v>
      </c>
      <c r="FM34" s="72">
        <v>0</v>
      </c>
      <c r="FN34" s="244"/>
      <c r="FO34" s="71">
        <v>2</v>
      </c>
      <c r="FP34" s="71">
        <v>2</v>
      </c>
      <c r="FQ34" s="71">
        <v>1</v>
      </c>
      <c r="FR34" s="71">
        <v>0</v>
      </c>
      <c r="FS34" s="71">
        <v>0</v>
      </c>
      <c r="FT34" s="72">
        <v>5</v>
      </c>
      <c r="FU34" s="73">
        <v>5</v>
      </c>
      <c r="FV34" s="70">
        <v>0</v>
      </c>
      <c r="FW34" s="71">
        <v>0</v>
      </c>
      <c r="FX34" s="72">
        <v>0</v>
      </c>
      <c r="FY34" s="244"/>
      <c r="FZ34" s="71">
        <v>0</v>
      </c>
      <c r="GA34" s="71">
        <v>0</v>
      </c>
      <c r="GB34" s="71">
        <v>0</v>
      </c>
      <c r="GC34" s="71">
        <v>0</v>
      </c>
      <c r="GD34" s="71">
        <v>0</v>
      </c>
      <c r="GE34" s="72">
        <v>0</v>
      </c>
      <c r="GF34" s="73">
        <v>0</v>
      </c>
      <c r="GG34" s="70">
        <v>1</v>
      </c>
      <c r="GH34" s="71">
        <v>2</v>
      </c>
      <c r="GI34" s="72">
        <v>3</v>
      </c>
      <c r="GJ34" s="241"/>
      <c r="GK34" s="71">
        <v>2</v>
      </c>
      <c r="GL34" s="71">
        <v>3</v>
      </c>
      <c r="GM34" s="71">
        <v>1</v>
      </c>
      <c r="GN34" s="71">
        <v>0</v>
      </c>
      <c r="GO34" s="71">
        <v>0</v>
      </c>
      <c r="GP34" s="72">
        <v>6</v>
      </c>
      <c r="GQ34" s="73">
        <v>9</v>
      </c>
      <c r="GR34" s="123">
        <v>5</v>
      </c>
      <c r="GS34" s="82">
        <v>7</v>
      </c>
      <c r="GT34" s="83">
        <v>12</v>
      </c>
      <c r="GU34" s="241"/>
      <c r="GV34" s="82">
        <v>14</v>
      </c>
      <c r="GW34" s="82">
        <v>13</v>
      </c>
      <c r="GX34" s="82">
        <v>4</v>
      </c>
      <c r="GY34" s="82">
        <v>4</v>
      </c>
      <c r="GZ34" s="82">
        <v>2</v>
      </c>
      <c r="HA34" s="84">
        <v>37</v>
      </c>
      <c r="HB34" s="85">
        <v>49</v>
      </c>
      <c r="HC34" s="70">
        <v>0</v>
      </c>
      <c r="HD34" s="71">
        <v>0</v>
      </c>
      <c r="HE34" s="72">
        <v>0</v>
      </c>
      <c r="HF34" s="241"/>
      <c r="HG34" s="71">
        <v>0</v>
      </c>
      <c r="HH34" s="71">
        <v>0</v>
      </c>
      <c r="HI34" s="71">
        <v>0</v>
      </c>
      <c r="HJ34" s="71">
        <v>0</v>
      </c>
      <c r="HK34" s="71">
        <v>0</v>
      </c>
      <c r="HL34" s="72">
        <v>0</v>
      </c>
      <c r="HM34" s="73">
        <v>0</v>
      </c>
      <c r="HN34" s="70">
        <v>0</v>
      </c>
      <c r="HO34" s="71">
        <v>1</v>
      </c>
      <c r="HP34" s="72">
        <v>1</v>
      </c>
      <c r="HQ34" s="241"/>
      <c r="HR34" s="71">
        <v>0</v>
      </c>
      <c r="HS34" s="71">
        <v>0</v>
      </c>
      <c r="HT34" s="71">
        <v>0</v>
      </c>
      <c r="HU34" s="71">
        <v>0</v>
      </c>
      <c r="HV34" s="71">
        <v>0</v>
      </c>
      <c r="HW34" s="72">
        <v>0</v>
      </c>
      <c r="HX34" s="73">
        <v>1</v>
      </c>
      <c r="HY34" s="70">
        <v>0</v>
      </c>
      <c r="HZ34" s="71">
        <v>1</v>
      </c>
      <c r="IA34" s="72">
        <v>1</v>
      </c>
      <c r="IB34" s="244"/>
      <c r="IC34" s="71">
        <v>0</v>
      </c>
      <c r="ID34" s="71">
        <v>0</v>
      </c>
      <c r="IE34" s="71">
        <v>0</v>
      </c>
      <c r="IF34" s="71">
        <v>1</v>
      </c>
      <c r="IG34" s="71">
        <v>0</v>
      </c>
      <c r="IH34" s="72">
        <v>1</v>
      </c>
      <c r="II34" s="73">
        <v>2</v>
      </c>
      <c r="IJ34" s="70">
        <v>1</v>
      </c>
      <c r="IK34" s="71">
        <v>1</v>
      </c>
      <c r="IL34" s="72">
        <v>2</v>
      </c>
      <c r="IM34" s="244"/>
      <c r="IN34" s="71">
        <v>6</v>
      </c>
      <c r="IO34" s="71">
        <v>3</v>
      </c>
      <c r="IP34" s="71">
        <v>1</v>
      </c>
      <c r="IQ34" s="71">
        <v>0</v>
      </c>
      <c r="IR34" s="71">
        <v>0</v>
      </c>
      <c r="IS34" s="72">
        <v>10</v>
      </c>
      <c r="IT34" s="73">
        <v>12</v>
      </c>
      <c r="IU34" s="70">
        <v>1</v>
      </c>
      <c r="IV34" s="71">
        <v>2</v>
      </c>
      <c r="IW34" s="72">
        <v>3</v>
      </c>
      <c r="IX34" s="244"/>
      <c r="IY34" s="71">
        <v>2</v>
      </c>
      <c r="IZ34" s="71">
        <v>5</v>
      </c>
      <c r="JA34" s="71">
        <v>0</v>
      </c>
      <c r="JB34" s="71">
        <v>0</v>
      </c>
      <c r="JC34" s="71">
        <v>0</v>
      </c>
      <c r="JD34" s="72">
        <v>7</v>
      </c>
      <c r="JE34" s="73">
        <v>10</v>
      </c>
      <c r="JF34" s="70">
        <v>3</v>
      </c>
      <c r="JG34" s="71">
        <v>2</v>
      </c>
      <c r="JH34" s="72">
        <v>5</v>
      </c>
      <c r="JI34" s="244"/>
      <c r="JJ34" s="71">
        <v>6</v>
      </c>
      <c r="JK34" s="71">
        <v>5</v>
      </c>
      <c r="JL34" s="71">
        <v>3</v>
      </c>
      <c r="JM34" s="71">
        <v>3</v>
      </c>
      <c r="JN34" s="71">
        <v>2</v>
      </c>
      <c r="JO34" s="72">
        <v>19</v>
      </c>
      <c r="JP34" s="73">
        <v>24</v>
      </c>
      <c r="JQ34" s="70">
        <v>0</v>
      </c>
      <c r="JR34" s="71">
        <v>0</v>
      </c>
      <c r="JS34" s="72">
        <v>0</v>
      </c>
      <c r="JT34" s="244"/>
      <c r="JU34" s="71">
        <v>0</v>
      </c>
      <c r="JV34" s="71">
        <v>0</v>
      </c>
      <c r="JW34" s="71">
        <v>0</v>
      </c>
      <c r="JX34" s="71">
        <v>0</v>
      </c>
      <c r="JY34" s="71">
        <v>0</v>
      </c>
      <c r="JZ34" s="72">
        <v>0</v>
      </c>
      <c r="KA34" s="73">
        <v>0</v>
      </c>
      <c r="KB34" s="70">
        <v>5</v>
      </c>
      <c r="KC34" s="71">
        <v>7</v>
      </c>
      <c r="KD34" s="72">
        <v>12</v>
      </c>
      <c r="KE34" s="244"/>
      <c r="KF34" s="71">
        <v>14</v>
      </c>
      <c r="KG34" s="71">
        <v>13</v>
      </c>
      <c r="KH34" s="71">
        <v>4</v>
      </c>
      <c r="KI34" s="71">
        <v>4</v>
      </c>
      <c r="KJ34" s="71">
        <v>2</v>
      </c>
      <c r="KK34" s="72">
        <v>37</v>
      </c>
      <c r="KL34" s="73">
        <v>49</v>
      </c>
    </row>
    <row r="35" spans="1:298" ht="19.5" customHeight="1" x14ac:dyDescent="0.2">
      <c r="A35" s="126" t="s">
        <v>32</v>
      </c>
      <c r="B35" s="316">
        <v>1</v>
      </c>
      <c r="C35" s="82">
        <v>4</v>
      </c>
      <c r="D35" s="83">
        <v>5</v>
      </c>
      <c r="E35" s="241"/>
      <c r="F35" s="82">
        <v>12</v>
      </c>
      <c r="G35" s="82">
        <v>10</v>
      </c>
      <c r="H35" s="82">
        <v>3</v>
      </c>
      <c r="I35" s="82">
        <v>3</v>
      </c>
      <c r="J35" s="82">
        <v>3</v>
      </c>
      <c r="K35" s="84">
        <v>31</v>
      </c>
      <c r="L35" s="85">
        <v>36</v>
      </c>
      <c r="M35" s="70">
        <v>0</v>
      </c>
      <c r="N35" s="71">
        <v>0</v>
      </c>
      <c r="O35" s="72">
        <v>0</v>
      </c>
      <c r="P35" s="241"/>
      <c r="Q35" s="71">
        <v>0</v>
      </c>
      <c r="R35" s="71">
        <v>0</v>
      </c>
      <c r="S35" s="71">
        <v>0</v>
      </c>
      <c r="T35" s="71">
        <v>0</v>
      </c>
      <c r="U35" s="71">
        <v>0</v>
      </c>
      <c r="V35" s="72">
        <v>0</v>
      </c>
      <c r="W35" s="73">
        <v>0</v>
      </c>
      <c r="X35" s="70">
        <v>0</v>
      </c>
      <c r="Y35" s="71">
        <v>0</v>
      </c>
      <c r="Z35" s="72">
        <v>0</v>
      </c>
      <c r="AA35" s="241"/>
      <c r="AB35" s="71">
        <v>0</v>
      </c>
      <c r="AC35" s="71">
        <v>0</v>
      </c>
      <c r="AD35" s="71">
        <v>0</v>
      </c>
      <c r="AE35" s="71">
        <v>0</v>
      </c>
      <c r="AF35" s="71">
        <v>0</v>
      </c>
      <c r="AG35" s="72">
        <v>0</v>
      </c>
      <c r="AH35" s="73">
        <v>0</v>
      </c>
      <c r="AI35" s="70">
        <v>1</v>
      </c>
      <c r="AJ35" s="71">
        <v>0</v>
      </c>
      <c r="AK35" s="72">
        <v>1</v>
      </c>
      <c r="AL35" s="241"/>
      <c r="AM35" s="71">
        <v>2</v>
      </c>
      <c r="AN35" s="71">
        <v>0</v>
      </c>
      <c r="AO35" s="71">
        <v>0</v>
      </c>
      <c r="AP35" s="71">
        <v>1</v>
      </c>
      <c r="AQ35" s="71">
        <v>0</v>
      </c>
      <c r="AR35" s="72">
        <v>3</v>
      </c>
      <c r="AS35" s="73">
        <v>4</v>
      </c>
      <c r="AT35" s="70">
        <v>0</v>
      </c>
      <c r="AU35" s="71">
        <v>0</v>
      </c>
      <c r="AV35" s="72">
        <v>0</v>
      </c>
      <c r="AW35" s="241"/>
      <c r="AX35" s="71">
        <v>2</v>
      </c>
      <c r="AY35" s="71">
        <v>2</v>
      </c>
      <c r="AZ35" s="71">
        <v>1</v>
      </c>
      <c r="BA35" s="71">
        <v>0</v>
      </c>
      <c r="BB35" s="71">
        <v>2</v>
      </c>
      <c r="BC35" s="72">
        <v>7</v>
      </c>
      <c r="BD35" s="73">
        <v>7</v>
      </c>
      <c r="BE35" s="70">
        <v>0</v>
      </c>
      <c r="BF35" s="71">
        <v>3</v>
      </c>
      <c r="BG35" s="72">
        <v>3</v>
      </c>
      <c r="BH35" s="241"/>
      <c r="BI35" s="71">
        <v>5</v>
      </c>
      <c r="BJ35" s="71">
        <v>4</v>
      </c>
      <c r="BK35" s="71">
        <v>1</v>
      </c>
      <c r="BL35" s="71">
        <v>1</v>
      </c>
      <c r="BM35" s="71">
        <v>1</v>
      </c>
      <c r="BN35" s="72">
        <v>12</v>
      </c>
      <c r="BO35" s="73">
        <v>15</v>
      </c>
      <c r="BP35" s="70">
        <v>0</v>
      </c>
      <c r="BQ35" s="71">
        <v>1</v>
      </c>
      <c r="BR35" s="72">
        <v>1</v>
      </c>
      <c r="BS35" s="241"/>
      <c r="BT35" s="71">
        <v>3</v>
      </c>
      <c r="BU35" s="71">
        <v>4</v>
      </c>
      <c r="BV35" s="71">
        <v>1</v>
      </c>
      <c r="BW35" s="71">
        <v>1</v>
      </c>
      <c r="BX35" s="71">
        <v>0</v>
      </c>
      <c r="BY35" s="72">
        <v>9</v>
      </c>
      <c r="BZ35" s="73">
        <v>10</v>
      </c>
      <c r="CA35" s="70">
        <v>0</v>
      </c>
      <c r="CB35" s="71">
        <v>0</v>
      </c>
      <c r="CC35" s="72">
        <v>0</v>
      </c>
      <c r="CD35" s="241"/>
      <c r="CE35" s="71">
        <v>0</v>
      </c>
      <c r="CF35" s="71">
        <v>0</v>
      </c>
      <c r="CG35" s="71">
        <v>0</v>
      </c>
      <c r="CH35" s="71">
        <v>0</v>
      </c>
      <c r="CI35" s="71">
        <v>0</v>
      </c>
      <c r="CJ35" s="72">
        <v>0</v>
      </c>
      <c r="CK35" s="73">
        <v>0</v>
      </c>
      <c r="CL35" s="70">
        <v>1</v>
      </c>
      <c r="CM35" s="71">
        <v>4</v>
      </c>
      <c r="CN35" s="72">
        <v>5</v>
      </c>
      <c r="CO35" s="241"/>
      <c r="CP35" s="71">
        <v>12</v>
      </c>
      <c r="CQ35" s="71">
        <v>10</v>
      </c>
      <c r="CR35" s="71">
        <v>3</v>
      </c>
      <c r="CS35" s="71">
        <v>3</v>
      </c>
      <c r="CT35" s="71">
        <v>3</v>
      </c>
      <c r="CU35" s="72">
        <v>31</v>
      </c>
      <c r="CV35" s="73">
        <v>36</v>
      </c>
      <c r="CW35" s="123">
        <v>0</v>
      </c>
      <c r="CX35" s="82">
        <v>0</v>
      </c>
      <c r="CY35" s="83">
        <v>0</v>
      </c>
      <c r="CZ35" s="241"/>
      <c r="DA35" s="82">
        <v>1</v>
      </c>
      <c r="DB35" s="82">
        <v>1</v>
      </c>
      <c r="DC35" s="82">
        <v>5</v>
      </c>
      <c r="DD35" s="82">
        <v>3</v>
      </c>
      <c r="DE35" s="82">
        <v>1</v>
      </c>
      <c r="DF35" s="84">
        <v>11</v>
      </c>
      <c r="DG35" s="85">
        <v>11</v>
      </c>
      <c r="DH35" s="70">
        <v>0</v>
      </c>
      <c r="DI35" s="71">
        <v>0</v>
      </c>
      <c r="DJ35" s="72">
        <v>0</v>
      </c>
      <c r="DK35" s="241"/>
      <c r="DL35" s="71">
        <v>1</v>
      </c>
      <c r="DM35" s="71">
        <v>0</v>
      </c>
      <c r="DN35" s="71">
        <v>0</v>
      </c>
      <c r="DO35" s="71">
        <v>0</v>
      </c>
      <c r="DP35" s="71">
        <v>0</v>
      </c>
      <c r="DQ35" s="72">
        <v>1</v>
      </c>
      <c r="DR35" s="73">
        <v>1</v>
      </c>
      <c r="DS35" s="70">
        <v>0</v>
      </c>
      <c r="DT35" s="71">
        <v>0</v>
      </c>
      <c r="DU35" s="72">
        <v>0</v>
      </c>
      <c r="DV35" s="241"/>
      <c r="DW35" s="71">
        <v>0</v>
      </c>
      <c r="DX35" s="71">
        <v>0</v>
      </c>
      <c r="DY35" s="71">
        <v>0</v>
      </c>
      <c r="DZ35" s="71">
        <v>0</v>
      </c>
      <c r="EA35" s="71">
        <v>0</v>
      </c>
      <c r="EB35" s="72">
        <v>0</v>
      </c>
      <c r="EC35" s="73">
        <v>0</v>
      </c>
      <c r="ED35" s="70">
        <v>0</v>
      </c>
      <c r="EE35" s="71">
        <v>0</v>
      </c>
      <c r="EF35" s="72">
        <v>0</v>
      </c>
      <c r="EG35" s="241"/>
      <c r="EH35" s="71">
        <v>0</v>
      </c>
      <c r="EI35" s="71">
        <v>0</v>
      </c>
      <c r="EJ35" s="71">
        <v>0</v>
      </c>
      <c r="EK35" s="71">
        <v>0</v>
      </c>
      <c r="EL35" s="71">
        <v>0</v>
      </c>
      <c r="EM35" s="72">
        <v>0</v>
      </c>
      <c r="EN35" s="73">
        <v>0</v>
      </c>
      <c r="EO35" s="70">
        <v>0</v>
      </c>
      <c r="EP35" s="71">
        <v>0</v>
      </c>
      <c r="EQ35" s="72">
        <v>0</v>
      </c>
      <c r="ER35" s="241"/>
      <c r="ES35" s="71">
        <v>0</v>
      </c>
      <c r="ET35" s="71">
        <v>0</v>
      </c>
      <c r="EU35" s="71">
        <v>1</v>
      </c>
      <c r="EV35" s="71">
        <v>0</v>
      </c>
      <c r="EW35" s="71">
        <v>0</v>
      </c>
      <c r="EX35" s="72">
        <v>1</v>
      </c>
      <c r="EY35" s="73">
        <v>1</v>
      </c>
      <c r="EZ35" s="70">
        <v>0</v>
      </c>
      <c r="FA35" s="71">
        <v>0</v>
      </c>
      <c r="FB35" s="72">
        <v>0</v>
      </c>
      <c r="FC35" s="241"/>
      <c r="FD35" s="71">
        <v>0</v>
      </c>
      <c r="FE35" s="71">
        <v>0</v>
      </c>
      <c r="FF35" s="71">
        <v>3</v>
      </c>
      <c r="FG35" s="71">
        <v>1</v>
      </c>
      <c r="FH35" s="71">
        <v>0</v>
      </c>
      <c r="FI35" s="72">
        <v>4</v>
      </c>
      <c r="FJ35" s="73">
        <v>4</v>
      </c>
      <c r="FK35" s="70">
        <v>0</v>
      </c>
      <c r="FL35" s="71">
        <v>0</v>
      </c>
      <c r="FM35" s="72">
        <v>0</v>
      </c>
      <c r="FN35" s="244"/>
      <c r="FO35" s="71">
        <v>0</v>
      </c>
      <c r="FP35" s="71">
        <v>1</v>
      </c>
      <c r="FQ35" s="71">
        <v>1</v>
      </c>
      <c r="FR35" s="71">
        <v>2</v>
      </c>
      <c r="FS35" s="71">
        <v>1</v>
      </c>
      <c r="FT35" s="72">
        <v>5</v>
      </c>
      <c r="FU35" s="73">
        <v>5</v>
      </c>
      <c r="FV35" s="70">
        <v>0</v>
      </c>
      <c r="FW35" s="71">
        <v>0</v>
      </c>
      <c r="FX35" s="72">
        <v>0</v>
      </c>
      <c r="FY35" s="244"/>
      <c r="FZ35" s="71">
        <v>0</v>
      </c>
      <c r="GA35" s="71">
        <v>0</v>
      </c>
      <c r="GB35" s="71">
        <v>0</v>
      </c>
      <c r="GC35" s="71">
        <v>0</v>
      </c>
      <c r="GD35" s="71">
        <v>0</v>
      </c>
      <c r="GE35" s="72">
        <v>0</v>
      </c>
      <c r="GF35" s="73">
        <v>0</v>
      </c>
      <c r="GG35" s="70">
        <v>0</v>
      </c>
      <c r="GH35" s="71">
        <v>0</v>
      </c>
      <c r="GI35" s="72">
        <v>0</v>
      </c>
      <c r="GJ35" s="241"/>
      <c r="GK35" s="71">
        <v>1</v>
      </c>
      <c r="GL35" s="71">
        <v>1</v>
      </c>
      <c r="GM35" s="71">
        <v>5</v>
      </c>
      <c r="GN35" s="71">
        <v>3</v>
      </c>
      <c r="GO35" s="71">
        <v>1</v>
      </c>
      <c r="GP35" s="72">
        <v>11</v>
      </c>
      <c r="GQ35" s="73">
        <v>11</v>
      </c>
      <c r="GR35" s="123">
        <v>1</v>
      </c>
      <c r="GS35" s="82">
        <v>4</v>
      </c>
      <c r="GT35" s="83">
        <v>5</v>
      </c>
      <c r="GU35" s="241"/>
      <c r="GV35" s="82">
        <v>13</v>
      </c>
      <c r="GW35" s="82">
        <v>11</v>
      </c>
      <c r="GX35" s="82">
        <v>8</v>
      </c>
      <c r="GY35" s="82">
        <v>6</v>
      </c>
      <c r="GZ35" s="82">
        <v>4</v>
      </c>
      <c r="HA35" s="84">
        <v>42</v>
      </c>
      <c r="HB35" s="85">
        <v>47</v>
      </c>
      <c r="HC35" s="70">
        <v>0</v>
      </c>
      <c r="HD35" s="71">
        <v>0</v>
      </c>
      <c r="HE35" s="72">
        <v>0</v>
      </c>
      <c r="HF35" s="241"/>
      <c r="HG35" s="71">
        <v>1</v>
      </c>
      <c r="HH35" s="71">
        <v>0</v>
      </c>
      <c r="HI35" s="71">
        <v>0</v>
      </c>
      <c r="HJ35" s="71">
        <v>0</v>
      </c>
      <c r="HK35" s="71">
        <v>0</v>
      </c>
      <c r="HL35" s="72">
        <v>1</v>
      </c>
      <c r="HM35" s="73">
        <v>1</v>
      </c>
      <c r="HN35" s="70">
        <v>0</v>
      </c>
      <c r="HO35" s="71">
        <v>0</v>
      </c>
      <c r="HP35" s="72">
        <v>0</v>
      </c>
      <c r="HQ35" s="241"/>
      <c r="HR35" s="71">
        <v>0</v>
      </c>
      <c r="HS35" s="71">
        <v>0</v>
      </c>
      <c r="HT35" s="71">
        <v>0</v>
      </c>
      <c r="HU35" s="71">
        <v>0</v>
      </c>
      <c r="HV35" s="71">
        <v>0</v>
      </c>
      <c r="HW35" s="72">
        <v>0</v>
      </c>
      <c r="HX35" s="73">
        <v>0</v>
      </c>
      <c r="HY35" s="70">
        <v>1</v>
      </c>
      <c r="HZ35" s="71">
        <v>0</v>
      </c>
      <c r="IA35" s="72">
        <v>1</v>
      </c>
      <c r="IB35" s="244"/>
      <c r="IC35" s="71">
        <v>2</v>
      </c>
      <c r="ID35" s="71">
        <v>0</v>
      </c>
      <c r="IE35" s="71">
        <v>0</v>
      </c>
      <c r="IF35" s="71">
        <v>1</v>
      </c>
      <c r="IG35" s="71">
        <v>0</v>
      </c>
      <c r="IH35" s="72">
        <v>3</v>
      </c>
      <c r="II35" s="73">
        <v>4</v>
      </c>
      <c r="IJ35" s="70">
        <v>0</v>
      </c>
      <c r="IK35" s="71">
        <v>0</v>
      </c>
      <c r="IL35" s="72">
        <v>0</v>
      </c>
      <c r="IM35" s="244"/>
      <c r="IN35" s="71">
        <v>2</v>
      </c>
      <c r="IO35" s="71">
        <v>2</v>
      </c>
      <c r="IP35" s="71">
        <v>2</v>
      </c>
      <c r="IQ35" s="71">
        <v>0</v>
      </c>
      <c r="IR35" s="71">
        <v>2</v>
      </c>
      <c r="IS35" s="72">
        <v>8</v>
      </c>
      <c r="IT35" s="73">
        <v>8</v>
      </c>
      <c r="IU35" s="70">
        <v>0</v>
      </c>
      <c r="IV35" s="71">
        <v>3</v>
      </c>
      <c r="IW35" s="72">
        <v>3</v>
      </c>
      <c r="IX35" s="244"/>
      <c r="IY35" s="71">
        <v>5</v>
      </c>
      <c r="IZ35" s="71">
        <v>4</v>
      </c>
      <c r="JA35" s="71">
        <v>4</v>
      </c>
      <c r="JB35" s="71">
        <v>2</v>
      </c>
      <c r="JC35" s="71">
        <v>1</v>
      </c>
      <c r="JD35" s="72">
        <v>16</v>
      </c>
      <c r="JE35" s="73">
        <v>19</v>
      </c>
      <c r="JF35" s="70">
        <v>0</v>
      </c>
      <c r="JG35" s="71">
        <v>1</v>
      </c>
      <c r="JH35" s="72">
        <v>1</v>
      </c>
      <c r="JI35" s="244"/>
      <c r="JJ35" s="71">
        <v>3</v>
      </c>
      <c r="JK35" s="71">
        <v>5</v>
      </c>
      <c r="JL35" s="71">
        <v>2</v>
      </c>
      <c r="JM35" s="71">
        <v>3</v>
      </c>
      <c r="JN35" s="71">
        <v>1</v>
      </c>
      <c r="JO35" s="72">
        <v>14</v>
      </c>
      <c r="JP35" s="73">
        <v>15</v>
      </c>
      <c r="JQ35" s="70">
        <v>0</v>
      </c>
      <c r="JR35" s="71">
        <v>0</v>
      </c>
      <c r="JS35" s="72">
        <v>0</v>
      </c>
      <c r="JT35" s="244"/>
      <c r="JU35" s="71">
        <v>0</v>
      </c>
      <c r="JV35" s="71">
        <v>0</v>
      </c>
      <c r="JW35" s="71">
        <v>0</v>
      </c>
      <c r="JX35" s="71">
        <v>0</v>
      </c>
      <c r="JY35" s="71">
        <v>0</v>
      </c>
      <c r="JZ35" s="72">
        <v>0</v>
      </c>
      <c r="KA35" s="73">
        <v>0</v>
      </c>
      <c r="KB35" s="70">
        <v>1</v>
      </c>
      <c r="KC35" s="71">
        <v>4</v>
      </c>
      <c r="KD35" s="72">
        <v>5</v>
      </c>
      <c r="KE35" s="244"/>
      <c r="KF35" s="71">
        <v>13</v>
      </c>
      <c r="KG35" s="71">
        <v>11</v>
      </c>
      <c r="KH35" s="71">
        <v>8</v>
      </c>
      <c r="KI35" s="71">
        <v>6</v>
      </c>
      <c r="KJ35" s="71">
        <v>4</v>
      </c>
      <c r="KK35" s="72">
        <v>42</v>
      </c>
      <c r="KL35" s="73">
        <v>47</v>
      </c>
    </row>
    <row r="36" spans="1:298" ht="19.5" customHeight="1" x14ac:dyDescent="0.2">
      <c r="A36" s="126" t="s">
        <v>33</v>
      </c>
      <c r="B36" s="316">
        <v>5</v>
      </c>
      <c r="C36" s="82">
        <v>2</v>
      </c>
      <c r="D36" s="83">
        <v>7</v>
      </c>
      <c r="E36" s="241"/>
      <c r="F36" s="82">
        <v>8</v>
      </c>
      <c r="G36" s="82">
        <v>3</v>
      </c>
      <c r="H36" s="82">
        <v>5</v>
      </c>
      <c r="I36" s="82">
        <v>0</v>
      </c>
      <c r="J36" s="82">
        <v>4</v>
      </c>
      <c r="K36" s="84">
        <v>20</v>
      </c>
      <c r="L36" s="85">
        <v>27</v>
      </c>
      <c r="M36" s="70">
        <v>0</v>
      </c>
      <c r="N36" s="71">
        <v>0</v>
      </c>
      <c r="O36" s="72">
        <v>0</v>
      </c>
      <c r="P36" s="241"/>
      <c r="Q36" s="71">
        <v>0</v>
      </c>
      <c r="R36" s="71">
        <v>0</v>
      </c>
      <c r="S36" s="71">
        <v>2</v>
      </c>
      <c r="T36" s="71">
        <v>0</v>
      </c>
      <c r="U36" s="71">
        <v>0</v>
      </c>
      <c r="V36" s="72">
        <v>2</v>
      </c>
      <c r="W36" s="73">
        <v>2</v>
      </c>
      <c r="X36" s="70">
        <v>1</v>
      </c>
      <c r="Y36" s="71">
        <v>0</v>
      </c>
      <c r="Z36" s="72">
        <v>1</v>
      </c>
      <c r="AA36" s="241"/>
      <c r="AB36" s="71">
        <v>0</v>
      </c>
      <c r="AC36" s="71">
        <v>1</v>
      </c>
      <c r="AD36" s="71">
        <v>0</v>
      </c>
      <c r="AE36" s="71">
        <v>0</v>
      </c>
      <c r="AF36" s="71">
        <v>0</v>
      </c>
      <c r="AG36" s="72">
        <v>1</v>
      </c>
      <c r="AH36" s="73">
        <v>2</v>
      </c>
      <c r="AI36" s="70">
        <v>2</v>
      </c>
      <c r="AJ36" s="71">
        <v>0</v>
      </c>
      <c r="AK36" s="72">
        <v>2</v>
      </c>
      <c r="AL36" s="241"/>
      <c r="AM36" s="71">
        <v>1</v>
      </c>
      <c r="AN36" s="71">
        <v>0</v>
      </c>
      <c r="AO36" s="71">
        <v>0</v>
      </c>
      <c r="AP36" s="71">
        <v>0</v>
      </c>
      <c r="AQ36" s="71">
        <v>1</v>
      </c>
      <c r="AR36" s="72">
        <v>2</v>
      </c>
      <c r="AS36" s="73">
        <v>4</v>
      </c>
      <c r="AT36" s="70">
        <v>0</v>
      </c>
      <c r="AU36" s="71">
        <v>1</v>
      </c>
      <c r="AV36" s="72">
        <v>1</v>
      </c>
      <c r="AW36" s="241"/>
      <c r="AX36" s="71">
        <v>2</v>
      </c>
      <c r="AY36" s="71">
        <v>1</v>
      </c>
      <c r="AZ36" s="71">
        <v>1</v>
      </c>
      <c r="BA36" s="71">
        <v>0</v>
      </c>
      <c r="BB36" s="71">
        <v>2</v>
      </c>
      <c r="BC36" s="72">
        <v>6</v>
      </c>
      <c r="BD36" s="73">
        <v>7</v>
      </c>
      <c r="BE36" s="70">
        <v>1</v>
      </c>
      <c r="BF36" s="71">
        <v>0</v>
      </c>
      <c r="BG36" s="72">
        <v>1</v>
      </c>
      <c r="BH36" s="241"/>
      <c r="BI36" s="71">
        <v>0</v>
      </c>
      <c r="BJ36" s="71">
        <v>0</v>
      </c>
      <c r="BK36" s="71">
        <v>2</v>
      </c>
      <c r="BL36" s="71">
        <v>0</v>
      </c>
      <c r="BM36" s="71">
        <v>1</v>
      </c>
      <c r="BN36" s="72">
        <v>3</v>
      </c>
      <c r="BO36" s="73">
        <v>4</v>
      </c>
      <c r="BP36" s="70">
        <v>1</v>
      </c>
      <c r="BQ36" s="71">
        <v>1</v>
      </c>
      <c r="BR36" s="72">
        <v>2</v>
      </c>
      <c r="BS36" s="241"/>
      <c r="BT36" s="71">
        <v>5</v>
      </c>
      <c r="BU36" s="71">
        <v>1</v>
      </c>
      <c r="BV36" s="71">
        <v>0</v>
      </c>
      <c r="BW36" s="71">
        <v>0</v>
      </c>
      <c r="BX36" s="71">
        <v>0</v>
      </c>
      <c r="BY36" s="72">
        <v>6</v>
      </c>
      <c r="BZ36" s="73">
        <v>8</v>
      </c>
      <c r="CA36" s="70">
        <v>0</v>
      </c>
      <c r="CB36" s="71">
        <v>0</v>
      </c>
      <c r="CC36" s="72">
        <v>0</v>
      </c>
      <c r="CD36" s="241"/>
      <c r="CE36" s="71">
        <v>0</v>
      </c>
      <c r="CF36" s="71">
        <v>0</v>
      </c>
      <c r="CG36" s="71">
        <v>0</v>
      </c>
      <c r="CH36" s="71">
        <v>0</v>
      </c>
      <c r="CI36" s="71">
        <v>0</v>
      </c>
      <c r="CJ36" s="72">
        <v>0</v>
      </c>
      <c r="CK36" s="73">
        <v>0</v>
      </c>
      <c r="CL36" s="70">
        <v>5</v>
      </c>
      <c r="CM36" s="71">
        <v>2</v>
      </c>
      <c r="CN36" s="72">
        <v>7</v>
      </c>
      <c r="CO36" s="241"/>
      <c r="CP36" s="71">
        <v>8</v>
      </c>
      <c r="CQ36" s="71">
        <v>3</v>
      </c>
      <c r="CR36" s="71">
        <v>5</v>
      </c>
      <c r="CS36" s="71">
        <v>0</v>
      </c>
      <c r="CT36" s="71">
        <v>4</v>
      </c>
      <c r="CU36" s="72">
        <v>20</v>
      </c>
      <c r="CV36" s="73">
        <v>27</v>
      </c>
      <c r="CW36" s="123">
        <v>1</v>
      </c>
      <c r="CX36" s="82">
        <v>2</v>
      </c>
      <c r="CY36" s="83">
        <v>3</v>
      </c>
      <c r="CZ36" s="241"/>
      <c r="DA36" s="82">
        <v>0</v>
      </c>
      <c r="DB36" s="82">
        <v>0</v>
      </c>
      <c r="DC36" s="82">
        <v>0</v>
      </c>
      <c r="DD36" s="82">
        <v>1</v>
      </c>
      <c r="DE36" s="82">
        <v>0</v>
      </c>
      <c r="DF36" s="84">
        <v>1</v>
      </c>
      <c r="DG36" s="85">
        <v>4</v>
      </c>
      <c r="DH36" s="70">
        <v>0</v>
      </c>
      <c r="DI36" s="71">
        <v>0</v>
      </c>
      <c r="DJ36" s="72">
        <v>0</v>
      </c>
      <c r="DK36" s="241"/>
      <c r="DL36" s="71">
        <v>0</v>
      </c>
      <c r="DM36" s="71">
        <v>0</v>
      </c>
      <c r="DN36" s="71">
        <v>0</v>
      </c>
      <c r="DO36" s="71">
        <v>0</v>
      </c>
      <c r="DP36" s="71">
        <v>0</v>
      </c>
      <c r="DQ36" s="72">
        <v>0</v>
      </c>
      <c r="DR36" s="73">
        <v>0</v>
      </c>
      <c r="DS36" s="70">
        <v>0</v>
      </c>
      <c r="DT36" s="71">
        <v>0</v>
      </c>
      <c r="DU36" s="72">
        <v>0</v>
      </c>
      <c r="DV36" s="241"/>
      <c r="DW36" s="71">
        <v>0</v>
      </c>
      <c r="DX36" s="71">
        <v>0</v>
      </c>
      <c r="DY36" s="71">
        <v>0</v>
      </c>
      <c r="DZ36" s="71">
        <v>0</v>
      </c>
      <c r="EA36" s="71">
        <v>0</v>
      </c>
      <c r="EB36" s="72">
        <v>0</v>
      </c>
      <c r="EC36" s="73">
        <v>0</v>
      </c>
      <c r="ED36" s="70">
        <v>0</v>
      </c>
      <c r="EE36" s="71">
        <v>0</v>
      </c>
      <c r="EF36" s="72">
        <v>0</v>
      </c>
      <c r="EG36" s="241"/>
      <c r="EH36" s="71">
        <v>0</v>
      </c>
      <c r="EI36" s="71">
        <v>0</v>
      </c>
      <c r="EJ36" s="71">
        <v>0</v>
      </c>
      <c r="EK36" s="71">
        <v>0</v>
      </c>
      <c r="EL36" s="71">
        <v>0</v>
      </c>
      <c r="EM36" s="72">
        <v>0</v>
      </c>
      <c r="EN36" s="73">
        <v>0</v>
      </c>
      <c r="EO36" s="70">
        <v>0</v>
      </c>
      <c r="EP36" s="71">
        <v>0</v>
      </c>
      <c r="EQ36" s="72">
        <v>0</v>
      </c>
      <c r="ER36" s="241"/>
      <c r="ES36" s="71">
        <v>0</v>
      </c>
      <c r="ET36" s="71">
        <v>0</v>
      </c>
      <c r="EU36" s="71">
        <v>0</v>
      </c>
      <c r="EV36" s="71">
        <v>0</v>
      </c>
      <c r="EW36" s="71">
        <v>0</v>
      </c>
      <c r="EX36" s="72">
        <v>0</v>
      </c>
      <c r="EY36" s="73">
        <v>0</v>
      </c>
      <c r="EZ36" s="70">
        <v>1</v>
      </c>
      <c r="FA36" s="71">
        <v>0</v>
      </c>
      <c r="FB36" s="72">
        <v>1</v>
      </c>
      <c r="FC36" s="241"/>
      <c r="FD36" s="71">
        <v>0</v>
      </c>
      <c r="FE36" s="71">
        <v>0</v>
      </c>
      <c r="FF36" s="71">
        <v>0</v>
      </c>
      <c r="FG36" s="71">
        <v>1</v>
      </c>
      <c r="FH36" s="71">
        <v>0</v>
      </c>
      <c r="FI36" s="72">
        <v>1</v>
      </c>
      <c r="FJ36" s="73">
        <v>2</v>
      </c>
      <c r="FK36" s="70">
        <v>0</v>
      </c>
      <c r="FL36" s="71">
        <v>2</v>
      </c>
      <c r="FM36" s="72">
        <v>2</v>
      </c>
      <c r="FN36" s="244"/>
      <c r="FO36" s="71">
        <v>0</v>
      </c>
      <c r="FP36" s="71">
        <v>0</v>
      </c>
      <c r="FQ36" s="71">
        <v>0</v>
      </c>
      <c r="FR36" s="71">
        <v>0</v>
      </c>
      <c r="FS36" s="71">
        <v>0</v>
      </c>
      <c r="FT36" s="72">
        <v>0</v>
      </c>
      <c r="FU36" s="73">
        <v>2</v>
      </c>
      <c r="FV36" s="70">
        <v>0</v>
      </c>
      <c r="FW36" s="71">
        <v>0</v>
      </c>
      <c r="FX36" s="72">
        <v>0</v>
      </c>
      <c r="FY36" s="244"/>
      <c r="FZ36" s="71">
        <v>0</v>
      </c>
      <c r="GA36" s="71">
        <v>0</v>
      </c>
      <c r="GB36" s="71">
        <v>0</v>
      </c>
      <c r="GC36" s="71">
        <v>0</v>
      </c>
      <c r="GD36" s="71">
        <v>0</v>
      </c>
      <c r="GE36" s="72">
        <v>0</v>
      </c>
      <c r="GF36" s="73">
        <v>0</v>
      </c>
      <c r="GG36" s="70">
        <v>1</v>
      </c>
      <c r="GH36" s="71">
        <v>2</v>
      </c>
      <c r="GI36" s="72">
        <v>3</v>
      </c>
      <c r="GJ36" s="241"/>
      <c r="GK36" s="71">
        <v>0</v>
      </c>
      <c r="GL36" s="71">
        <v>0</v>
      </c>
      <c r="GM36" s="71">
        <v>0</v>
      </c>
      <c r="GN36" s="71">
        <v>1</v>
      </c>
      <c r="GO36" s="71">
        <v>0</v>
      </c>
      <c r="GP36" s="72">
        <v>1</v>
      </c>
      <c r="GQ36" s="73">
        <v>4</v>
      </c>
      <c r="GR36" s="123">
        <v>6</v>
      </c>
      <c r="GS36" s="82">
        <v>4</v>
      </c>
      <c r="GT36" s="83">
        <v>10</v>
      </c>
      <c r="GU36" s="241"/>
      <c r="GV36" s="82">
        <v>8</v>
      </c>
      <c r="GW36" s="82">
        <v>3</v>
      </c>
      <c r="GX36" s="82">
        <v>5</v>
      </c>
      <c r="GY36" s="82">
        <v>1</v>
      </c>
      <c r="GZ36" s="82">
        <v>4</v>
      </c>
      <c r="HA36" s="84">
        <v>21</v>
      </c>
      <c r="HB36" s="85">
        <v>31</v>
      </c>
      <c r="HC36" s="70">
        <v>0</v>
      </c>
      <c r="HD36" s="71">
        <v>0</v>
      </c>
      <c r="HE36" s="72">
        <v>0</v>
      </c>
      <c r="HF36" s="241"/>
      <c r="HG36" s="71">
        <v>0</v>
      </c>
      <c r="HH36" s="71">
        <v>0</v>
      </c>
      <c r="HI36" s="71">
        <v>2</v>
      </c>
      <c r="HJ36" s="71">
        <v>0</v>
      </c>
      <c r="HK36" s="71">
        <v>0</v>
      </c>
      <c r="HL36" s="72">
        <v>2</v>
      </c>
      <c r="HM36" s="73">
        <v>2</v>
      </c>
      <c r="HN36" s="70">
        <v>1</v>
      </c>
      <c r="HO36" s="71">
        <v>0</v>
      </c>
      <c r="HP36" s="72">
        <v>1</v>
      </c>
      <c r="HQ36" s="241"/>
      <c r="HR36" s="71">
        <v>0</v>
      </c>
      <c r="HS36" s="71">
        <v>1</v>
      </c>
      <c r="HT36" s="71">
        <v>0</v>
      </c>
      <c r="HU36" s="71">
        <v>0</v>
      </c>
      <c r="HV36" s="71">
        <v>0</v>
      </c>
      <c r="HW36" s="72">
        <v>1</v>
      </c>
      <c r="HX36" s="73">
        <v>2</v>
      </c>
      <c r="HY36" s="70">
        <v>2</v>
      </c>
      <c r="HZ36" s="71">
        <v>0</v>
      </c>
      <c r="IA36" s="72">
        <v>2</v>
      </c>
      <c r="IB36" s="244"/>
      <c r="IC36" s="71">
        <v>1</v>
      </c>
      <c r="ID36" s="71">
        <v>0</v>
      </c>
      <c r="IE36" s="71">
        <v>0</v>
      </c>
      <c r="IF36" s="71">
        <v>0</v>
      </c>
      <c r="IG36" s="71">
        <v>1</v>
      </c>
      <c r="IH36" s="72">
        <v>2</v>
      </c>
      <c r="II36" s="73">
        <v>4</v>
      </c>
      <c r="IJ36" s="70">
        <v>0</v>
      </c>
      <c r="IK36" s="71">
        <v>1</v>
      </c>
      <c r="IL36" s="72">
        <v>1</v>
      </c>
      <c r="IM36" s="244"/>
      <c r="IN36" s="71">
        <v>2</v>
      </c>
      <c r="IO36" s="71">
        <v>1</v>
      </c>
      <c r="IP36" s="71">
        <v>1</v>
      </c>
      <c r="IQ36" s="71">
        <v>0</v>
      </c>
      <c r="IR36" s="71">
        <v>2</v>
      </c>
      <c r="IS36" s="72">
        <v>6</v>
      </c>
      <c r="IT36" s="73">
        <v>7</v>
      </c>
      <c r="IU36" s="70">
        <v>2</v>
      </c>
      <c r="IV36" s="71">
        <v>0</v>
      </c>
      <c r="IW36" s="72">
        <v>2</v>
      </c>
      <c r="IX36" s="244"/>
      <c r="IY36" s="71">
        <v>0</v>
      </c>
      <c r="IZ36" s="71">
        <v>0</v>
      </c>
      <c r="JA36" s="71">
        <v>2</v>
      </c>
      <c r="JB36" s="71">
        <v>1</v>
      </c>
      <c r="JC36" s="71">
        <v>1</v>
      </c>
      <c r="JD36" s="72">
        <v>4</v>
      </c>
      <c r="JE36" s="73">
        <v>6</v>
      </c>
      <c r="JF36" s="70">
        <v>1</v>
      </c>
      <c r="JG36" s="71">
        <v>3</v>
      </c>
      <c r="JH36" s="72">
        <v>4</v>
      </c>
      <c r="JI36" s="244"/>
      <c r="JJ36" s="71">
        <v>5</v>
      </c>
      <c r="JK36" s="71">
        <v>1</v>
      </c>
      <c r="JL36" s="71">
        <v>0</v>
      </c>
      <c r="JM36" s="71">
        <v>0</v>
      </c>
      <c r="JN36" s="71">
        <v>0</v>
      </c>
      <c r="JO36" s="72">
        <v>6</v>
      </c>
      <c r="JP36" s="73">
        <v>10</v>
      </c>
      <c r="JQ36" s="70">
        <v>0</v>
      </c>
      <c r="JR36" s="71">
        <v>0</v>
      </c>
      <c r="JS36" s="72">
        <v>0</v>
      </c>
      <c r="JT36" s="244"/>
      <c r="JU36" s="71">
        <v>0</v>
      </c>
      <c r="JV36" s="71">
        <v>0</v>
      </c>
      <c r="JW36" s="71">
        <v>0</v>
      </c>
      <c r="JX36" s="71">
        <v>0</v>
      </c>
      <c r="JY36" s="71">
        <v>0</v>
      </c>
      <c r="JZ36" s="72">
        <v>0</v>
      </c>
      <c r="KA36" s="73">
        <v>0</v>
      </c>
      <c r="KB36" s="70">
        <v>6</v>
      </c>
      <c r="KC36" s="71">
        <v>4</v>
      </c>
      <c r="KD36" s="72">
        <v>10</v>
      </c>
      <c r="KE36" s="244"/>
      <c r="KF36" s="71">
        <v>8</v>
      </c>
      <c r="KG36" s="71">
        <v>3</v>
      </c>
      <c r="KH36" s="71">
        <v>5</v>
      </c>
      <c r="KI36" s="71">
        <v>1</v>
      </c>
      <c r="KJ36" s="71">
        <v>4</v>
      </c>
      <c r="KK36" s="72">
        <v>21</v>
      </c>
      <c r="KL36" s="73">
        <v>31</v>
      </c>
    </row>
    <row r="37" spans="1:298" ht="19.5" customHeight="1" x14ac:dyDescent="0.2">
      <c r="A37" s="126" t="s">
        <v>34</v>
      </c>
      <c r="B37" s="316">
        <v>3</v>
      </c>
      <c r="C37" s="82">
        <v>2</v>
      </c>
      <c r="D37" s="83">
        <v>5</v>
      </c>
      <c r="E37" s="241"/>
      <c r="F37" s="82">
        <v>7</v>
      </c>
      <c r="G37" s="82">
        <v>3</v>
      </c>
      <c r="H37" s="82">
        <v>5</v>
      </c>
      <c r="I37" s="82">
        <v>0</v>
      </c>
      <c r="J37" s="82">
        <v>1</v>
      </c>
      <c r="K37" s="84">
        <v>16</v>
      </c>
      <c r="L37" s="85">
        <v>21</v>
      </c>
      <c r="M37" s="70">
        <v>0</v>
      </c>
      <c r="N37" s="71">
        <v>0</v>
      </c>
      <c r="O37" s="72">
        <v>0</v>
      </c>
      <c r="P37" s="241"/>
      <c r="Q37" s="71">
        <v>1</v>
      </c>
      <c r="R37" s="71">
        <v>1</v>
      </c>
      <c r="S37" s="71">
        <v>0</v>
      </c>
      <c r="T37" s="71">
        <v>0</v>
      </c>
      <c r="U37" s="71">
        <v>0</v>
      </c>
      <c r="V37" s="72">
        <v>2</v>
      </c>
      <c r="W37" s="73">
        <v>2</v>
      </c>
      <c r="X37" s="70">
        <v>0</v>
      </c>
      <c r="Y37" s="71">
        <v>0</v>
      </c>
      <c r="Z37" s="72">
        <v>0</v>
      </c>
      <c r="AA37" s="241"/>
      <c r="AB37" s="71">
        <v>0</v>
      </c>
      <c r="AC37" s="71">
        <v>0</v>
      </c>
      <c r="AD37" s="71">
        <v>0</v>
      </c>
      <c r="AE37" s="71">
        <v>0</v>
      </c>
      <c r="AF37" s="71">
        <v>0</v>
      </c>
      <c r="AG37" s="72">
        <v>0</v>
      </c>
      <c r="AH37" s="73">
        <v>0</v>
      </c>
      <c r="AI37" s="70">
        <v>0</v>
      </c>
      <c r="AJ37" s="71">
        <v>0</v>
      </c>
      <c r="AK37" s="72">
        <v>0</v>
      </c>
      <c r="AL37" s="241"/>
      <c r="AM37" s="71">
        <v>0</v>
      </c>
      <c r="AN37" s="71">
        <v>0</v>
      </c>
      <c r="AO37" s="71">
        <v>0</v>
      </c>
      <c r="AP37" s="71">
        <v>0</v>
      </c>
      <c r="AQ37" s="71">
        <v>0</v>
      </c>
      <c r="AR37" s="72">
        <v>0</v>
      </c>
      <c r="AS37" s="73">
        <v>0</v>
      </c>
      <c r="AT37" s="70">
        <v>1</v>
      </c>
      <c r="AU37" s="71">
        <v>2</v>
      </c>
      <c r="AV37" s="72">
        <v>3</v>
      </c>
      <c r="AW37" s="241"/>
      <c r="AX37" s="71">
        <v>1</v>
      </c>
      <c r="AY37" s="71">
        <v>0</v>
      </c>
      <c r="AZ37" s="71">
        <v>2</v>
      </c>
      <c r="BA37" s="71">
        <v>0</v>
      </c>
      <c r="BB37" s="71">
        <v>0</v>
      </c>
      <c r="BC37" s="72">
        <v>3</v>
      </c>
      <c r="BD37" s="73">
        <v>6</v>
      </c>
      <c r="BE37" s="70">
        <v>1</v>
      </c>
      <c r="BF37" s="71">
        <v>0</v>
      </c>
      <c r="BG37" s="72">
        <v>1</v>
      </c>
      <c r="BH37" s="241"/>
      <c r="BI37" s="71">
        <v>3</v>
      </c>
      <c r="BJ37" s="71">
        <v>1</v>
      </c>
      <c r="BK37" s="71">
        <v>2</v>
      </c>
      <c r="BL37" s="71">
        <v>0</v>
      </c>
      <c r="BM37" s="71">
        <v>0</v>
      </c>
      <c r="BN37" s="72">
        <v>6</v>
      </c>
      <c r="BO37" s="73">
        <v>7</v>
      </c>
      <c r="BP37" s="70">
        <v>1</v>
      </c>
      <c r="BQ37" s="71">
        <v>0</v>
      </c>
      <c r="BR37" s="72">
        <v>1</v>
      </c>
      <c r="BS37" s="241"/>
      <c r="BT37" s="71">
        <v>2</v>
      </c>
      <c r="BU37" s="71">
        <v>1</v>
      </c>
      <c r="BV37" s="71">
        <v>1</v>
      </c>
      <c r="BW37" s="71">
        <v>0</v>
      </c>
      <c r="BX37" s="71">
        <v>1</v>
      </c>
      <c r="BY37" s="72">
        <v>5</v>
      </c>
      <c r="BZ37" s="73">
        <v>6</v>
      </c>
      <c r="CA37" s="70">
        <v>0</v>
      </c>
      <c r="CB37" s="71">
        <v>0</v>
      </c>
      <c r="CC37" s="72">
        <v>0</v>
      </c>
      <c r="CD37" s="241"/>
      <c r="CE37" s="71">
        <v>0</v>
      </c>
      <c r="CF37" s="71">
        <v>0</v>
      </c>
      <c r="CG37" s="71">
        <v>0</v>
      </c>
      <c r="CH37" s="71">
        <v>0</v>
      </c>
      <c r="CI37" s="71">
        <v>0</v>
      </c>
      <c r="CJ37" s="72">
        <v>0</v>
      </c>
      <c r="CK37" s="73">
        <v>0</v>
      </c>
      <c r="CL37" s="70">
        <v>3</v>
      </c>
      <c r="CM37" s="71">
        <v>2</v>
      </c>
      <c r="CN37" s="72">
        <v>5</v>
      </c>
      <c r="CO37" s="241"/>
      <c r="CP37" s="71">
        <v>7</v>
      </c>
      <c r="CQ37" s="71">
        <v>3</v>
      </c>
      <c r="CR37" s="71">
        <v>5</v>
      </c>
      <c r="CS37" s="71">
        <v>0</v>
      </c>
      <c r="CT37" s="71">
        <v>1</v>
      </c>
      <c r="CU37" s="72">
        <v>16</v>
      </c>
      <c r="CV37" s="73">
        <v>21</v>
      </c>
      <c r="CW37" s="123">
        <v>0</v>
      </c>
      <c r="CX37" s="82">
        <v>0</v>
      </c>
      <c r="CY37" s="83">
        <v>0</v>
      </c>
      <c r="CZ37" s="241"/>
      <c r="DA37" s="82">
        <v>0</v>
      </c>
      <c r="DB37" s="82">
        <v>1</v>
      </c>
      <c r="DC37" s="82">
        <v>0</v>
      </c>
      <c r="DD37" s="82">
        <v>0</v>
      </c>
      <c r="DE37" s="82">
        <v>1</v>
      </c>
      <c r="DF37" s="84">
        <v>2</v>
      </c>
      <c r="DG37" s="85">
        <v>2</v>
      </c>
      <c r="DH37" s="70">
        <v>0</v>
      </c>
      <c r="DI37" s="71">
        <v>0</v>
      </c>
      <c r="DJ37" s="72">
        <v>0</v>
      </c>
      <c r="DK37" s="241"/>
      <c r="DL37" s="71">
        <v>0</v>
      </c>
      <c r="DM37" s="71">
        <v>0</v>
      </c>
      <c r="DN37" s="71">
        <v>0</v>
      </c>
      <c r="DO37" s="71">
        <v>0</v>
      </c>
      <c r="DP37" s="71">
        <v>0</v>
      </c>
      <c r="DQ37" s="72">
        <v>0</v>
      </c>
      <c r="DR37" s="73">
        <v>0</v>
      </c>
      <c r="DS37" s="70">
        <v>0</v>
      </c>
      <c r="DT37" s="71">
        <v>0</v>
      </c>
      <c r="DU37" s="72">
        <v>0</v>
      </c>
      <c r="DV37" s="241"/>
      <c r="DW37" s="71">
        <v>0</v>
      </c>
      <c r="DX37" s="71">
        <v>0</v>
      </c>
      <c r="DY37" s="71">
        <v>0</v>
      </c>
      <c r="DZ37" s="71">
        <v>0</v>
      </c>
      <c r="EA37" s="71">
        <v>0</v>
      </c>
      <c r="EB37" s="72">
        <v>0</v>
      </c>
      <c r="EC37" s="73">
        <v>0</v>
      </c>
      <c r="ED37" s="70">
        <v>0</v>
      </c>
      <c r="EE37" s="71">
        <v>0</v>
      </c>
      <c r="EF37" s="72">
        <v>0</v>
      </c>
      <c r="EG37" s="241"/>
      <c r="EH37" s="71">
        <v>0</v>
      </c>
      <c r="EI37" s="71">
        <v>0</v>
      </c>
      <c r="EJ37" s="71">
        <v>0</v>
      </c>
      <c r="EK37" s="71">
        <v>0</v>
      </c>
      <c r="EL37" s="71">
        <v>0</v>
      </c>
      <c r="EM37" s="72">
        <v>0</v>
      </c>
      <c r="EN37" s="73">
        <v>0</v>
      </c>
      <c r="EO37" s="70">
        <v>0</v>
      </c>
      <c r="EP37" s="71">
        <v>0</v>
      </c>
      <c r="EQ37" s="72">
        <v>0</v>
      </c>
      <c r="ER37" s="241"/>
      <c r="ES37" s="71">
        <v>0</v>
      </c>
      <c r="ET37" s="71">
        <v>0</v>
      </c>
      <c r="EU37" s="71">
        <v>0</v>
      </c>
      <c r="EV37" s="71">
        <v>0</v>
      </c>
      <c r="EW37" s="71">
        <v>0</v>
      </c>
      <c r="EX37" s="72">
        <v>0</v>
      </c>
      <c r="EY37" s="73">
        <v>0</v>
      </c>
      <c r="EZ37" s="70">
        <v>0</v>
      </c>
      <c r="FA37" s="71">
        <v>0</v>
      </c>
      <c r="FB37" s="72">
        <v>0</v>
      </c>
      <c r="FC37" s="241"/>
      <c r="FD37" s="71">
        <v>0</v>
      </c>
      <c r="FE37" s="71">
        <v>0</v>
      </c>
      <c r="FF37" s="71">
        <v>0</v>
      </c>
      <c r="FG37" s="71">
        <v>0</v>
      </c>
      <c r="FH37" s="71">
        <v>0</v>
      </c>
      <c r="FI37" s="72">
        <v>0</v>
      </c>
      <c r="FJ37" s="73">
        <v>0</v>
      </c>
      <c r="FK37" s="70">
        <v>0</v>
      </c>
      <c r="FL37" s="71">
        <v>0</v>
      </c>
      <c r="FM37" s="72">
        <v>0</v>
      </c>
      <c r="FN37" s="244"/>
      <c r="FO37" s="71">
        <v>0</v>
      </c>
      <c r="FP37" s="71">
        <v>1</v>
      </c>
      <c r="FQ37" s="71">
        <v>0</v>
      </c>
      <c r="FR37" s="71">
        <v>0</v>
      </c>
      <c r="FS37" s="71">
        <v>1</v>
      </c>
      <c r="FT37" s="72">
        <v>2</v>
      </c>
      <c r="FU37" s="73">
        <v>2</v>
      </c>
      <c r="FV37" s="70">
        <v>0</v>
      </c>
      <c r="FW37" s="71">
        <v>0</v>
      </c>
      <c r="FX37" s="72">
        <v>0</v>
      </c>
      <c r="FY37" s="244"/>
      <c r="FZ37" s="71">
        <v>0</v>
      </c>
      <c r="GA37" s="71">
        <v>0</v>
      </c>
      <c r="GB37" s="71">
        <v>0</v>
      </c>
      <c r="GC37" s="71">
        <v>0</v>
      </c>
      <c r="GD37" s="71">
        <v>0</v>
      </c>
      <c r="GE37" s="72">
        <v>0</v>
      </c>
      <c r="GF37" s="73">
        <v>0</v>
      </c>
      <c r="GG37" s="70">
        <v>0</v>
      </c>
      <c r="GH37" s="71">
        <v>0</v>
      </c>
      <c r="GI37" s="72">
        <v>0</v>
      </c>
      <c r="GJ37" s="241"/>
      <c r="GK37" s="71">
        <v>0</v>
      </c>
      <c r="GL37" s="71">
        <v>1</v>
      </c>
      <c r="GM37" s="71">
        <v>0</v>
      </c>
      <c r="GN37" s="71">
        <v>0</v>
      </c>
      <c r="GO37" s="71">
        <v>1</v>
      </c>
      <c r="GP37" s="72">
        <v>2</v>
      </c>
      <c r="GQ37" s="73">
        <v>2</v>
      </c>
      <c r="GR37" s="123">
        <v>3</v>
      </c>
      <c r="GS37" s="82">
        <v>2</v>
      </c>
      <c r="GT37" s="83">
        <v>5</v>
      </c>
      <c r="GU37" s="241"/>
      <c r="GV37" s="82">
        <v>7</v>
      </c>
      <c r="GW37" s="82">
        <v>4</v>
      </c>
      <c r="GX37" s="82">
        <v>5</v>
      </c>
      <c r="GY37" s="82">
        <v>0</v>
      </c>
      <c r="GZ37" s="82">
        <v>2</v>
      </c>
      <c r="HA37" s="84">
        <v>18</v>
      </c>
      <c r="HB37" s="85">
        <v>23</v>
      </c>
      <c r="HC37" s="70">
        <v>0</v>
      </c>
      <c r="HD37" s="71">
        <v>0</v>
      </c>
      <c r="HE37" s="72">
        <v>0</v>
      </c>
      <c r="HF37" s="241"/>
      <c r="HG37" s="71">
        <v>1</v>
      </c>
      <c r="HH37" s="71">
        <v>1</v>
      </c>
      <c r="HI37" s="71">
        <v>0</v>
      </c>
      <c r="HJ37" s="71">
        <v>0</v>
      </c>
      <c r="HK37" s="71">
        <v>0</v>
      </c>
      <c r="HL37" s="72">
        <v>2</v>
      </c>
      <c r="HM37" s="73">
        <v>2</v>
      </c>
      <c r="HN37" s="70">
        <v>0</v>
      </c>
      <c r="HO37" s="71">
        <v>0</v>
      </c>
      <c r="HP37" s="72">
        <v>0</v>
      </c>
      <c r="HQ37" s="241"/>
      <c r="HR37" s="71">
        <v>0</v>
      </c>
      <c r="HS37" s="71">
        <v>0</v>
      </c>
      <c r="HT37" s="71">
        <v>0</v>
      </c>
      <c r="HU37" s="71">
        <v>0</v>
      </c>
      <c r="HV37" s="71">
        <v>0</v>
      </c>
      <c r="HW37" s="72">
        <v>0</v>
      </c>
      <c r="HX37" s="73">
        <v>0</v>
      </c>
      <c r="HY37" s="70">
        <v>0</v>
      </c>
      <c r="HZ37" s="71">
        <v>0</v>
      </c>
      <c r="IA37" s="72">
        <v>0</v>
      </c>
      <c r="IB37" s="244"/>
      <c r="IC37" s="71">
        <v>0</v>
      </c>
      <c r="ID37" s="71">
        <v>0</v>
      </c>
      <c r="IE37" s="71">
        <v>0</v>
      </c>
      <c r="IF37" s="71">
        <v>0</v>
      </c>
      <c r="IG37" s="71">
        <v>0</v>
      </c>
      <c r="IH37" s="72">
        <v>0</v>
      </c>
      <c r="II37" s="73">
        <v>0</v>
      </c>
      <c r="IJ37" s="70">
        <v>1</v>
      </c>
      <c r="IK37" s="71">
        <v>2</v>
      </c>
      <c r="IL37" s="72">
        <v>3</v>
      </c>
      <c r="IM37" s="244"/>
      <c r="IN37" s="71">
        <v>1</v>
      </c>
      <c r="IO37" s="71">
        <v>0</v>
      </c>
      <c r="IP37" s="71">
        <v>2</v>
      </c>
      <c r="IQ37" s="71">
        <v>0</v>
      </c>
      <c r="IR37" s="71">
        <v>0</v>
      </c>
      <c r="IS37" s="72">
        <v>3</v>
      </c>
      <c r="IT37" s="73">
        <v>6</v>
      </c>
      <c r="IU37" s="70">
        <v>1</v>
      </c>
      <c r="IV37" s="71">
        <v>0</v>
      </c>
      <c r="IW37" s="72">
        <v>1</v>
      </c>
      <c r="IX37" s="244"/>
      <c r="IY37" s="71">
        <v>3</v>
      </c>
      <c r="IZ37" s="71">
        <v>1</v>
      </c>
      <c r="JA37" s="71">
        <v>2</v>
      </c>
      <c r="JB37" s="71">
        <v>0</v>
      </c>
      <c r="JC37" s="71">
        <v>0</v>
      </c>
      <c r="JD37" s="72">
        <v>6</v>
      </c>
      <c r="JE37" s="73">
        <v>7</v>
      </c>
      <c r="JF37" s="70">
        <v>1</v>
      </c>
      <c r="JG37" s="71">
        <v>0</v>
      </c>
      <c r="JH37" s="72">
        <v>1</v>
      </c>
      <c r="JI37" s="244"/>
      <c r="JJ37" s="71">
        <v>2</v>
      </c>
      <c r="JK37" s="71">
        <v>2</v>
      </c>
      <c r="JL37" s="71">
        <v>1</v>
      </c>
      <c r="JM37" s="71">
        <v>0</v>
      </c>
      <c r="JN37" s="71">
        <v>2</v>
      </c>
      <c r="JO37" s="72">
        <v>7</v>
      </c>
      <c r="JP37" s="73">
        <v>8</v>
      </c>
      <c r="JQ37" s="70">
        <v>0</v>
      </c>
      <c r="JR37" s="71">
        <v>0</v>
      </c>
      <c r="JS37" s="72">
        <v>0</v>
      </c>
      <c r="JT37" s="244"/>
      <c r="JU37" s="71">
        <v>0</v>
      </c>
      <c r="JV37" s="71">
        <v>0</v>
      </c>
      <c r="JW37" s="71">
        <v>0</v>
      </c>
      <c r="JX37" s="71">
        <v>0</v>
      </c>
      <c r="JY37" s="71">
        <v>0</v>
      </c>
      <c r="JZ37" s="72">
        <v>0</v>
      </c>
      <c r="KA37" s="73">
        <v>0</v>
      </c>
      <c r="KB37" s="70">
        <v>3</v>
      </c>
      <c r="KC37" s="71">
        <v>2</v>
      </c>
      <c r="KD37" s="72">
        <v>5</v>
      </c>
      <c r="KE37" s="244"/>
      <c r="KF37" s="71">
        <v>7</v>
      </c>
      <c r="KG37" s="71">
        <v>4</v>
      </c>
      <c r="KH37" s="71">
        <v>5</v>
      </c>
      <c r="KI37" s="71">
        <v>0</v>
      </c>
      <c r="KJ37" s="71">
        <v>2</v>
      </c>
      <c r="KK37" s="72">
        <v>18</v>
      </c>
      <c r="KL37" s="73">
        <v>23</v>
      </c>
    </row>
    <row r="38" spans="1:298" ht="19.5" customHeight="1" x14ac:dyDescent="0.2">
      <c r="A38" s="126" t="s">
        <v>35</v>
      </c>
      <c r="B38" s="316">
        <v>11</v>
      </c>
      <c r="C38" s="82">
        <v>5</v>
      </c>
      <c r="D38" s="83">
        <v>16</v>
      </c>
      <c r="E38" s="241"/>
      <c r="F38" s="82">
        <v>19</v>
      </c>
      <c r="G38" s="82">
        <v>10</v>
      </c>
      <c r="H38" s="82">
        <v>6</v>
      </c>
      <c r="I38" s="82">
        <v>4</v>
      </c>
      <c r="J38" s="82">
        <v>2</v>
      </c>
      <c r="K38" s="84">
        <v>41</v>
      </c>
      <c r="L38" s="85">
        <v>57</v>
      </c>
      <c r="M38" s="70">
        <v>0</v>
      </c>
      <c r="N38" s="71">
        <v>0</v>
      </c>
      <c r="O38" s="72">
        <v>0</v>
      </c>
      <c r="P38" s="241"/>
      <c r="Q38" s="71">
        <v>0</v>
      </c>
      <c r="R38" s="71">
        <v>0</v>
      </c>
      <c r="S38" s="71">
        <v>0</v>
      </c>
      <c r="T38" s="71">
        <v>0</v>
      </c>
      <c r="U38" s="71">
        <v>0</v>
      </c>
      <c r="V38" s="72">
        <v>0</v>
      </c>
      <c r="W38" s="73">
        <v>0</v>
      </c>
      <c r="X38" s="70">
        <v>1</v>
      </c>
      <c r="Y38" s="71">
        <v>1</v>
      </c>
      <c r="Z38" s="72">
        <v>2</v>
      </c>
      <c r="AA38" s="241"/>
      <c r="AB38" s="71">
        <v>0</v>
      </c>
      <c r="AC38" s="71">
        <v>0</v>
      </c>
      <c r="AD38" s="71">
        <v>0</v>
      </c>
      <c r="AE38" s="71">
        <v>0</v>
      </c>
      <c r="AF38" s="71">
        <v>0</v>
      </c>
      <c r="AG38" s="72">
        <v>0</v>
      </c>
      <c r="AH38" s="73">
        <v>2</v>
      </c>
      <c r="AI38" s="70">
        <v>0</v>
      </c>
      <c r="AJ38" s="71">
        <v>1</v>
      </c>
      <c r="AK38" s="72">
        <v>1</v>
      </c>
      <c r="AL38" s="241"/>
      <c r="AM38" s="71">
        <v>3</v>
      </c>
      <c r="AN38" s="71">
        <v>1</v>
      </c>
      <c r="AO38" s="71">
        <v>0</v>
      </c>
      <c r="AP38" s="71">
        <v>1</v>
      </c>
      <c r="AQ38" s="71">
        <v>0</v>
      </c>
      <c r="AR38" s="72">
        <v>5</v>
      </c>
      <c r="AS38" s="73">
        <v>6</v>
      </c>
      <c r="AT38" s="70">
        <v>3</v>
      </c>
      <c r="AU38" s="71">
        <v>1</v>
      </c>
      <c r="AV38" s="72">
        <v>4</v>
      </c>
      <c r="AW38" s="241"/>
      <c r="AX38" s="71">
        <v>5</v>
      </c>
      <c r="AY38" s="71">
        <v>2</v>
      </c>
      <c r="AZ38" s="71">
        <v>2</v>
      </c>
      <c r="BA38" s="71">
        <v>1</v>
      </c>
      <c r="BB38" s="71">
        <v>0</v>
      </c>
      <c r="BC38" s="72">
        <v>10</v>
      </c>
      <c r="BD38" s="73">
        <v>14</v>
      </c>
      <c r="BE38" s="70">
        <v>3</v>
      </c>
      <c r="BF38" s="71">
        <v>1</v>
      </c>
      <c r="BG38" s="72">
        <v>4</v>
      </c>
      <c r="BH38" s="241"/>
      <c r="BI38" s="71">
        <v>5</v>
      </c>
      <c r="BJ38" s="71">
        <v>2</v>
      </c>
      <c r="BK38" s="71">
        <v>2</v>
      </c>
      <c r="BL38" s="71">
        <v>0</v>
      </c>
      <c r="BM38" s="71">
        <v>1</v>
      </c>
      <c r="BN38" s="72">
        <v>10</v>
      </c>
      <c r="BO38" s="73">
        <v>14</v>
      </c>
      <c r="BP38" s="70">
        <v>4</v>
      </c>
      <c r="BQ38" s="71">
        <v>1</v>
      </c>
      <c r="BR38" s="72">
        <v>5</v>
      </c>
      <c r="BS38" s="241"/>
      <c r="BT38" s="71">
        <v>6</v>
      </c>
      <c r="BU38" s="71">
        <v>5</v>
      </c>
      <c r="BV38" s="71">
        <v>2</v>
      </c>
      <c r="BW38" s="71">
        <v>2</v>
      </c>
      <c r="BX38" s="71">
        <v>1</v>
      </c>
      <c r="BY38" s="72">
        <v>16</v>
      </c>
      <c r="BZ38" s="73">
        <v>21</v>
      </c>
      <c r="CA38" s="70">
        <v>0</v>
      </c>
      <c r="CB38" s="71">
        <v>0</v>
      </c>
      <c r="CC38" s="72">
        <v>0</v>
      </c>
      <c r="CD38" s="241"/>
      <c r="CE38" s="71">
        <v>0</v>
      </c>
      <c r="CF38" s="71">
        <v>0</v>
      </c>
      <c r="CG38" s="71">
        <v>0</v>
      </c>
      <c r="CH38" s="71">
        <v>0</v>
      </c>
      <c r="CI38" s="71">
        <v>0</v>
      </c>
      <c r="CJ38" s="72">
        <v>0</v>
      </c>
      <c r="CK38" s="73">
        <v>0</v>
      </c>
      <c r="CL38" s="70">
        <v>11</v>
      </c>
      <c r="CM38" s="71">
        <v>5</v>
      </c>
      <c r="CN38" s="72">
        <v>16</v>
      </c>
      <c r="CO38" s="241"/>
      <c r="CP38" s="71">
        <v>19</v>
      </c>
      <c r="CQ38" s="71">
        <v>10</v>
      </c>
      <c r="CR38" s="71">
        <v>6</v>
      </c>
      <c r="CS38" s="71">
        <v>4</v>
      </c>
      <c r="CT38" s="71">
        <v>2</v>
      </c>
      <c r="CU38" s="72">
        <v>41</v>
      </c>
      <c r="CV38" s="73">
        <v>57</v>
      </c>
      <c r="CW38" s="123">
        <v>2</v>
      </c>
      <c r="CX38" s="82">
        <v>1</v>
      </c>
      <c r="CY38" s="83">
        <v>3</v>
      </c>
      <c r="CZ38" s="241"/>
      <c r="DA38" s="82">
        <v>5</v>
      </c>
      <c r="DB38" s="82">
        <v>4</v>
      </c>
      <c r="DC38" s="82">
        <v>0</v>
      </c>
      <c r="DD38" s="82">
        <v>5</v>
      </c>
      <c r="DE38" s="82">
        <v>0</v>
      </c>
      <c r="DF38" s="84">
        <v>14</v>
      </c>
      <c r="DG38" s="85">
        <v>17</v>
      </c>
      <c r="DH38" s="70">
        <v>0</v>
      </c>
      <c r="DI38" s="71">
        <v>0</v>
      </c>
      <c r="DJ38" s="72">
        <v>0</v>
      </c>
      <c r="DK38" s="241"/>
      <c r="DL38" s="71">
        <v>0</v>
      </c>
      <c r="DM38" s="71">
        <v>0</v>
      </c>
      <c r="DN38" s="71">
        <v>0</v>
      </c>
      <c r="DO38" s="71">
        <v>0</v>
      </c>
      <c r="DP38" s="71">
        <v>0</v>
      </c>
      <c r="DQ38" s="72">
        <v>0</v>
      </c>
      <c r="DR38" s="73">
        <v>0</v>
      </c>
      <c r="DS38" s="70">
        <v>0</v>
      </c>
      <c r="DT38" s="71">
        <v>0</v>
      </c>
      <c r="DU38" s="72">
        <v>0</v>
      </c>
      <c r="DV38" s="241"/>
      <c r="DW38" s="71">
        <v>1</v>
      </c>
      <c r="DX38" s="71">
        <v>0</v>
      </c>
      <c r="DY38" s="71">
        <v>0</v>
      </c>
      <c r="DZ38" s="71">
        <v>0</v>
      </c>
      <c r="EA38" s="71">
        <v>0</v>
      </c>
      <c r="EB38" s="72">
        <v>1</v>
      </c>
      <c r="EC38" s="73">
        <v>1</v>
      </c>
      <c r="ED38" s="70">
        <v>0</v>
      </c>
      <c r="EE38" s="71">
        <v>0</v>
      </c>
      <c r="EF38" s="72">
        <v>0</v>
      </c>
      <c r="EG38" s="241"/>
      <c r="EH38" s="71">
        <v>0</v>
      </c>
      <c r="EI38" s="71">
        <v>0</v>
      </c>
      <c r="EJ38" s="71">
        <v>0</v>
      </c>
      <c r="EK38" s="71">
        <v>0</v>
      </c>
      <c r="EL38" s="71">
        <v>0</v>
      </c>
      <c r="EM38" s="72">
        <v>0</v>
      </c>
      <c r="EN38" s="73">
        <v>0</v>
      </c>
      <c r="EO38" s="70">
        <v>1</v>
      </c>
      <c r="EP38" s="71">
        <v>0</v>
      </c>
      <c r="EQ38" s="72">
        <v>1</v>
      </c>
      <c r="ER38" s="241"/>
      <c r="ES38" s="71">
        <v>1</v>
      </c>
      <c r="ET38" s="71">
        <v>1</v>
      </c>
      <c r="EU38" s="71">
        <v>0</v>
      </c>
      <c r="EV38" s="71">
        <v>0</v>
      </c>
      <c r="EW38" s="71">
        <v>0</v>
      </c>
      <c r="EX38" s="72">
        <v>2</v>
      </c>
      <c r="EY38" s="73">
        <v>3</v>
      </c>
      <c r="EZ38" s="70">
        <v>0</v>
      </c>
      <c r="FA38" s="71">
        <v>0</v>
      </c>
      <c r="FB38" s="72">
        <v>0</v>
      </c>
      <c r="FC38" s="241"/>
      <c r="FD38" s="71">
        <v>2</v>
      </c>
      <c r="FE38" s="71">
        <v>1</v>
      </c>
      <c r="FF38" s="71">
        <v>0</v>
      </c>
      <c r="FG38" s="71">
        <v>1</v>
      </c>
      <c r="FH38" s="71">
        <v>0</v>
      </c>
      <c r="FI38" s="72">
        <v>4</v>
      </c>
      <c r="FJ38" s="73">
        <v>4</v>
      </c>
      <c r="FK38" s="70">
        <v>1</v>
      </c>
      <c r="FL38" s="71">
        <v>1</v>
      </c>
      <c r="FM38" s="72">
        <v>2</v>
      </c>
      <c r="FN38" s="244"/>
      <c r="FO38" s="71">
        <v>1</v>
      </c>
      <c r="FP38" s="71">
        <v>2</v>
      </c>
      <c r="FQ38" s="71">
        <v>0</v>
      </c>
      <c r="FR38" s="71">
        <v>4</v>
      </c>
      <c r="FS38" s="71">
        <v>0</v>
      </c>
      <c r="FT38" s="72">
        <v>7</v>
      </c>
      <c r="FU38" s="73">
        <v>9</v>
      </c>
      <c r="FV38" s="70">
        <v>0</v>
      </c>
      <c r="FW38" s="71">
        <v>0</v>
      </c>
      <c r="FX38" s="72">
        <v>0</v>
      </c>
      <c r="FY38" s="244"/>
      <c r="FZ38" s="71">
        <v>0</v>
      </c>
      <c r="GA38" s="71">
        <v>0</v>
      </c>
      <c r="GB38" s="71">
        <v>0</v>
      </c>
      <c r="GC38" s="71">
        <v>0</v>
      </c>
      <c r="GD38" s="71">
        <v>0</v>
      </c>
      <c r="GE38" s="72">
        <v>0</v>
      </c>
      <c r="GF38" s="73">
        <v>0</v>
      </c>
      <c r="GG38" s="70">
        <v>2</v>
      </c>
      <c r="GH38" s="71">
        <v>1</v>
      </c>
      <c r="GI38" s="72">
        <v>3</v>
      </c>
      <c r="GJ38" s="241"/>
      <c r="GK38" s="71">
        <v>5</v>
      </c>
      <c r="GL38" s="71">
        <v>4</v>
      </c>
      <c r="GM38" s="71">
        <v>0</v>
      </c>
      <c r="GN38" s="71">
        <v>5</v>
      </c>
      <c r="GO38" s="71">
        <v>0</v>
      </c>
      <c r="GP38" s="72">
        <v>14</v>
      </c>
      <c r="GQ38" s="73">
        <v>17</v>
      </c>
      <c r="GR38" s="123">
        <v>13</v>
      </c>
      <c r="GS38" s="82">
        <v>6</v>
      </c>
      <c r="GT38" s="83">
        <v>19</v>
      </c>
      <c r="GU38" s="241"/>
      <c r="GV38" s="82">
        <v>24</v>
      </c>
      <c r="GW38" s="82">
        <v>14</v>
      </c>
      <c r="GX38" s="82">
        <v>6</v>
      </c>
      <c r="GY38" s="82">
        <v>9</v>
      </c>
      <c r="GZ38" s="82">
        <v>2</v>
      </c>
      <c r="HA38" s="84">
        <v>55</v>
      </c>
      <c r="HB38" s="85">
        <v>74</v>
      </c>
      <c r="HC38" s="70">
        <v>0</v>
      </c>
      <c r="HD38" s="71">
        <v>0</v>
      </c>
      <c r="HE38" s="72">
        <v>0</v>
      </c>
      <c r="HF38" s="241"/>
      <c r="HG38" s="71">
        <v>0</v>
      </c>
      <c r="HH38" s="71">
        <v>0</v>
      </c>
      <c r="HI38" s="71">
        <v>0</v>
      </c>
      <c r="HJ38" s="71">
        <v>0</v>
      </c>
      <c r="HK38" s="71">
        <v>0</v>
      </c>
      <c r="HL38" s="72">
        <v>0</v>
      </c>
      <c r="HM38" s="73">
        <v>0</v>
      </c>
      <c r="HN38" s="70">
        <v>1</v>
      </c>
      <c r="HO38" s="71">
        <v>1</v>
      </c>
      <c r="HP38" s="72">
        <v>2</v>
      </c>
      <c r="HQ38" s="241"/>
      <c r="HR38" s="71">
        <v>1</v>
      </c>
      <c r="HS38" s="71">
        <v>0</v>
      </c>
      <c r="HT38" s="71">
        <v>0</v>
      </c>
      <c r="HU38" s="71">
        <v>0</v>
      </c>
      <c r="HV38" s="71">
        <v>0</v>
      </c>
      <c r="HW38" s="72">
        <v>1</v>
      </c>
      <c r="HX38" s="73">
        <v>3</v>
      </c>
      <c r="HY38" s="70">
        <v>0</v>
      </c>
      <c r="HZ38" s="71">
        <v>1</v>
      </c>
      <c r="IA38" s="72">
        <v>1</v>
      </c>
      <c r="IB38" s="244"/>
      <c r="IC38" s="71">
        <v>3</v>
      </c>
      <c r="ID38" s="71">
        <v>1</v>
      </c>
      <c r="IE38" s="71">
        <v>0</v>
      </c>
      <c r="IF38" s="71">
        <v>1</v>
      </c>
      <c r="IG38" s="71">
        <v>0</v>
      </c>
      <c r="IH38" s="72">
        <v>5</v>
      </c>
      <c r="II38" s="73">
        <v>6</v>
      </c>
      <c r="IJ38" s="70">
        <v>4</v>
      </c>
      <c r="IK38" s="71">
        <v>1</v>
      </c>
      <c r="IL38" s="72">
        <v>5</v>
      </c>
      <c r="IM38" s="244"/>
      <c r="IN38" s="71">
        <v>6</v>
      </c>
      <c r="IO38" s="71">
        <v>3</v>
      </c>
      <c r="IP38" s="71">
        <v>2</v>
      </c>
      <c r="IQ38" s="71">
        <v>1</v>
      </c>
      <c r="IR38" s="71">
        <v>0</v>
      </c>
      <c r="IS38" s="72">
        <v>12</v>
      </c>
      <c r="IT38" s="73">
        <v>17</v>
      </c>
      <c r="IU38" s="70">
        <v>3</v>
      </c>
      <c r="IV38" s="71">
        <v>1</v>
      </c>
      <c r="IW38" s="72">
        <v>4</v>
      </c>
      <c r="IX38" s="244"/>
      <c r="IY38" s="71">
        <v>7</v>
      </c>
      <c r="IZ38" s="71">
        <v>3</v>
      </c>
      <c r="JA38" s="71">
        <v>2</v>
      </c>
      <c r="JB38" s="71">
        <v>1</v>
      </c>
      <c r="JC38" s="71">
        <v>1</v>
      </c>
      <c r="JD38" s="72">
        <v>14</v>
      </c>
      <c r="JE38" s="73">
        <v>18</v>
      </c>
      <c r="JF38" s="70">
        <v>5</v>
      </c>
      <c r="JG38" s="71">
        <v>2</v>
      </c>
      <c r="JH38" s="72">
        <v>7</v>
      </c>
      <c r="JI38" s="244"/>
      <c r="JJ38" s="71">
        <v>7</v>
      </c>
      <c r="JK38" s="71">
        <v>7</v>
      </c>
      <c r="JL38" s="71">
        <v>2</v>
      </c>
      <c r="JM38" s="71">
        <v>6</v>
      </c>
      <c r="JN38" s="71">
        <v>1</v>
      </c>
      <c r="JO38" s="72">
        <v>23</v>
      </c>
      <c r="JP38" s="73">
        <v>30</v>
      </c>
      <c r="JQ38" s="70">
        <v>0</v>
      </c>
      <c r="JR38" s="71">
        <v>0</v>
      </c>
      <c r="JS38" s="72">
        <v>0</v>
      </c>
      <c r="JT38" s="244"/>
      <c r="JU38" s="71">
        <v>0</v>
      </c>
      <c r="JV38" s="71">
        <v>0</v>
      </c>
      <c r="JW38" s="71">
        <v>0</v>
      </c>
      <c r="JX38" s="71">
        <v>0</v>
      </c>
      <c r="JY38" s="71">
        <v>0</v>
      </c>
      <c r="JZ38" s="72">
        <v>0</v>
      </c>
      <c r="KA38" s="73">
        <v>0</v>
      </c>
      <c r="KB38" s="70">
        <v>13</v>
      </c>
      <c r="KC38" s="71">
        <v>6</v>
      </c>
      <c r="KD38" s="72">
        <v>19</v>
      </c>
      <c r="KE38" s="244"/>
      <c r="KF38" s="71">
        <v>24</v>
      </c>
      <c r="KG38" s="71">
        <v>14</v>
      </c>
      <c r="KH38" s="71">
        <v>6</v>
      </c>
      <c r="KI38" s="71">
        <v>9</v>
      </c>
      <c r="KJ38" s="71">
        <v>2</v>
      </c>
      <c r="KK38" s="72">
        <v>55</v>
      </c>
      <c r="KL38" s="73">
        <v>74</v>
      </c>
    </row>
    <row r="39" spans="1:298" ht="19.5" customHeight="1" x14ac:dyDescent="0.2">
      <c r="A39" s="126" t="s">
        <v>36</v>
      </c>
      <c r="B39" s="316">
        <v>3</v>
      </c>
      <c r="C39" s="82">
        <v>11</v>
      </c>
      <c r="D39" s="83">
        <v>14</v>
      </c>
      <c r="E39" s="241"/>
      <c r="F39" s="82">
        <v>12</v>
      </c>
      <c r="G39" s="82">
        <v>9</v>
      </c>
      <c r="H39" s="82">
        <v>8</v>
      </c>
      <c r="I39" s="82">
        <v>10</v>
      </c>
      <c r="J39" s="82">
        <v>3</v>
      </c>
      <c r="K39" s="84">
        <v>42</v>
      </c>
      <c r="L39" s="85">
        <v>56</v>
      </c>
      <c r="M39" s="70">
        <v>0</v>
      </c>
      <c r="N39" s="71">
        <v>0</v>
      </c>
      <c r="O39" s="72">
        <v>0</v>
      </c>
      <c r="P39" s="241"/>
      <c r="Q39" s="71">
        <v>1</v>
      </c>
      <c r="R39" s="71">
        <v>2</v>
      </c>
      <c r="S39" s="71">
        <v>1</v>
      </c>
      <c r="T39" s="71">
        <v>0</v>
      </c>
      <c r="U39" s="71">
        <v>0</v>
      </c>
      <c r="V39" s="72">
        <v>4</v>
      </c>
      <c r="W39" s="73">
        <v>4</v>
      </c>
      <c r="X39" s="70">
        <v>1</v>
      </c>
      <c r="Y39" s="71">
        <v>0</v>
      </c>
      <c r="Z39" s="72">
        <v>1</v>
      </c>
      <c r="AA39" s="241"/>
      <c r="AB39" s="71">
        <v>1</v>
      </c>
      <c r="AC39" s="71">
        <v>0</v>
      </c>
      <c r="AD39" s="71">
        <v>0</v>
      </c>
      <c r="AE39" s="71">
        <v>3</v>
      </c>
      <c r="AF39" s="71">
        <v>0</v>
      </c>
      <c r="AG39" s="72">
        <v>4</v>
      </c>
      <c r="AH39" s="73">
        <v>5</v>
      </c>
      <c r="AI39" s="70">
        <v>0</v>
      </c>
      <c r="AJ39" s="71">
        <v>2</v>
      </c>
      <c r="AK39" s="72">
        <v>2</v>
      </c>
      <c r="AL39" s="241"/>
      <c r="AM39" s="71">
        <v>1</v>
      </c>
      <c r="AN39" s="71">
        <v>1</v>
      </c>
      <c r="AO39" s="71">
        <v>1</v>
      </c>
      <c r="AP39" s="71">
        <v>1</v>
      </c>
      <c r="AQ39" s="71">
        <v>0</v>
      </c>
      <c r="AR39" s="72">
        <v>4</v>
      </c>
      <c r="AS39" s="73">
        <v>6</v>
      </c>
      <c r="AT39" s="70">
        <v>0</v>
      </c>
      <c r="AU39" s="71">
        <v>2</v>
      </c>
      <c r="AV39" s="72">
        <v>2</v>
      </c>
      <c r="AW39" s="241"/>
      <c r="AX39" s="71">
        <v>1</v>
      </c>
      <c r="AY39" s="71">
        <v>1</v>
      </c>
      <c r="AZ39" s="71">
        <v>0</v>
      </c>
      <c r="BA39" s="71">
        <v>0</v>
      </c>
      <c r="BB39" s="71">
        <v>1</v>
      </c>
      <c r="BC39" s="72">
        <v>3</v>
      </c>
      <c r="BD39" s="73">
        <v>5</v>
      </c>
      <c r="BE39" s="70">
        <v>1</v>
      </c>
      <c r="BF39" s="71">
        <v>5</v>
      </c>
      <c r="BG39" s="72">
        <v>6</v>
      </c>
      <c r="BH39" s="241"/>
      <c r="BI39" s="71">
        <v>4</v>
      </c>
      <c r="BJ39" s="71">
        <v>3</v>
      </c>
      <c r="BK39" s="71">
        <v>3</v>
      </c>
      <c r="BL39" s="71">
        <v>5</v>
      </c>
      <c r="BM39" s="71">
        <v>1</v>
      </c>
      <c r="BN39" s="72">
        <v>16</v>
      </c>
      <c r="BO39" s="73">
        <v>22</v>
      </c>
      <c r="BP39" s="70">
        <v>1</v>
      </c>
      <c r="BQ39" s="71">
        <v>2</v>
      </c>
      <c r="BR39" s="72">
        <v>3</v>
      </c>
      <c r="BS39" s="241"/>
      <c r="BT39" s="71">
        <v>4</v>
      </c>
      <c r="BU39" s="71">
        <v>2</v>
      </c>
      <c r="BV39" s="71">
        <v>3</v>
      </c>
      <c r="BW39" s="71">
        <v>1</v>
      </c>
      <c r="BX39" s="71">
        <v>1</v>
      </c>
      <c r="BY39" s="72">
        <v>11</v>
      </c>
      <c r="BZ39" s="73">
        <v>14</v>
      </c>
      <c r="CA39" s="70">
        <v>0</v>
      </c>
      <c r="CB39" s="71">
        <v>0</v>
      </c>
      <c r="CC39" s="72">
        <v>0</v>
      </c>
      <c r="CD39" s="241"/>
      <c r="CE39" s="71">
        <v>0</v>
      </c>
      <c r="CF39" s="71">
        <v>0</v>
      </c>
      <c r="CG39" s="71">
        <v>0</v>
      </c>
      <c r="CH39" s="71">
        <v>0</v>
      </c>
      <c r="CI39" s="71">
        <v>0</v>
      </c>
      <c r="CJ39" s="72">
        <v>0</v>
      </c>
      <c r="CK39" s="73">
        <v>0</v>
      </c>
      <c r="CL39" s="70">
        <v>3</v>
      </c>
      <c r="CM39" s="71">
        <v>11</v>
      </c>
      <c r="CN39" s="72">
        <v>14</v>
      </c>
      <c r="CO39" s="241"/>
      <c r="CP39" s="71">
        <v>12</v>
      </c>
      <c r="CQ39" s="71">
        <v>9</v>
      </c>
      <c r="CR39" s="71">
        <v>8</v>
      </c>
      <c r="CS39" s="71">
        <v>10</v>
      </c>
      <c r="CT39" s="71">
        <v>3</v>
      </c>
      <c r="CU39" s="72">
        <v>42</v>
      </c>
      <c r="CV39" s="73">
        <v>56</v>
      </c>
      <c r="CW39" s="123">
        <v>2</v>
      </c>
      <c r="CX39" s="82">
        <v>3</v>
      </c>
      <c r="CY39" s="83">
        <v>5</v>
      </c>
      <c r="CZ39" s="241"/>
      <c r="DA39" s="82">
        <v>0</v>
      </c>
      <c r="DB39" s="82">
        <v>0</v>
      </c>
      <c r="DC39" s="82">
        <v>0</v>
      </c>
      <c r="DD39" s="82">
        <v>0</v>
      </c>
      <c r="DE39" s="82">
        <v>5</v>
      </c>
      <c r="DF39" s="84">
        <v>5</v>
      </c>
      <c r="DG39" s="85">
        <v>10</v>
      </c>
      <c r="DH39" s="70">
        <v>0</v>
      </c>
      <c r="DI39" s="71">
        <v>0</v>
      </c>
      <c r="DJ39" s="72">
        <v>0</v>
      </c>
      <c r="DK39" s="241"/>
      <c r="DL39" s="71">
        <v>0</v>
      </c>
      <c r="DM39" s="71">
        <v>0</v>
      </c>
      <c r="DN39" s="71">
        <v>0</v>
      </c>
      <c r="DO39" s="71">
        <v>0</v>
      </c>
      <c r="DP39" s="71">
        <v>0</v>
      </c>
      <c r="DQ39" s="72">
        <v>0</v>
      </c>
      <c r="DR39" s="73">
        <v>0</v>
      </c>
      <c r="DS39" s="70">
        <v>0</v>
      </c>
      <c r="DT39" s="71">
        <v>0</v>
      </c>
      <c r="DU39" s="72">
        <v>0</v>
      </c>
      <c r="DV39" s="241"/>
      <c r="DW39" s="71">
        <v>0</v>
      </c>
      <c r="DX39" s="71">
        <v>0</v>
      </c>
      <c r="DY39" s="71">
        <v>0</v>
      </c>
      <c r="DZ39" s="71">
        <v>0</v>
      </c>
      <c r="EA39" s="71">
        <v>0</v>
      </c>
      <c r="EB39" s="72">
        <v>0</v>
      </c>
      <c r="EC39" s="73">
        <v>0</v>
      </c>
      <c r="ED39" s="70">
        <v>0</v>
      </c>
      <c r="EE39" s="71">
        <v>0</v>
      </c>
      <c r="EF39" s="72">
        <v>0</v>
      </c>
      <c r="EG39" s="241"/>
      <c r="EH39" s="71">
        <v>0</v>
      </c>
      <c r="EI39" s="71">
        <v>0</v>
      </c>
      <c r="EJ39" s="71">
        <v>0</v>
      </c>
      <c r="EK39" s="71">
        <v>0</v>
      </c>
      <c r="EL39" s="71">
        <v>0</v>
      </c>
      <c r="EM39" s="72">
        <v>0</v>
      </c>
      <c r="EN39" s="73">
        <v>0</v>
      </c>
      <c r="EO39" s="70">
        <v>0</v>
      </c>
      <c r="EP39" s="71">
        <v>2</v>
      </c>
      <c r="EQ39" s="72">
        <v>2</v>
      </c>
      <c r="ER39" s="241"/>
      <c r="ES39" s="71">
        <v>0</v>
      </c>
      <c r="ET39" s="71">
        <v>0</v>
      </c>
      <c r="EU39" s="71">
        <v>0</v>
      </c>
      <c r="EV39" s="71">
        <v>0</v>
      </c>
      <c r="EW39" s="71">
        <v>0</v>
      </c>
      <c r="EX39" s="72">
        <v>0</v>
      </c>
      <c r="EY39" s="73">
        <v>2</v>
      </c>
      <c r="EZ39" s="70">
        <v>1</v>
      </c>
      <c r="FA39" s="71">
        <v>1</v>
      </c>
      <c r="FB39" s="72">
        <v>2</v>
      </c>
      <c r="FC39" s="241"/>
      <c r="FD39" s="71">
        <v>0</v>
      </c>
      <c r="FE39" s="71">
        <v>0</v>
      </c>
      <c r="FF39" s="71">
        <v>0</v>
      </c>
      <c r="FG39" s="71">
        <v>0</v>
      </c>
      <c r="FH39" s="71">
        <v>1</v>
      </c>
      <c r="FI39" s="72">
        <v>1</v>
      </c>
      <c r="FJ39" s="73">
        <v>3</v>
      </c>
      <c r="FK39" s="70">
        <v>1</v>
      </c>
      <c r="FL39" s="71">
        <v>0</v>
      </c>
      <c r="FM39" s="72">
        <v>1</v>
      </c>
      <c r="FN39" s="244"/>
      <c r="FO39" s="71">
        <v>0</v>
      </c>
      <c r="FP39" s="71">
        <v>0</v>
      </c>
      <c r="FQ39" s="71">
        <v>0</v>
      </c>
      <c r="FR39" s="71">
        <v>0</v>
      </c>
      <c r="FS39" s="71">
        <v>4</v>
      </c>
      <c r="FT39" s="72">
        <v>4</v>
      </c>
      <c r="FU39" s="73">
        <v>5</v>
      </c>
      <c r="FV39" s="70">
        <v>0</v>
      </c>
      <c r="FW39" s="71">
        <v>0</v>
      </c>
      <c r="FX39" s="72">
        <v>0</v>
      </c>
      <c r="FY39" s="244"/>
      <c r="FZ39" s="71">
        <v>0</v>
      </c>
      <c r="GA39" s="71">
        <v>0</v>
      </c>
      <c r="GB39" s="71">
        <v>0</v>
      </c>
      <c r="GC39" s="71">
        <v>0</v>
      </c>
      <c r="GD39" s="71">
        <v>0</v>
      </c>
      <c r="GE39" s="72">
        <v>0</v>
      </c>
      <c r="GF39" s="73">
        <v>0</v>
      </c>
      <c r="GG39" s="70">
        <v>2</v>
      </c>
      <c r="GH39" s="71">
        <v>3</v>
      </c>
      <c r="GI39" s="72">
        <v>5</v>
      </c>
      <c r="GJ39" s="241"/>
      <c r="GK39" s="71">
        <v>0</v>
      </c>
      <c r="GL39" s="71">
        <v>0</v>
      </c>
      <c r="GM39" s="71">
        <v>0</v>
      </c>
      <c r="GN39" s="71">
        <v>0</v>
      </c>
      <c r="GO39" s="71">
        <v>5</v>
      </c>
      <c r="GP39" s="72">
        <v>5</v>
      </c>
      <c r="GQ39" s="73">
        <v>10</v>
      </c>
      <c r="GR39" s="123">
        <v>5</v>
      </c>
      <c r="GS39" s="82">
        <v>14</v>
      </c>
      <c r="GT39" s="83">
        <v>19</v>
      </c>
      <c r="GU39" s="241"/>
      <c r="GV39" s="82">
        <v>12</v>
      </c>
      <c r="GW39" s="82">
        <v>9</v>
      </c>
      <c r="GX39" s="82">
        <v>8</v>
      </c>
      <c r="GY39" s="82">
        <v>10</v>
      </c>
      <c r="GZ39" s="82">
        <v>8</v>
      </c>
      <c r="HA39" s="84">
        <v>47</v>
      </c>
      <c r="HB39" s="85">
        <v>66</v>
      </c>
      <c r="HC39" s="70">
        <v>0</v>
      </c>
      <c r="HD39" s="71">
        <v>0</v>
      </c>
      <c r="HE39" s="72">
        <v>0</v>
      </c>
      <c r="HF39" s="241"/>
      <c r="HG39" s="71">
        <v>1</v>
      </c>
      <c r="HH39" s="71">
        <v>2</v>
      </c>
      <c r="HI39" s="71">
        <v>1</v>
      </c>
      <c r="HJ39" s="71">
        <v>0</v>
      </c>
      <c r="HK39" s="71">
        <v>0</v>
      </c>
      <c r="HL39" s="72">
        <v>4</v>
      </c>
      <c r="HM39" s="73">
        <v>4</v>
      </c>
      <c r="HN39" s="70">
        <v>1</v>
      </c>
      <c r="HO39" s="71">
        <v>0</v>
      </c>
      <c r="HP39" s="72">
        <v>1</v>
      </c>
      <c r="HQ39" s="241"/>
      <c r="HR39" s="71">
        <v>1</v>
      </c>
      <c r="HS39" s="71">
        <v>0</v>
      </c>
      <c r="HT39" s="71">
        <v>0</v>
      </c>
      <c r="HU39" s="71">
        <v>3</v>
      </c>
      <c r="HV39" s="71">
        <v>0</v>
      </c>
      <c r="HW39" s="72">
        <v>4</v>
      </c>
      <c r="HX39" s="73">
        <v>5</v>
      </c>
      <c r="HY39" s="70">
        <v>0</v>
      </c>
      <c r="HZ39" s="71">
        <v>2</v>
      </c>
      <c r="IA39" s="72">
        <v>2</v>
      </c>
      <c r="IB39" s="244"/>
      <c r="IC39" s="71">
        <v>1</v>
      </c>
      <c r="ID39" s="71">
        <v>1</v>
      </c>
      <c r="IE39" s="71">
        <v>1</v>
      </c>
      <c r="IF39" s="71">
        <v>1</v>
      </c>
      <c r="IG39" s="71">
        <v>0</v>
      </c>
      <c r="IH39" s="72">
        <v>4</v>
      </c>
      <c r="II39" s="73">
        <v>6</v>
      </c>
      <c r="IJ39" s="70">
        <v>0</v>
      </c>
      <c r="IK39" s="71">
        <v>4</v>
      </c>
      <c r="IL39" s="72">
        <v>4</v>
      </c>
      <c r="IM39" s="244"/>
      <c r="IN39" s="71">
        <v>1</v>
      </c>
      <c r="IO39" s="71">
        <v>1</v>
      </c>
      <c r="IP39" s="71">
        <v>0</v>
      </c>
      <c r="IQ39" s="71">
        <v>0</v>
      </c>
      <c r="IR39" s="71">
        <v>1</v>
      </c>
      <c r="IS39" s="72">
        <v>3</v>
      </c>
      <c r="IT39" s="73">
        <v>7</v>
      </c>
      <c r="IU39" s="70">
        <v>2</v>
      </c>
      <c r="IV39" s="71">
        <v>6</v>
      </c>
      <c r="IW39" s="72">
        <v>8</v>
      </c>
      <c r="IX39" s="244"/>
      <c r="IY39" s="71">
        <v>4</v>
      </c>
      <c r="IZ39" s="71">
        <v>3</v>
      </c>
      <c r="JA39" s="71">
        <v>3</v>
      </c>
      <c r="JB39" s="71">
        <v>5</v>
      </c>
      <c r="JC39" s="71">
        <v>2</v>
      </c>
      <c r="JD39" s="72">
        <v>17</v>
      </c>
      <c r="JE39" s="73">
        <v>25</v>
      </c>
      <c r="JF39" s="70">
        <v>2</v>
      </c>
      <c r="JG39" s="71">
        <v>2</v>
      </c>
      <c r="JH39" s="72">
        <v>4</v>
      </c>
      <c r="JI39" s="244"/>
      <c r="JJ39" s="71">
        <v>4</v>
      </c>
      <c r="JK39" s="71">
        <v>2</v>
      </c>
      <c r="JL39" s="71">
        <v>3</v>
      </c>
      <c r="JM39" s="71">
        <v>1</v>
      </c>
      <c r="JN39" s="71">
        <v>5</v>
      </c>
      <c r="JO39" s="72">
        <v>15</v>
      </c>
      <c r="JP39" s="73">
        <v>19</v>
      </c>
      <c r="JQ39" s="70">
        <v>0</v>
      </c>
      <c r="JR39" s="71">
        <v>0</v>
      </c>
      <c r="JS39" s="72">
        <v>0</v>
      </c>
      <c r="JT39" s="244"/>
      <c r="JU39" s="71">
        <v>0</v>
      </c>
      <c r="JV39" s="71">
        <v>0</v>
      </c>
      <c r="JW39" s="71">
        <v>0</v>
      </c>
      <c r="JX39" s="71">
        <v>0</v>
      </c>
      <c r="JY39" s="71">
        <v>0</v>
      </c>
      <c r="JZ39" s="72">
        <v>0</v>
      </c>
      <c r="KA39" s="73">
        <v>0</v>
      </c>
      <c r="KB39" s="70">
        <v>5</v>
      </c>
      <c r="KC39" s="71">
        <v>14</v>
      </c>
      <c r="KD39" s="72">
        <v>19</v>
      </c>
      <c r="KE39" s="244"/>
      <c r="KF39" s="71">
        <v>12</v>
      </c>
      <c r="KG39" s="71">
        <v>9</v>
      </c>
      <c r="KH39" s="71">
        <v>8</v>
      </c>
      <c r="KI39" s="71">
        <v>10</v>
      </c>
      <c r="KJ39" s="71">
        <v>8</v>
      </c>
      <c r="KK39" s="72">
        <v>47</v>
      </c>
      <c r="KL39" s="73">
        <v>66</v>
      </c>
    </row>
    <row r="40" spans="1:298" ht="19.5" customHeight="1" thickBot="1" x14ac:dyDescent="0.25">
      <c r="A40" s="127" t="s">
        <v>37</v>
      </c>
      <c r="B40" s="317">
        <v>1</v>
      </c>
      <c r="C40" s="87">
        <v>0</v>
      </c>
      <c r="D40" s="88">
        <v>1</v>
      </c>
      <c r="E40" s="242"/>
      <c r="F40" s="87">
        <v>1</v>
      </c>
      <c r="G40" s="87">
        <v>2</v>
      </c>
      <c r="H40" s="87">
        <v>1</v>
      </c>
      <c r="I40" s="87">
        <v>0</v>
      </c>
      <c r="J40" s="87">
        <v>2</v>
      </c>
      <c r="K40" s="89">
        <v>6</v>
      </c>
      <c r="L40" s="90">
        <v>7</v>
      </c>
      <c r="M40" s="74">
        <v>0</v>
      </c>
      <c r="N40" s="75">
        <v>0</v>
      </c>
      <c r="O40" s="76">
        <v>0</v>
      </c>
      <c r="P40" s="242"/>
      <c r="Q40" s="75">
        <v>0</v>
      </c>
      <c r="R40" s="75">
        <v>0</v>
      </c>
      <c r="S40" s="75">
        <v>0</v>
      </c>
      <c r="T40" s="75">
        <v>0</v>
      </c>
      <c r="U40" s="75">
        <v>0</v>
      </c>
      <c r="V40" s="76">
        <v>0</v>
      </c>
      <c r="W40" s="77">
        <v>0</v>
      </c>
      <c r="X40" s="74">
        <v>1</v>
      </c>
      <c r="Y40" s="75">
        <v>0</v>
      </c>
      <c r="Z40" s="76">
        <v>1</v>
      </c>
      <c r="AA40" s="242"/>
      <c r="AB40" s="75">
        <v>0</v>
      </c>
      <c r="AC40" s="75">
        <v>0</v>
      </c>
      <c r="AD40" s="75">
        <v>1</v>
      </c>
      <c r="AE40" s="75">
        <v>0</v>
      </c>
      <c r="AF40" s="75">
        <v>0</v>
      </c>
      <c r="AG40" s="76">
        <v>1</v>
      </c>
      <c r="AH40" s="77">
        <v>2</v>
      </c>
      <c r="AI40" s="74">
        <v>0</v>
      </c>
      <c r="AJ40" s="75">
        <v>0</v>
      </c>
      <c r="AK40" s="76">
        <v>0</v>
      </c>
      <c r="AL40" s="242"/>
      <c r="AM40" s="75">
        <v>0</v>
      </c>
      <c r="AN40" s="75">
        <v>1</v>
      </c>
      <c r="AO40" s="75">
        <v>0</v>
      </c>
      <c r="AP40" s="75">
        <v>0</v>
      </c>
      <c r="AQ40" s="75">
        <v>0</v>
      </c>
      <c r="AR40" s="76">
        <v>1</v>
      </c>
      <c r="AS40" s="77">
        <v>1</v>
      </c>
      <c r="AT40" s="74">
        <v>0</v>
      </c>
      <c r="AU40" s="75">
        <v>0</v>
      </c>
      <c r="AV40" s="76">
        <v>0</v>
      </c>
      <c r="AW40" s="242"/>
      <c r="AX40" s="75">
        <v>1</v>
      </c>
      <c r="AY40" s="75">
        <v>0</v>
      </c>
      <c r="AZ40" s="75">
        <v>0</v>
      </c>
      <c r="BA40" s="75">
        <v>0</v>
      </c>
      <c r="BB40" s="75">
        <v>0</v>
      </c>
      <c r="BC40" s="76">
        <v>1</v>
      </c>
      <c r="BD40" s="77">
        <v>1</v>
      </c>
      <c r="BE40" s="74">
        <v>0</v>
      </c>
      <c r="BF40" s="75">
        <v>0</v>
      </c>
      <c r="BG40" s="76">
        <v>0</v>
      </c>
      <c r="BH40" s="242"/>
      <c r="BI40" s="75">
        <v>0</v>
      </c>
      <c r="BJ40" s="75">
        <v>1</v>
      </c>
      <c r="BK40" s="75">
        <v>0</v>
      </c>
      <c r="BL40" s="75">
        <v>0</v>
      </c>
      <c r="BM40" s="75">
        <v>2</v>
      </c>
      <c r="BN40" s="76">
        <v>3</v>
      </c>
      <c r="BO40" s="77">
        <v>3</v>
      </c>
      <c r="BP40" s="74">
        <v>0</v>
      </c>
      <c r="BQ40" s="75">
        <v>0</v>
      </c>
      <c r="BR40" s="76">
        <v>0</v>
      </c>
      <c r="BS40" s="242"/>
      <c r="BT40" s="75">
        <v>0</v>
      </c>
      <c r="BU40" s="75">
        <v>0</v>
      </c>
      <c r="BV40" s="75">
        <v>0</v>
      </c>
      <c r="BW40" s="75">
        <v>0</v>
      </c>
      <c r="BX40" s="75">
        <v>0</v>
      </c>
      <c r="BY40" s="76">
        <v>0</v>
      </c>
      <c r="BZ40" s="77">
        <v>0</v>
      </c>
      <c r="CA40" s="74">
        <v>0</v>
      </c>
      <c r="CB40" s="75">
        <v>0</v>
      </c>
      <c r="CC40" s="76">
        <v>0</v>
      </c>
      <c r="CD40" s="242"/>
      <c r="CE40" s="75">
        <v>0</v>
      </c>
      <c r="CF40" s="75">
        <v>0</v>
      </c>
      <c r="CG40" s="75">
        <v>0</v>
      </c>
      <c r="CH40" s="75">
        <v>0</v>
      </c>
      <c r="CI40" s="75">
        <v>0</v>
      </c>
      <c r="CJ40" s="76">
        <v>0</v>
      </c>
      <c r="CK40" s="77">
        <v>0</v>
      </c>
      <c r="CL40" s="74">
        <v>1</v>
      </c>
      <c r="CM40" s="75">
        <v>0</v>
      </c>
      <c r="CN40" s="76">
        <v>1</v>
      </c>
      <c r="CO40" s="242"/>
      <c r="CP40" s="75">
        <v>1</v>
      </c>
      <c r="CQ40" s="75">
        <v>2</v>
      </c>
      <c r="CR40" s="75">
        <v>1</v>
      </c>
      <c r="CS40" s="75">
        <v>0</v>
      </c>
      <c r="CT40" s="75">
        <v>2</v>
      </c>
      <c r="CU40" s="76">
        <v>6</v>
      </c>
      <c r="CV40" s="77">
        <v>7</v>
      </c>
      <c r="CW40" s="124">
        <v>0</v>
      </c>
      <c r="CX40" s="87">
        <v>0</v>
      </c>
      <c r="CY40" s="88">
        <v>0</v>
      </c>
      <c r="CZ40" s="242"/>
      <c r="DA40" s="87">
        <v>0</v>
      </c>
      <c r="DB40" s="87">
        <v>0</v>
      </c>
      <c r="DC40" s="87">
        <v>0</v>
      </c>
      <c r="DD40" s="87">
        <v>0</v>
      </c>
      <c r="DE40" s="87">
        <v>1</v>
      </c>
      <c r="DF40" s="89">
        <v>1</v>
      </c>
      <c r="DG40" s="90">
        <v>1</v>
      </c>
      <c r="DH40" s="74">
        <v>0</v>
      </c>
      <c r="DI40" s="75">
        <v>0</v>
      </c>
      <c r="DJ40" s="76">
        <v>0</v>
      </c>
      <c r="DK40" s="242"/>
      <c r="DL40" s="75">
        <v>0</v>
      </c>
      <c r="DM40" s="75">
        <v>0</v>
      </c>
      <c r="DN40" s="75">
        <v>0</v>
      </c>
      <c r="DO40" s="75">
        <v>0</v>
      </c>
      <c r="DP40" s="75">
        <v>0</v>
      </c>
      <c r="DQ40" s="76">
        <v>0</v>
      </c>
      <c r="DR40" s="77">
        <v>0</v>
      </c>
      <c r="DS40" s="74">
        <v>0</v>
      </c>
      <c r="DT40" s="75">
        <v>0</v>
      </c>
      <c r="DU40" s="76">
        <v>0</v>
      </c>
      <c r="DV40" s="242"/>
      <c r="DW40" s="75">
        <v>0</v>
      </c>
      <c r="DX40" s="75">
        <v>0</v>
      </c>
      <c r="DY40" s="75">
        <v>0</v>
      </c>
      <c r="DZ40" s="75">
        <v>0</v>
      </c>
      <c r="EA40" s="75">
        <v>0</v>
      </c>
      <c r="EB40" s="76">
        <v>0</v>
      </c>
      <c r="EC40" s="77">
        <v>0</v>
      </c>
      <c r="ED40" s="74">
        <v>0</v>
      </c>
      <c r="EE40" s="75">
        <v>0</v>
      </c>
      <c r="EF40" s="76">
        <v>0</v>
      </c>
      <c r="EG40" s="242"/>
      <c r="EH40" s="75">
        <v>0</v>
      </c>
      <c r="EI40" s="75">
        <v>0</v>
      </c>
      <c r="EJ40" s="75">
        <v>0</v>
      </c>
      <c r="EK40" s="75">
        <v>0</v>
      </c>
      <c r="EL40" s="75">
        <v>0</v>
      </c>
      <c r="EM40" s="76">
        <v>0</v>
      </c>
      <c r="EN40" s="77">
        <v>0</v>
      </c>
      <c r="EO40" s="74">
        <v>0</v>
      </c>
      <c r="EP40" s="75">
        <v>0</v>
      </c>
      <c r="EQ40" s="76">
        <v>0</v>
      </c>
      <c r="ER40" s="242"/>
      <c r="ES40" s="75">
        <v>0</v>
      </c>
      <c r="ET40" s="75">
        <v>0</v>
      </c>
      <c r="EU40" s="75">
        <v>0</v>
      </c>
      <c r="EV40" s="75">
        <v>0</v>
      </c>
      <c r="EW40" s="75">
        <v>0</v>
      </c>
      <c r="EX40" s="76">
        <v>0</v>
      </c>
      <c r="EY40" s="77">
        <v>0</v>
      </c>
      <c r="EZ40" s="74">
        <v>0</v>
      </c>
      <c r="FA40" s="75">
        <v>0</v>
      </c>
      <c r="FB40" s="76">
        <v>0</v>
      </c>
      <c r="FC40" s="242"/>
      <c r="FD40" s="75">
        <v>0</v>
      </c>
      <c r="FE40" s="75">
        <v>0</v>
      </c>
      <c r="FF40" s="75">
        <v>0</v>
      </c>
      <c r="FG40" s="75">
        <v>0</v>
      </c>
      <c r="FH40" s="75">
        <v>0</v>
      </c>
      <c r="FI40" s="76">
        <v>0</v>
      </c>
      <c r="FJ40" s="77">
        <v>0</v>
      </c>
      <c r="FK40" s="74">
        <v>0</v>
      </c>
      <c r="FL40" s="75">
        <v>0</v>
      </c>
      <c r="FM40" s="76">
        <v>0</v>
      </c>
      <c r="FN40" s="245"/>
      <c r="FO40" s="75">
        <v>0</v>
      </c>
      <c r="FP40" s="75">
        <v>0</v>
      </c>
      <c r="FQ40" s="75">
        <v>0</v>
      </c>
      <c r="FR40" s="75">
        <v>0</v>
      </c>
      <c r="FS40" s="75">
        <v>1</v>
      </c>
      <c r="FT40" s="76">
        <v>1</v>
      </c>
      <c r="FU40" s="77">
        <v>1</v>
      </c>
      <c r="FV40" s="74">
        <v>0</v>
      </c>
      <c r="FW40" s="75">
        <v>0</v>
      </c>
      <c r="FX40" s="76">
        <v>0</v>
      </c>
      <c r="FY40" s="245"/>
      <c r="FZ40" s="75">
        <v>0</v>
      </c>
      <c r="GA40" s="75">
        <v>0</v>
      </c>
      <c r="GB40" s="75">
        <v>0</v>
      </c>
      <c r="GC40" s="75">
        <v>0</v>
      </c>
      <c r="GD40" s="75">
        <v>0</v>
      </c>
      <c r="GE40" s="76">
        <v>0</v>
      </c>
      <c r="GF40" s="77">
        <v>0</v>
      </c>
      <c r="GG40" s="74">
        <v>0</v>
      </c>
      <c r="GH40" s="75">
        <v>0</v>
      </c>
      <c r="GI40" s="76">
        <v>0</v>
      </c>
      <c r="GJ40" s="242"/>
      <c r="GK40" s="75">
        <v>0</v>
      </c>
      <c r="GL40" s="75">
        <v>0</v>
      </c>
      <c r="GM40" s="75">
        <v>0</v>
      </c>
      <c r="GN40" s="75">
        <v>0</v>
      </c>
      <c r="GO40" s="75">
        <v>1</v>
      </c>
      <c r="GP40" s="76">
        <v>1</v>
      </c>
      <c r="GQ40" s="77">
        <v>1</v>
      </c>
      <c r="GR40" s="124">
        <v>1</v>
      </c>
      <c r="GS40" s="87">
        <v>0</v>
      </c>
      <c r="GT40" s="88">
        <v>1</v>
      </c>
      <c r="GU40" s="242"/>
      <c r="GV40" s="87">
        <v>1</v>
      </c>
      <c r="GW40" s="87">
        <v>2</v>
      </c>
      <c r="GX40" s="87">
        <v>1</v>
      </c>
      <c r="GY40" s="87">
        <v>0</v>
      </c>
      <c r="GZ40" s="87">
        <v>3</v>
      </c>
      <c r="HA40" s="89">
        <v>7</v>
      </c>
      <c r="HB40" s="90">
        <v>8</v>
      </c>
      <c r="HC40" s="74">
        <v>0</v>
      </c>
      <c r="HD40" s="75">
        <v>0</v>
      </c>
      <c r="HE40" s="76">
        <v>0</v>
      </c>
      <c r="HF40" s="242"/>
      <c r="HG40" s="75">
        <v>0</v>
      </c>
      <c r="HH40" s="75">
        <v>0</v>
      </c>
      <c r="HI40" s="75">
        <v>0</v>
      </c>
      <c r="HJ40" s="75">
        <v>0</v>
      </c>
      <c r="HK40" s="75">
        <v>0</v>
      </c>
      <c r="HL40" s="76">
        <v>0</v>
      </c>
      <c r="HM40" s="77">
        <v>0</v>
      </c>
      <c r="HN40" s="74">
        <v>1</v>
      </c>
      <c r="HO40" s="75">
        <v>0</v>
      </c>
      <c r="HP40" s="76">
        <v>1</v>
      </c>
      <c r="HQ40" s="242"/>
      <c r="HR40" s="75">
        <v>0</v>
      </c>
      <c r="HS40" s="75">
        <v>0</v>
      </c>
      <c r="HT40" s="75">
        <v>1</v>
      </c>
      <c r="HU40" s="75">
        <v>0</v>
      </c>
      <c r="HV40" s="75">
        <v>0</v>
      </c>
      <c r="HW40" s="76">
        <v>1</v>
      </c>
      <c r="HX40" s="77">
        <v>2</v>
      </c>
      <c r="HY40" s="74">
        <v>0</v>
      </c>
      <c r="HZ40" s="75">
        <v>0</v>
      </c>
      <c r="IA40" s="76">
        <v>0</v>
      </c>
      <c r="IB40" s="245"/>
      <c r="IC40" s="75">
        <v>0</v>
      </c>
      <c r="ID40" s="75">
        <v>1</v>
      </c>
      <c r="IE40" s="75">
        <v>0</v>
      </c>
      <c r="IF40" s="75">
        <v>0</v>
      </c>
      <c r="IG40" s="75">
        <v>0</v>
      </c>
      <c r="IH40" s="76">
        <v>1</v>
      </c>
      <c r="II40" s="77">
        <v>1</v>
      </c>
      <c r="IJ40" s="74">
        <v>0</v>
      </c>
      <c r="IK40" s="75">
        <v>0</v>
      </c>
      <c r="IL40" s="76">
        <v>0</v>
      </c>
      <c r="IM40" s="245"/>
      <c r="IN40" s="75">
        <v>1</v>
      </c>
      <c r="IO40" s="75">
        <v>0</v>
      </c>
      <c r="IP40" s="75">
        <v>0</v>
      </c>
      <c r="IQ40" s="75">
        <v>0</v>
      </c>
      <c r="IR40" s="75">
        <v>0</v>
      </c>
      <c r="IS40" s="76">
        <v>1</v>
      </c>
      <c r="IT40" s="77">
        <v>1</v>
      </c>
      <c r="IU40" s="74">
        <v>0</v>
      </c>
      <c r="IV40" s="75">
        <v>0</v>
      </c>
      <c r="IW40" s="76">
        <v>0</v>
      </c>
      <c r="IX40" s="245"/>
      <c r="IY40" s="75">
        <v>0</v>
      </c>
      <c r="IZ40" s="75">
        <v>1</v>
      </c>
      <c r="JA40" s="75">
        <v>0</v>
      </c>
      <c r="JB40" s="75">
        <v>0</v>
      </c>
      <c r="JC40" s="75">
        <v>2</v>
      </c>
      <c r="JD40" s="76">
        <v>3</v>
      </c>
      <c r="JE40" s="77">
        <v>3</v>
      </c>
      <c r="JF40" s="74">
        <v>0</v>
      </c>
      <c r="JG40" s="75">
        <v>0</v>
      </c>
      <c r="JH40" s="76">
        <v>0</v>
      </c>
      <c r="JI40" s="245"/>
      <c r="JJ40" s="75">
        <v>0</v>
      </c>
      <c r="JK40" s="75">
        <v>0</v>
      </c>
      <c r="JL40" s="75">
        <v>0</v>
      </c>
      <c r="JM40" s="75">
        <v>0</v>
      </c>
      <c r="JN40" s="75">
        <v>1</v>
      </c>
      <c r="JO40" s="76">
        <v>1</v>
      </c>
      <c r="JP40" s="77">
        <v>1</v>
      </c>
      <c r="JQ40" s="74">
        <v>0</v>
      </c>
      <c r="JR40" s="75">
        <v>0</v>
      </c>
      <c r="JS40" s="76">
        <v>0</v>
      </c>
      <c r="JT40" s="245"/>
      <c r="JU40" s="75">
        <v>0</v>
      </c>
      <c r="JV40" s="75">
        <v>0</v>
      </c>
      <c r="JW40" s="75">
        <v>0</v>
      </c>
      <c r="JX40" s="75">
        <v>0</v>
      </c>
      <c r="JY40" s="75">
        <v>0</v>
      </c>
      <c r="JZ40" s="76">
        <v>0</v>
      </c>
      <c r="KA40" s="77">
        <v>0</v>
      </c>
      <c r="KB40" s="74">
        <v>1</v>
      </c>
      <c r="KC40" s="75">
        <v>0</v>
      </c>
      <c r="KD40" s="76">
        <v>1</v>
      </c>
      <c r="KE40" s="245"/>
      <c r="KF40" s="75">
        <v>1</v>
      </c>
      <c r="KG40" s="75">
        <v>2</v>
      </c>
      <c r="KH40" s="75">
        <v>1</v>
      </c>
      <c r="KI40" s="75">
        <v>0</v>
      </c>
      <c r="KJ40" s="75">
        <v>3</v>
      </c>
      <c r="KK40" s="76">
        <v>7</v>
      </c>
      <c r="KL40" s="77">
        <v>8</v>
      </c>
    </row>
    <row r="41" spans="1:298" ht="32.25" customHeight="1" x14ac:dyDescent="0.2">
      <c r="B41" s="311" t="s">
        <v>126</v>
      </c>
    </row>
  </sheetData>
  <mergeCells count="36">
    <mergeCell ref="GR5:HB5"/>
    <mergeCell ref="DH5:DR5"/>
    <mergeCell ref="DS5:EC5"/>
    <mergeCell ref="ED5:EN5"/>
    <mergeCell ref="GR3:KL3"/>
    <mergeCell ref="GR4:JP4"/>
    <mergeCell ref="JQ4:KA5"/>
    <mergeCell ref="KB4:KL5"/>
    <mergeCell ref="IJ5:IT5"/>
    <mergeCell ref="IU5:JE5"/>
    <mergeCell ref="JF5:JP5"/>
    <mergeCell ref="HC5:HM5"/>
    <mergeCell ref="HN5:HX5"/>
    <mergeCell ref="HY5:II5"/>
    <mergeCell ref="CW4:FU4"/>
    <mergeCell ref="FV4:GF5"/>
    <mergeCell ref="H1:I1"/>
    <mergeCell ref="E1:F1"/>
    <mergeCell ref="CA4:CK5"/>
    <mergeCell ref="A3:A5"/>
    <mergeCell ref="B3:CV3"/>
    <mergeCell ref="CW3:GQ3"/>
    <mergeCell ref="B5:L5"/>
    <mergeCell ref="M5:W5"/>
    <mergeCell ref="X5:AH5"/>
    <mergeCell ref="AI5:AS5"/>
    <mergeCell ref="AT5:BD5"/>
    <mergeCell ref="EO5:EY5"/>
    <mergeCell ref="GG4:GQ5"/>
    <mergeCell ref="BP5:BZ5"/>
    <mergeCell ref="CW5:DG5"/>
    <mergeCell ref="EZ5:FJ5"/>
    <mergeCell ref="FK5:FU5"/>
    <mergeCell ref="B4:BZ4"/>
    <mergeCell ref="CL4:CV5"/>
    <mergeCell ref="BE5:BO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64</v>
      </c>
      <c r="E1" s="523">
        <f>第１表!F2</f>
        <v>4</v>
      </c>
      <c r="F1" s="523"/>
      <c r="G1" s="248">
        <f>第１表!G2</f>
        <v>6</v>
      </c>
      <c r="H1" s="505">
        <f>G1</f>
        <v>6</v>
      </c>
      <c r="I1" s="505"/>
    </row>
    <row r="2" spans="1:298" ht="16.5" customHeight="1" thickBot="1" x14ac:dyDescent="0.25">
      <c r="A2" s="20" t="s">
        <v>153</v>
      </c>
    </row>
    <row r="3" spans="1:298" ht="22.5" customHeight="1" thickBot="1" x14ac:dyDescent="0.25">
      <c r="A3" s="506" t="s">
        <v>38</v>
      </c>
      <c r="B3" s="518" t="s">
        <v>96</v>
      </c>
      <c r="C3" s="518"/>
      <c r="D3" s="518"/>
      <c r="E3" s="518"/>
      <c r="F3" s="518"/>
      <c r="G3" s="518"/>
      <c r="H3" s="518"/>
      <c r="I3" s="518"/>
      <c r="J3" s="518"/>
      <c r="K3" s="518"/>
      <c r="L3" s="518"/>
      <c r="M3" s="518"/>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9"/>
      <c r="CW3" s="518" t="s">
        <v>103</v>
      </c>
      <c r="CX3" s="518"/>
      <c r="CY3" s="518"/>
      <c r="CZ3" s="518"/>
      <c r="DA3" s="518"/>
      <c r="DB3" s="518"/>
      <c r="DC3" s="518"/>
      <c r="DD3" s="518"/>
      <c r="DE3" s="518"/>
      <c r="DF3" s="518"/>
      <c r="DG3" s="518"/>
      <c r="DH3" s="518"/>
      <c r="DI3" s="518"/>
      <c r="DJ3" s="518"/>
      <c r="DK3" s="518"/>
      <c r="DL3" s="518"/>
      <c r="DM3" s="518"/>
      <c r="DN3" s="518"/>
      <c r="DO3" s="518"/>
      <c r="DP3" s="518"/>
      <c r="DQ3" s="518"/>
      <c r="DR3" s="518"/>
      <c r="DS3" s="518"/>
      <c r="DT3" s="518"/>
      <c r="DU3" s="518"/>
      <c r="DV3" s="518"/>
      <c r="DW3" s="518"/>
      <c r="DX3" s="518"/>
      <c r="DY3" s="518"/>
      <c r="DZ3" s="518"/>
      <c r="EA3" s="518"/>
      <c r="EB3" s="518"/>
      <c r="EC3" s="518"/>
      <c r="ED3" s="518"/>
      <c r="EE3" s="518"/>
      <c r="EF3" s="518"/>
      <c r="EG3" s="518"/>
      <c r="EH3" s="518"/>
      <c r="EI3" s="518"/>
      <c r="EJ3" s="518"/>
      <c r="EK3" s="518"/>
      <c r="EL3" s="518"/>
      <c r="EM3" s="518"/>
      <c r="EN3" s="518"/>
      <c r="EO3" s="518"/>
      <c r="EP3" s="518"/>
      <c r="EQ3" s="518"/>
      <c r="ER3" s="518"/>
      <c r="ES3" s="518"/>
      <c r="ET3" s="518"/>
      <c r="EU3" s="518"/>
      <c r="EV3" s="518"/>
      <c r="EW3" s="518"/>
      <c r="EX3" s="518"/>
      <c r="EY3" s="518"/>
      <c r="EZ3" s="518"/>
      <c r="FA3" s="518"/>
      <c r="FB3" s="518"/>
      <c r="FC3" s="518"/>
      <c r="FD3" s="518"/>
      <c r="FE3" s="518"/>
      <c r="FF3" s="518"/>
      <c r="FG3" s="518"/>
      <c r="FH3" s="518"/>
      <c r="FI3" s="518"/>
      <c r="FJ3" s="518"/>
      <c r="FK3" s="518"/>
      <c r="FL3" s="518"/>
      <c r="FM3" s="518"/>
      <c r="FN3" s="518"/>
      <c r="FO3" s="518"/>
      <c r="FP3" s="518"/>
      <c r="FQ3" s="518"/>
      <c r="FR3" s="518"/>
      <c r="FS3" s="518"/>
      <c r="FT3" s="518"/>
      <c r="FU3" s="518"/>
      <c r="FV3" s="518"/>
      <c r="FW3" s="518"/>
      <c r="FX3" s="518"/>
      <c r="FY3" s="518"/>
      <c r="FZ3" s="518"/>
      <c r="GA3" s="518"/>
      <c r="GB3" s="518"/>
      <c r="GC3" s="518"/>
      <c r="GD3" s="518"/>
      <c r="GE3" s="518"/>
      <c r="GF3" s="518"/>
      <c r="GG3" s="518"/>
      <c r="GH3" s="518"/>
      <c r="GI3" s="518"/>
      <c r="GJ3" s="518"/>
      <c r="GK3" s="518"/>
      <c r="GL3" s="518"/>
      <c r="GM3" s="518"/>
      <c r="GN3" s="518"/>
      <c r="GO3" s="518"/>
      <c r="GP3" s="518"/>
      <c r="GQ3" s="519"/>
      <c r="GR3" s="518" t="s">
        <v>104</v>
      </c>
      <c r="GS3" s="518"/>
      <c r="GT3" s="518"/>
      <c r="GU3" s="518"/>
      <c r="GV3" s="518"/>
      <c r="GW3" s="518"/>
      <c r="GX3" s="518"/>
      <c r="GY3" s="518"/>
      <c r="GZ3" s="518"/>
      <c r="HA3" s="518"/>
      <c r="HB3" s="518"/>
      <c r="HC3" s="518"/>
      <c r="HD3" s="518"/>
      <c r="HE3" s="518"/>
      <c r="HF3" s="518"/>
      <c r="HG3" s="518"/>
      <c r="HH3" s="518"/>
      <c r="HI3" s="518"/>
      <c r="HJ3" s="518"/>
      <c r="HK3" s="518"/>
      <c r="HL3" s="518"/>
      <c r="HM3" s="518"/>
      <c r="HN3" s="518"/>
      <c r="HO3" s="518"/>
      <c r="HP3" s="518"/>
      <c r="HQ3" s="518"/>
      <c r="HR3" s="518"/>
      <c r="HS3" s="518"/>
      <c r="HT3" s="518"/>
      <c r="HU3" s="518"/>
      <c r="HV3" s="518"/>
      <c r="HW3" s="518"/>
      <c r="HX3" s="518"/>
      <c r="HY3" s="518"/>
      <c r="HZ3" s="518"/>
      <c r="IA3" s="518"/>
      <c r="IB3" s="518"/>
      <c r="IC3" s="518"/>
      <c r="ID3" s="518"/>
      <c r="IE3" s="518"/>
      <c r="IF3" s="518"/>
      <c r="IG3" s="518"/>
      <c r="IH3" s="518"/>
      <c r="II3" s="518"/>
      <c r="IJ3" s="518"/>
      <c r="IK3" s="518"/>
      <c r="IL3" s="518"/>
      <c r="IM3" s="518"/>
      <c r="IN3" s="518"/>
      <c r="IO3" s="518"/>
      <c r="IP3" s="518"/>
      <c r="IQ3" s="518"/>
      <c r="IR3" s="518"/>
      <c r="IS3" s="518"/>
      <c r="IT3" s="518"/>
      <c r="IU3" s="518"/>
      <c r="IV3" s="518"/>
      <c r="IW3" s="518"/>
      <c r="IX3" s="518"/>
      <c r="IY3" s="518"/>
      <c r="IZ3" s="518"/>
      <c r="JA3" s="518"/>
      <c r="JB3" s="518"/>
      <c r="JC3" s="518"/>
      <c r="JD3" s="518"/>
      <c r="JE3" s="518"/>
      <c r="JF3" s="518"/>
      <c r="JG3" s="518"/>
      <c r="JH3" s="518"/>
      <c r="JI3" s="518"/>
      <c r="JJ3" s="518"/>
      <c r="JK3" s="518"/>
      <c r="JL3" s="518"/>
      <c r="JM3" s="518"/>
      <c r="JN3" s="518"/>
      <c r="JO3" s="518"/>
      <c r="JP3" s="518"/>
      <c r="JQ3" s="518"/>
      <c r="JR3" s="518"/>
      <c r="JS3" s="518"/>
      <c r="JT3" s="518"/>
      <c r="JU3" s="518"/>
      <c r="JV3" s="518"/>
      <c r="JW3" s="518"/>
      <c r="JX3" s="518"/>
      <c r="JY3" s="518"/>
      <c r="JZ3" s="518"/>
      <c r="KA3" s="518"/>
      <c r="KB3" s="518"/>
      <c r="KC3" s="518"/>
      <c r="KD3" s="518"/>
      <c r="KE3" s="518"/>
      <c r="KF3" s="518"/>
      <c r="KG3" s="518"/>
      <c r="KH3" s="518"/>
      <c r="KI3" s="518"/>
      <c r="KJ3" s="518"/>
      <c r="KK3" s="518"/>
      <c r="KL3" s="519"/>
    </row>
    <row r="4" spans="1:298" ht="27.75" customHeight="1" thickBot="1" x14ac:dyDescent="0.25">
      <c r="A4" s="524"/>
      <c r="B4" s="520" t="s">
        <v>39</v>
      </c>
      <c r="C4" s="521"/>
      <c r="D4" s="521"/>
      <c r="E4" s="521"/>
      <c r="F4" s="521"/>
      <c r="G4" s="521"/>
      <c r="H4" s="521"/>
      <c r="I4" s="521"/>
      <c r="J4" s="521"/>
      <c r="K4" s="521"/>
      <c r="L4" s="521"/>
      <c r="M4" s="521"/>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2"/>
      <c r="CA4" s="506" t="s">
        <v>40</v>
      </c>
      <c r="CB4" s="507"/>
      <c r="CC4" s="507"/>
      <c r="CD4" s="507"/>
      <c r="CE4" s="507"/>
      <c r="CF4" s="507"/>
      <c r="CG4" s="507"/>
      <c r="CH4" s="507"/>
      <c r="CI4" s="507"/>
      <c r="CJ4" s="507"/>
      <c r="CK4" s="508"/>
      <c r="CL4" s="506" t="s">
        <v>41</v>
      </c>
      <c r="CM4" s="507"/>
      <c r="CN4" s="507"/>
      <c r="CO4" s="507"/>
      <c r="CP4" s="507"/>
      <c r="CQ4" s="507"/>
      <c r="CR4" s="507"/>
      <c r="CS4" s="507"/>
      <c r="CT4" s="507"/>
      <c r="CU4" s="507"/>
      <c r="CV4" s="508"/>
      <c r="CW4" s="520" t="s">
        <v>39</v>
      </c>
      <c r="CX4" s="521"/>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2"/>
      <c r="FV4" s="506" t="s">
        <v>40</v>
      </c>
      <c r="FW4" s="507"/>
      <c r="FX4" s="507"/>
      <c r="FY4" s="507"/>
      <c r="FZ4" s="507"/>
      <c r="GA4" s="507"/>
      <c r="GB4" s="507"/>
      <c r="GC4" s="507"/>
      <c r="GD4" s="507"/>
      <c r="GE4" s="507"/>
      <c r="GF4" s="508"/>
      <c r="GG4" s="506" t="s">
        <v>41</v>
      </c>
      <c r="GH4" s="507"/>
      <c r="GI4" s="507"/>
      <c r="GJ4" s="507"/>
      <c r="GK4" s="507"/>
      <c r="GL4" s="507"/>
      <c r="GM4" s="507"/>
      <c r="GN4" s="507"/>
      <c r="GO4" s="507"/>
      <c r="GP4" s="507"/>
      <c r="GQ4" s="508"/>
      <c r="GR4" s="520" t="s">
        <v>39</v>
      </c>
      <c r="GS4" s="521"/>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1"/>
      <c r="HZ4" s="521"/>
      <c r="IA4" s="521"/>
      <c r="IB4" s="521"/>
      <c r="IC4" s="521"/>
      <c r="ID4" s="521"/>
      <c r="IE4" s="521"/>
      <c r="IF4" s="521"/>
      <c r="IG4" s="521"/>
      <c r="IH4" s="521"/>
      <c r="II4" s="521"/>
      <c r="IJ4" s="521"/>
      <c r="IK4" s="521"/>
      <c r="IL4" s="521"/>
      <c r="IM4" s="521"/>
      <c r="IN4" s="521"/>
      <c r="IO4" s="521"/>
      <c r="IP4" s="521"/>
      <c r="IQ4" s="521"/>
      <c r="IR4" s="521"/>
      <c r="IS4" s="521"/>
      <c r="IT4" s="521"/>
      <c r="IU4" s="521"/>
      <c r="IV4" s="521"/>
      <c r="IW4" s="521"/>
      <c r="IX4" s="521"/>
      <c r="IY4" s="521"/>
      <c r="IZ4" s="521"/>
      <c r="JA4" s="521"/>
      <c r="JB4" s="521"/>
      <c r="JC4" s="521"/>
      <c r="JD4" s="521"/>
      <c r="JE4" s="521"/>
      <c r="JF4" s="521"/>
      <c r="JG4" s="521"/>
      <c r="JH4" s="521"/>
      <c r="JI4" s="521"/>
      <c r="JJ4" s="521"/>
      <c r="JK4" s="521"/>
      <c r="JL4" s="521"/>
      <c r="JM4" s="521"/>
      <c r="JN4" s="521"/>
      <c r="JO4" s="521"/>
      <c r="JP4" s="522"/>
      <c r="JQ4" s="506" t="s">
        <v>40</v>
      </c>
      <c r="JR4" s="507"/>
      <c r="JS4" s="507"/>
      <c r="JT4" s="507"/>
      <c r="JU4" s="507"/>
      <c r="JV4" s="507"/>
      <c r="JW4" s="507"/>
      <c r="JX4" s="507"/>
      <c r="JY4" s="507"/>
      <c r="JZ4" s="507"/>
      <c r="KA4" s="508"/>
      <c r="KB4" s="506" t="s">
        <v>41</v>
      </c>
      <c r="KC4" s="507"/>
      <c r="KD4" s="507"/>
      <c r="KE4" s="507"/>
      <c r="KF4" s="507"/>
      <c r="KG4" s="507"/>
      <c r="KH4" s="507"/>
      <c r="KI4" s="507"/>
      <c r="KJ4" s="507"/>
      <c r="KK4" s="507"/>
      <c r="KL4" s="508"/>
    </row>
    <row r="5" spans="1:298" ht="27.75" customHeight="1" thickBot="1" x14ac:dyDescent="0.25">
      <c r="A5" s="512"/>
      <c r="B5" s="512"/>
      <c r="C5" s="513"/>
      <c r="D5" s="513"/>
      <c r="E5" s="513"/>
      <c r="F5" s="513"/>
      <c r="G5" s="513"/>
      <c r="H5" s="513"/>
      <c r="I5" s="513"/>
      <c r="J5" s="513"/>
      <c r="K5" s="513"/>
      <c r="L5" s="514"/>
      <c r="M5" s="515" t="s">
        <v>97</v>
      </c>
      <c r="N5" s="516"/>
      <c r="O5" s="516"/>
      <c r="P5" s="516"/>
      <c r="Q5" s="516"/>
      <c r="R5" s="516"/>
      <c r="S5" s="516"/>
      <c r="T5" s="516"/>
      <c r="U5" s="516"/>
      <c r="V5" s="516"/>
      <c r="W5" s="517"/>
      <c r="X5" s="515" t="s">
        <v>98</v>
      </c>
      <c r="Y5" s="516"/>
      <c r="Z5" s="516"/>
      <c r="AA5" s="516"/>
      <c r="AB5" s="516"/>
      <c r="AC5" s="516"/>
      <c r="AD5" s="516"/>
      <c r="AE5" s="516"/>
      <c r="AF5" s="516"/>
      <c r="AG5" s="516"/>
      <c r="AH5" s="517"/>
      <c r="AI5" s="515" t="s">
        <v>99</v>
      </c>
      <c r="AJ5" s="516"/>
      <c r="AK5" s="516"/>
      <c r="AL5" s="516"/>
      <c r="AM5" s="516"/>
      <c r="AN5" s="516"/>
      <c r="AO5" s="516"/>
      <c r="AP5" s="516"/>
      <c r="AQ5" s="516"/>
      <c r="AR5" s="516"/>
      <c r="AS5" s="517"/>
      <c r="AT5" s="515" t="s">
        <v>100</v>
      </c>
      <c r="AU5" s="516"/>
      <c r="AV5" s="516"/>
      <c r="AW5" s="516"/>
      <c r="AX5" s="516"/>
      <c r="AY5" s="516"/>
      <c r="AZ5" s="516"/>
      <c r="BA5" s="516"/>
      <c r="BB5" s="516"/>
      <c r="BC5" s="516"/>
      <c r="BD5" s="517"/>
      <c r="BE5" s="515" t="s">
        <v>101</v>
      </c>
      <c r="BF5" s="516"/>
      <c r="BG5" s="516"/>
      <c r="BH5" s="516"/>
      <c r="BI5" s="516"/>
      <c r="BJ5" s="516"/>
      <c r="BK5" s="516"/>
      <c r="BL5" s="516"/>
      <c r="BM5" s="516"/>
      <c r="BN5" s="516"/>
      <c r="BO5" s="517"/>
      <c r="BP5" s="515" t="s">
        <v>102</v>
      </c>
      <c r="BQ5" s="516"/>
      <c r="BR5" s="516"/>
      <c r="BS5" s="516"/>
      <c r="BT5" s="516"/>
      <c r="BU5" s="516"/>
      <c r="BV5" s="516"/>
      <c r="BW5" s="516"/>
      <c r="BX5" s="516"/>
      <c r="BY5" s="516"/>
      <c r="BZ5" s="517"/>
      <c r="CA5" s="509"/>
      <c r="CB5" s="510"/>
      <c r="CC5" s="510"/>
      <c r="CD5" s="510"/>
      <c r="CE5" s="510"/>
      <c r="CF5" s="510"/>
      <c r="CG5" s="510"/>
      <c r="CH5" s="510"/>
      <c r="CI5" s="510"/>
      <c r="CJ5" s="510"/>
      <c r="CK5" s="511"/>
      <c r="CL5" s="509"/>
      <c r="CM5" s="510"/>
      <c r="CN5" s="510"/>
      <c r="CO5" s="510"/>
      <c r="CP5" s="510"/>
      <c r="CQ5" s="510"/>
      <c r="CR5" s="510"/>
      <c r="CS5" s="510"/>
      <c r="CT5" s="510"/>
      <c r="CU5" s="510"/>
      <c r="CV5" s="511"/>
      <c r="CW5" s="512"/>
      <c r="CX5" s="513"/>
      <c r="CY5" s="513"/>
      <c r="CZ5" s="513"/>
      <c r="DA5" s="513"/>
      <c r="DB5" s="513"/>
      <c r="DC5" s="513"/>
      <c r="DD5" s="513"/>
      <c r="DE5" s="513"/>
      <c r="DF5" s="513"/>
      <c r="DG5" s="514"/>
      <c r="DH5" s="515" t="s">
        <v>97</v>
      </c>
      <c r="DI5" s="516"/>
      <c r="DJ5" s="516"/>
      <c r="DK5" s="516"/>
      <c r="DL5" s="516"/>
      <c r="DM5" s="516"/>
      <c r="DN5" s="516"/>
      <c r="DO5" s="516"/>
      <c r="DP5" s="516"/>
      <c r="DQ5" s="516"/>
      <c r="DR5" s="517"/>
      <c r="DS5" s="515" t="s">
        <v>98</v>
      </c>
      <c r="DT5" s="516"/>
      <c r="DU5" s="516"/>
      <c r="DV5" s="516"/>
      <c r="DW5" s="516"/>
      <c r="DX5" s="516"/>
      <c r="DY5" s="516"/>
      <c r="DZ5" s="516"/>
      <c r="EA5" s="516"/>
      <c r="EB5" s="516"/>
      <c r="EC5" s="517"/>
      <c r="ED5" s="515" t="s">
        <v>99</v>
      </c>
      <c r="EE5" s="516"/>
      <c r="EF5" s="516"/>
      <c r="EG5" s="516"/>
      <c r="EH5" s="516"/>
      <c r="EI5" s="516"/>
      <c r="EJ5" s="516"/>
      <c r="EK5" s="516"/>
      <c r="EL5" s="516"/>
      <c r="EM5" s="516"/>
      <c r="EN5" s="517"/>
      <c r="EO5" s="515" t="s">
        <v>100</v>
      </c>
      <c r="EP5" s="516"/>
      <c r="EQ5" s="516"/>
      <c r="ER5" s="516"/>
      <c r="ES5" s="516"/>
      <c r="ET5" s="516"/>
      <c r="EU5" s="516"/>
      <c r="EV5" s="516"/>
      <c r="EW5" s="516"/>
      <c r="EX5" s="516"/>
      <c r="EY5" s="517"/>
      <c r="EZ5" s="515" t="s">
        <v>101</v>
      </c>
      <c r="FA5" s="516"/>
      <c r="FB5" s="516"/>
      <c r="FC5" s="516"/>
      <c r="FD5" s="516"/>
      <c r="FE5" s="516"/>
      <c r="FF5" s="516"/>
      <c r="FG5" s="516"/>
      <c r="FH5" s="516"/>
      <c r="FI5" s="516"/>
      <c r="FJ5" s="517"/>
      <c r="FK5" s="515" t="s">
        <v>102</v>
      </c>
      <c r="FL5" s="516"/>
      <c r="FM5" s="516"/>
      <c r="FN5" s="516"/>
      <c r="FO5" s="516"/>
      <c r="FP5" s="516"/>
      <c r="FQ5" s="516"/>
      <c r="FR5" s="516"/>
      <c r="FS5" s="516"/>
      <c r="FT5" s="516"/>
      <c r="FU5" s="517"/>
      <c r="FV5" s="509"/>
      <c r="FW5" s="510"/>
      <c r="FX5" s="510"/>
      <c r="FY5" s="510"/>
      <c r="FZ5" s="510"/>
      <c r="GA5" s="510"/>
      <c r="GB5" s="510"/>
      <c r="GC5" s="510"/>
      <c r="GD5" s="510"/>
      <c r="GE5" s="510"/>
      <c r="GF5" s="511"/>
      <c r="GG5" s="509"/>
      <c r="GH5" s="510"/>
      <c r="GI5" s="510"/>
      <c r="GJ5" s="510"/>
      <c r="GK5" s="510"/>
      <c r="GL5" s="510"/>
      <c r="GM5" s="510"/>
      <c r="GN5" s="510"/>
      <c r="GO5" s="510"/>
      <c r="GP5" s="510"/>
      <c r="GQ5" s="511"/>
      <c r="GR5" s="512"/>
      <c r="GS5" s="513"/>
      <c r="GT5" s="513"/>
      <c r="GU5" s="513"/>
      <c r="GV5" s="513"/>
      <c r="GW5" s="513"/>
      <c r="GX5" s="513"/>
      <c r="GY5" s="513"/>
      <c r="GZ5" s="513"/>
      <c r="HA5" s="513"/>
      <c r="HB5" s="514"/>
      <c r="HC5" s="515" t="s">
        <v>97</v>
      </c>
      <c r="HD5" s="516"/>
      <c r="HE5" s="516"/>
      <c r="HF5" s="516"/>
      <c r="HG5" s="516"/>
      <c r="HH5" s="516"/>
      <c r="HI5" s="516"/>
      <c r="HJ5" s="516"/>
      <c r="HK5" s="516"/>
      <c r="HL5" s="516"/>
      <c r="HM5" s="517"/>
      <c r="HN5" s="515" t="s">
        <v>98</v>
      </c>
      <c r="HO5" s="516"/>
      <c r="HP5" s="516"/>
      <c r="HQ5" s="516"/>
      <c r="HR5" s="516"/>
      <c r="HS5" s="516"/>
      <c r="HT5" s="516"/>
      <c r="HU5" s="516"/>
      <c r="HV5" s="516"/>
      <c r="HW5" s="516"/>
      <c r="HX5" s="517"/>
      <c r="HY5" s="515" t="s">
        <v>99</v>
      </c>
      <c r="HZ5" s="516"/>
      <c r="IA5" s="516"/>
      <c r="IB5" s="516"/>
      <c r="IC5" s="516"/>
      <c r="ID5" s="516"/>
      <c r="IE5" s="516"/>
      <c r="IF5" s="516"/>
      <c r="IG5" s="516"/>
      <c r="IH5" s="516"/>
      <c r="II5" s="517"/>
      <c r="IJ5" s="515" t="s">
        <v>100</v>
      </c>
      <c r="IK5" s="516"/>
      <c r="IL5" s="516"/>
      <c r="IM5" s="516"/>
      <c r="IN5" s="516"/>
      <c r="IO5" s="516"/>
      <c r="IP5" s="516"/>
      <c r="IQ5" s="516"/>
      <c r="IR5" s="516"/>
      <c r="IS5" s="516"/>
      <c r="IT5" s="517"/>
      <c r="IU5" s="515" t="s">
        <v>101</v>
      </c>
      <c r="IV5" s="516"/>
      <c r="IW5" s="516"/>
      <c r="IX5" s="516"/>
      <c r="IY5" s="516"/>
      <c r="IZ5" s="516"/>
      <c r="JA5" s="516"/>
      <c r="JB5" s="516"/>
      <c r="JC5" s="516"/>
      <c r="JD5" s="516"/>
      <c r="JE5" s="517"/>
      <c r="JF5" s="515" t="s">
        <v>102</v>
      </c>
      <c r="JG5" s="516"/>
      <c r="JH5" s="516"/>
      <c r="JI5" s="516"/>
      <c r="JJ5" s="516"/>
      <c r="JK5" s="516"/>
      <c r="JL5" s="516"/>
      <c r="JM5" s="516"/>
      <c r="JN5" s="516"/>
      <c r="JO5" s="516"/>
      <c r="JP5" s="517"/>
      <c r="JQ5" s="509"/>
      <c r="JR5" s="510"/>
      <c r="JS5" s="510"/>
      <c r="JT5" s="510"/>
      <c r="JU5" s="510"/>
      <c r="JV5" s="510"/>
      <c r="JW5" s="510"/>
      <c r="JX5" s="510"/>
      <c r="JY5" s="510"/>
      <c r="JZ5" s="510"/>
      <c r="KA5" s="511"/>
      <c r="KB5" s="509"/>
      <c r="KC5" s="510"/>
      <c r="KD5" s="510"/>
      <c r="KE5" s="510"/>
      <c r="KF5" s="510"/>
      <c r="KG5" s="510"/>
      <c r="KH5" s="510"/>
      <c r="KI5" s="510"/>
      <c r="KJ5" s="510"/>
      <c r="KK5" s="510"/>
      <c r="KL5" s="511"/>
    </row>
    <row r="6" spans="1:298" ht="44.25" customHeight="1" thickBot="1" x14ac:dyDescent="0.25">
      <c r="A6" s="354" t="s">
        <v>42</v>
      </c>
      <c r="B6" s="51" t="s">
        <v>43</v>
      </c>
      <c r="C6" s="47" t="s">
        <v>44</v>
      </c>
      <c r="D6" s="48" t="s">
        <v>45</v>
      </c>
      <c r="E6" s="52" t="s">
        <v>46</v>
      </c>
      <c r="F6" s="47" t="s">
        <v>47</v>
      </c>
      <c r="G6" s="47" t="s">
        <v>48</v>
      </c>
      <c r="H6" s="47" t="s">
        <v>49</v>
      </c>
      <c r="I6" s="47" t="s">
        <v>50</v>
      </c>
      <c r="J6" s="47" t="s">
        <v>51</v>
      </c>
      <c r="K6" s="48" t="s">
        <v>45</v>
      </c>
      <c r="L6" s="352" t="s">
        <v>52</v>
      </c>
      <c r="M6" s="357" t="s">
        <v>43</v>
      </c>
      <c r="N6" s="358" t="s">
        <v>44</v>
      </c>
      <c r="O6" s="359" t="s">
        <v>45</v>
      </c>
      <c r="P6" s="360" t="s">
        <v>46</v>
      </c>
      <c r="Q6" s="358" t="s">
        <v>47</v>
      </c>
      <c r="R6" s="358" t="s">
        <v>48</v>
      </c>
      <c r="S6" s="358" t="s">
        <v>49</v>
      </c>
      <c r="T6" s="358" t="s">
        <v>50</v>
      </c>
      <c r="U6" s="358" t="s">
        <v>51</v>
      </c>
      <c r="V6" s="359" t="s">
        <v>45</v>
      </c>
      <c r="W6" s="356" t="s">
        <v>52</v>
      </c>
      <c r="X6" s="357" t="s">
        <v>43</v>
      </c>
      <c r="Y6" s="358" t="s">
        <v>44</v>
      </c>
      <c r="Z6" s="359" t="s">
        <v>45</v>
      </c>
      <c r="AA6" s="360" t="s">
        <v>46</v>
      </c>
      <c r="AB6" s="358" t="s">
        <v>47</v>
      </c>
      <c r="AC6" s="358" t="s">
        <v>48</v>
      </c>
      <c r="AD6" s="358" t="s">
        <v>49</v>
      </c>
      <c r="AE6" s="358" t="s">
        <v>50</v>
      </c>
      <c r="AF6" s="358" t="s">
        <v>51</v>
      </c>
      <c r="AG6" s="359" t="s">
        <v>45</v>
      </c>
      <c r="AH6" s="361" t="s">
        <v>52</v>
      </c>
      <c r="AI6" s="357" t="s">
        <v>43</v>
      </c>
      <c r="AJ6" s="358" t="s">
        <v>44</v>
      </c>
      <c r="AK6" s="359" t="s">
        <v>45</v>
      </c>
      <c r="AL6" s="360" t="s">
        <v>46</v>
      </c>
      <c r="AM6" s="358" t="s">
        <v>47</v>
      </c>
      <c r="AN6" s="358" t="s">
        <v>48</v>
      </c>
      <c r="AO6" s="358" t="s">
        <v>49</v>
      </c>
      <c r="AP6" s="358" t="s">
        <v>50</v>
      </c>
      <c r="AQ6" s="358" t="s">
        <v>51</v>
      </c>
      <c r="AR6" s="359" t="s">
        <v>45</v>
      </c>
      <c r="AS6" s="361" t="s">
        <v>52</v>
      </c>
      <c r="AT6" s="357" t="s">
        <v>43</v>
      </c>
      <c r="AU6" s="358" t="s">
        <v>44</v>
      </c>
      <c r="AV6" s="359" t="s">
        <v>45</v>
      </c>
      <c r="AW6" s="360" t="s">
        <v>46</v>
      </c>
      <c r="AX6" s="358" t="s">
        <v>47</v>
      </c>
      <c r="AY6" s="358" t="s">
        <v>48</v>
      </c>
      <c r="AZ6" s="358" t="s">
        <v>49</v>
      </c>
      <c r="BA6" s="358" t="s">
        <v>50</v>
      </c>
      <c r="BB6" s="358" t="s">
        <v>51</v>
      </c>
      <c r="BC6" s="359" t="s">
        <v>45</v>
      </c>
      <c r="BD6" s="361" t="s">
        <v>52</v>
      </c>
      <c r="BE6" s="357" t="s">
        <v>43</v>
      </c>
      <c r="BF6" s="358" t="s">
        <v>44</v>
      </c>
      <c r="BG6" s="359" t="s">
        <v>45</v>
      </c>
      <c r="BH6" s="360" t="s">
        <v>46</v>
      </c>
      <c r="BI6" s="358" t="s">
        <v>47</v>
      </c>
      <c r="BJ6" s="358" t="s">
        <v>48</v>
      </c>
      <c r="BK6" s="358" t="s">
        <v>49</v>
      </c>
      <c r="BL6" s="358" t="s">
        <v>50</v>
      </c>
      <c r="BM6" s="358" t="s">
        <v>51</v>
      </c>
      <c r="BN6" s="359" t="s">
        <v>45</v>
      </c>
      <c r="BO6" s="361" t="s">
        <v>52</v>
      </c>
      <c r="BP6" s="357" t="s">
        <v>43</v>
      </c>
      <c r="BQ6" s="358" t="s">
        <v>44</v>
      </c>
      <c r="BR6" s="359" t="s">
        <v>45</v>
      </c>
      <c r="BS6" s="360" t="s">
        <v>46</v>
      </c>
      <c r="BT6" s="358" t="s">
        <v>47</v>
      </c>
      <c r="BU6" s="358" t="s">
        <v>48</v>
      </c>
      <c r="BV6" s="358" t="s">
        <v>49</v>
      </c>
      <c r="BW6" s="358" t="s">
        <v>50</v>
      </c>
      <c r="BX6" s="358" t="s">
        <v>51</v>
      </c>
      <c r="BY6" s="359" t="s">
        <v>45</v>
      </c>
      <c r="BZ6" s="361" t="s">
        <v>52</v>
      </c>
      <c r="CA6" s="357" t="s">
        <v>43</v>
      </c>
      <c r="CB6" s="358" t="s">
        <v>44</v>
      </c>
      <c r="CC6" s="359" t="s">
        <v>45</v>
      </c>
      <c r="CD6" s="360" t="s">
        <v>46</v>
      </c>
      <c r="CE6" s="358" t="s">
        <v>47</v>
      </c>
      <c r="CF6" s="358" t="s">
        <v>48</v>
      </c>
      <c r="CG6" s="358" t="s">
        <v>49</v>
      </c>
      <c r="CH6" s="358" t="s">
        <v>50</v>
      </c>
      <c r="CI6" s="358" t="s">
        <v>51</v>
      </c>
      <c r="CJ6" s="359" t="s">
        <v>45</v>
      </c>
      <c r="CK6" s="361" t="s">
        <v>52</v>
      </c>
      <c r="CL6" s="357" t="s">
        <v>43</v>
      </c>
      <c r="CM6" s="358" t="s">
        <v>44</v>
      </c>
      <c r="CN6" s="359" t="s">
        <v>45</v>
      </c>
      <c r="CO6" s="360" t="s">
        <v>46</v>
      </c>
      <c r="CP6" s="358" t="s">
        <v>47</v>
      </c>
      <c r="CQ6" s="358" t="s">
        <v>48</v>
      </c>
      <c r="CR6" s="358" t="s">
        <v>49</v>
      </c>
      <c r="CS6" s="358" t="s">
        <v>50</v>
      </c>
      <c r="CT6" s="358" t="s">
        <v>51</v>
      </c>
      <c r="CU6" s="359" t="s">
        <v>45</v>
      </c>
      <c r="CV6" s="361" t="s">
        <v>52</v>
      </c>
      <c r="CW6" s="51" t="s">
        <v>43</v>
      </c>
      <c r="CX6" s="47" t="s">
        <v>44</v>
      </c>
      <c r="CY6" s="48" t="s">
        <v>45</v>
      </c>
      <c r="CZ6" s="52" t="s">
        <v>46</v>
      </c>
      <c r="DA6" s="47" t="s">
        <v>47</v>
      </c>
      <c r="DB6" s="47" t="s">
        <v>48</v>
      </c>
      <c r="DC6" s="47" t="s">
        <v>49</v>
      </c>
      <c r="DD6" s="47" t="s">
        <v>50</v>
      </c>
      <c r="DE6" s="47" t="s">
        <v>51</v>
      </c>
      <c r="DF6" s="48" t="s">
        <v>45</v>
      </c>
      <c r="DG6" s="352" t="s">
        <v>52</v>
      </c>
      <c r="DH6" s="357" t="s">
        <v>43</v>
      </c>
      <c r="DI6" s="358" t="s">
        <v>44</v>
      </c>
      <c r="DJ6" s="359" t="s">
        <v>45</v>
      </c>
      <c r="DK6" s="360" t="s">
        <v>46</v>
      </c>
      <c r="DL6" s="358" t="s">
        <v>47</v>
      </c>
      <c r="DM6" s="358" t="s">
        <v>48</v>
      </c>
      <c r="DN6" s="358" t="s">
        <v>49</v>
      </c>
      <c r="DO6" s="358" t="s">
        <v>50</v>
      </c>
      <c r="DP6" s="358" t="s">
        <v>51</v>
      </c>
      <c r="DQ6" s="359" t="s">
        <v>45</v>
      </c>
      <c r="DR6" s="361" t="s">
        <v>52</v>
      </c>
      <c r="DS6" s="357" t="s">
        <v>43</v>
      </c>
      <c r="DT6" s="358" t="s">
        <v>44</v>
      </c>
      <c r="DU6" s="359" t="s">
        <v>45</v>
      </c>
      <c r="DV6" s="360" t="s">
        <v>46</v>
      </c>
      <c r="DW6" s="358" t="s">
        <v>47</v>
      </c>
      <c r="DX6" s="358" t="s">
        <v>48</v>
      </c>
      <c r="DY6" s="358" t="s">
        <v>49</v>
      </c>
      <c r="DZ6" s="358" t="s">
        <v>50</v>
      </c>
      <c r="EA6" s="358" t="s">
        <v>51</v>
      </c>
      <c r="EB6" s="359" t="s">
        <v>45</v>
      </c>
      <c r="EC6" s="361" t="s">
        <v>52</v>
      </c>
      <c r="ED6" s="357" t="s">
        <v>43</v>
      </c>
      <c r="EE6" s="358" t="s">
        <v>44</v>
      </c>
      <c r="EF6" s="359" t="s">
        <v>45</v>
      </c>
      <c r="EG6" s="360" t="s">
        <v>46</v>
      </c>
      <c r="EH6" s="358" t="s">
        <v>47</v>
      </c>
      <c r="EI6" s="358" t="s">
        <v>48</v>
      </c>
      <c r="EJ6" s="358" t="s">
        <v>49</v>
      </c>
      <c r="EK6" s="358" t="s">
        <v>50</v>
      </c>
      <c r="EL6" s="358" t="s">
        <v>51</v>
      </c>
      <c r="EM6" s="359" t="s">
        <v>45</v>
      </c>
      <c r="EN6" s="361" t="s">
        <v>52</v>
      </c>
      <c r="EO6" s="357" t="s">
        <v>43</v>
      </c>
      <c r="EP6" s="358" t="s">
        <v>44</v>
      </c>
      <c r="EQ6" s="359" t="s">
        <v>45</v>
      </c>
      <c r="ER6" s="360" t="s">
        <v>46</v>
      </c>
      <c r="ES6" s="358" t="s">
        <v>47</v>
      </c>
      <c r="ET6" s="358" t="s">
        <v>48</v>
      </c>
      <c r="EU6" s="358" t="s">
        <v>49</v>
      </c>
      <c r="EV6" s="358" t="s">
        <v>50</v>
      </c>
      <c r="EW6" s="358" t="s">
        <v>51</v>
      </c>
      <c r="EX6" s="359" t="s">
        <v>45</v>
      </c>
      <c r="EY6" s="361" t="s">
        <v>52</v>
      </c>
      <c r="EZ6" s="357" t="s">
        <v>43</v>
      </c>
      <c r="FA6" s="358" t="s">
        <v>44</v>
      </c>
      <c r="FB6" s="359" t="s">
        <v>45</v>
      </c>
      <c r="FC6" s="360" t="s">
        <v>46</v>
      </c>
      <c r="FD6" s="358" t="s">
        <v>47</v>
      </c>
      <c r="FE6" s="358" t="s">
        <v>48</v>
      </c>
      <c r="FF6" s="358" t="s">
        <v>49</v>
      </c>
      <c r="FG6" s="358" t="s">
        <v>50</v>
      </c>
      <c r="FH6" s="358" t="s">
        <v>51</v>
      </c>
      <c r="FI6" s="359" t="s">
        <v>45</v>
      </c>
      <c r="FJ6" s="361" t="s">
        <v>52</v>
      </c>
      <c r="FK6" s="357" t="s">
        <v>43</v>
      </c>
      <c r="FL6" s="358" t="s">
        <v>44</v>
      </c>
      <c r="FM6" s="359" t="s">
        <v>45</v>
      </c>
      <c r="FN6" s="360" t="s">
        <v>46</v>
      </c>
      <c r="FO6" s="358" t="s">
        <v>47</v>
      </c>
      <c r="FP6" s="358" t="s">
        <v>48</v>
      </c>
      <c r="FQ6" s="358" t="s">
        <v>49</v>
      </c>
      <c r="FR6" s="358" t="s">
        <v>50</v>
      </c>
      <c r="FS6" s="358" t="s">
        <v>51</v>
      </c>
      <c r="FT6" s="359" t="s">
        <v>45</v>
      </c>
      <c r="FU6" s="361" t="s">
        <v>52</v>
      </c>
      <c r="FV6" s="357" t="s">
        <v>43</v>
      </c>
      <c r="FW6" s="358" t="s">
        <v>44</v>
      </c>
      <c r="FX6" s="359" t="s">
        <v>45</v>
      </c>
      <c r="FY6" s="360" t="s">
        <v>46</v>
      </c>
      <c r="FZ6" s="358" t="s">
        <v>47</v>
      </c>
      <c r="GA6" s="358" t="s">
        <v>48</v>
      </c>
      <c r="GB6" s="358" t="s">
        <v>49</v>
      </c>
      <c r="GC6" s="358" t="s">
        <v>50</v>
      </c>
      <c r="GD6" s="358" t="s">
        <v>51</v>
      </c>
      <c r="GE6" s="359" t="s">
        <v>45</v>
      </c>
      <c r="GF6" s="361" t="s">
        <v>52</v>
      </c>
      <c r="GG6" s="357" t="s">
        <v>43</v>
      </c>
      <c r="GH6" s="358" t="s">
        <v>44</v>
      </c>
      <c r="GI6" s="359" t="s">
        <v>45</v>
      </c>
      <c r="GJ6" s="360" t="s">
        <v>46</v>
      </c>
      <c r="GK6" s="358" t="s">
        <v>47</v>
      </c>
      <c r="GL6" s="358" t="s">
        <v>48</v>
      </c>
      <c r="GM6" s="358" t="s">
        <v>49</v>
      </c>
      <c r="GN6" s="358" t="s">
        <v>50</v>
      </c>
      <c r="GO6" s="358" t="s">
        <v>51</v>
      </c>
      <c r="GP6" s="359" t="s">
        <v>45</v>
      </c>
      <c r="GQ6" s="361" t="s">
        <v>52</v>
      </c>
      <c r="GR6" s="51" t="s">
        <v>43</v>
      </c>
      <c r="GS6" s="47" t="s">
        <v>44</v>
      </c>
      <c r="GT6" s="48" t="s">
        <v>45</v>
      </c>
      <c r="GU6" s="52" t="s">
        <v>46</v>
      </c>
      <c r="GV6" s="47" t="s">
        <v>47</v>
      </c>
      <c r="GW6" s="47" t="s">
        <v>48</v>
      </c>
      <c r="GX6" s="47" t="s">
        <v>49</v>
      </c>
      <c r="GY6" s="47" t="s">
        <v>50</v>
      </c>
      <c r="GZ6" s="47" t="s">
        <v>51</v>
      </c>
      <c r="HA6" s="48" t="s">
        <v>45</v>
      </c>
      <c r="HB6" s="352" t="s">
        <v>52</v>
      </c>
      <c r="HC6" s="357" t="s">
        <v>43</v>
      </c>
      <c r="HD6" s="358" t="s">
        <v>44</v>
      </c>
      <c r="HE6" s="359" t="s">
        <v>45</v>
      </c>
      <c r="HF6" s="360" t="s">
        <v>46</v>
      </c>
      <c r="HG6" s="358" t="s">
        <v>47</v>
      </c>
      <c r="HH6" s="358" t="s">
        <v>48</v>
      </c>
      <c r="HI6" s="358" t="s">
        <v>49</v>
      </c>
      <c r="HJ6" s="358" t="s">
        <v>50</v>
      </c>
      <c r="HK6" s="358" t="s">
        <v>51</v>
      </c>
      <c r="HL6" s="359" t="s">
        <v>45</v>
      </c>
      <c r="HM6" s="361" t="s">
        <v>52</v>
      </c>
      <c r="HN6" s="357" t="s">
        <v>43</v>
      </c>
      <c r="HO6" s="358" t="s">
        <v>44</v>
      </c>
      <c r="HP6" s="359" t="s">
        <v>45</v>
      </c>
      <c r="HQ6" s="360" t="s">
        <v>46</v>
      </c>
      <c r="HR6" s="358" t="s">
        <v>47</v>
      </c>
      <c r="HS6" s="358" t="s">
        <v>48</v>
      </c>
      <c r="HT6" s="358" t="s">
        <v>49</v>
      </c>
      <c r="HU6" s="358" t="s">
        <v>50</v>
      </c>
      <c r="HV6" s="358" t="s">
        <v>51</v>
      </c>
      <c r="HW6" s="359" t="s">
        <v>45</v>
      </c>
      <c r="HX6" s="361" t="s">
        <v>52</v>
      </c>
      <c r="HY6" s="357" t="s">
        <v>43</v>
      </c>
      <c r="HZ6" s="358" t="s">
        <v>44</v>
      </c>
      <c r="IA6" s="359" t="s">
        <v>45</v>
      </c>
      <c r="IB6" s="360" t="s">
        <v>46</v>
      </c>
      <c r="IC6" s="358" t="s">
        <v>47</v>
      </c>
      <c r="ID6" s="358" t="s">
        <v>48</v>
      </c>
      <c r="IE6" s="358" t="s">
        <v>49</v>
      </c>
      <c r="IF6" s="358" t="s">
        <v>50</v>
      </c>
      <c r="IG6" s="358" t="s">
        <v>51</v>
      </c>
      <c r="IH6" s="359" t="s">
        <v>45</v>
      </c>
      <c r="II6" s="361" t="s">
        <v>52</v>
      </c>
      <c r="IJ6" s="357" t="s">
        <v>43</v>
      </c>
      <c r="IK6" s="358" t="s">
        <v>44</v>
      </c>
      <c r="IL6" s="359" t="s">
        <v>45</v>
      </c>
      <c r="IM6" s="360" t="s">
        <v>46</v>
      </c>
      <c r="IN6" s="358" t="s">
        <v>47</v>
      </c>
      <c r="IO6" s="358" t="s">
        <v>48</v>
      </c>
      <c r="IP6" s="358" t="s">
        <v>49</v>
      </c>
      <c r="IQ6" s="358" t="s">
        <v>50</v>
      </c>
      <c r="IR6" s="358" t="s">
        <v>51</v>
      </c>
      <c r="IS6" s="359" t="s">
        <v>45</v>
      </c>
      <c r="IT6" s="361" t="s">
        <v>52</v>
      </c>
      <c r="IU6" s="357" t="s">
        <v>43</v>
      </c>
      <c r="IV6" s="358" t="s">
        <v>44</v>
      </c>
      <c r="IW6" s="359" t="s">
        <v>45</v>
      </c>
      <c r="IX6" s="360" t="s">
        <v>46</v>
      </c>
      <c r="IY6" s="358" t="s">
        <v>47</v>
      </c>
      <c r="IZ6" s="358" t="s">
        <v>48</v>
      </c>
      <c r="JA6" s="358" t="s">
        <v>49</v>
      </c>
      <c r="JB6" s="358" t="s">
        <v>50</v>
      </c>
      <c r="JC6" s="358" t="s">
        <v>51</v>
      </c>
      <c r="JD6" s="359" t="s">
        <v>45</v>
      </c>
      <c r="JE6" s="361" t="s">
        <v>52</v>
      </c>
      <c r="JF6" s="357" t="s">
        <v>43</v>
      </c>
      <c r="JG6" s="358" t="s">
        <v>44</v>
      </c>
      <c r="JH6" s="359" t="s">
        <v>45</v>
      </c>
      <c r="JI6" s="360" t="s">
        <v>46</v>
      </c>
      <c r="JJ6" s="358" t="s">
        <v>47</v>
      </c>
      <c r="JK6" s="358" t="s">
        <v>48</v>
      </c>
      <c r="JL6" s="358" t="s">
        <v>49</v>
      </c>
      <c r="JM6" s="358" t="s">
        <v>50</v>
      </c>
      <c r="JN6" s="358" t="s">
        <v>51</v>
      </c>
      <c r="JO6" s="359" t="s">
        <v>45</v>
      </c>
      <c r="JP6" s="361" t="s">
        <v>52</v>
      </c>
      <c r="JQ6" s="357" t="s">
        <v>43</v>
      </c>
      <c r="JR6" s="358" t="s">
        <v>44</v>
      </c>
      <c r="JS6" s="359" t="s">
        <v>45</v>
      </c>
      <c r="JT6" s="360" t="s">
        <v>46</v>
      </c>
      <c r="JU6" s="358" t="s">
        <v>47</v>
      </c>
      <c r="JV6" s="358" t="s">
        <v>48</v>
      </c>
      <c r="JW6" s="358" t="s">
        <v>49</v>
      </c>
      <c r="JX6" s="358" t="s">
        <v>50</v>
      </c>
      <c r="JY6" s="358" t="s">
        <v>51</v>
      </c>
      <c r="JZ6" s="359" t="s">
        <v>45</v>
      </c>
      <c r="KA6" s="361" t="s">
        <v>52</v>
      </c>
      <c r="KB6" s="357" t="s">
        <v>43</v>
      </c>
      <c r="KC6" s="358" t="s">
        <v>44</v>
      </c>
      <c r="KD6" s="359" t="s">
        <v>45</v>
      </c>
      <c r="KE6" s="360" t="s">
        <v>46</v>
      </c>
      <c r="KF6" s="358" t="s">
        <v>47</v>
      </c>
      <c r="KG6" s="358" t="s">
        <v>48</v>
      </c>
      <c r="KH6" s="358" t="s">
        <v>49</v>
      </c>
      <c r="KI6" s="358" t="s">
        <v>50</v>
      </c>
      <c r="KJ6" s="358" t="s">
        <v>51</v>
      </c>
      <c r="KK6" s="359" t="s">
        <v>45</v>
      </c>
      <c r="KL6" s="361" t="s">
        <v>52</v>
      </c>
    </row>
    <row r="7" spans="1:298" ht="19.5" customHeight="1" x14ac:dyDescent="0.2">
      <c r="A7" s="353" t="s">
        <v>4</v>
      </c>
      <c r="B7" s="315">
        <v>3268</v>
      </c>
      <c r="C7" s="78">
        <v>2994</v>
      </c>
      <c r="D7" s="79">
        <v>6262</v>
      </c>
      <c r="E7" s="240"/>
      <c r="F7" s="78">
        <v>4276</v>
      </c>
      <c r="G7" s="78">
        <v>3882</v>
      </c>
      <c r="H7" s="78">
        <v>2390</v>
      </c>
      <c r="I7" s="78">
        <v>2112</v>
      </c>
      <c r="J7" s="78">
        <v>1381</v>
      </c>
      <c r="K7" s="80">
        <v>14041</v>
      </c>
      <c r="L7" s="81">
        <v>20303</v>
      </c>
      <c r="M7" s="66">
        <v>98</v>
      </c>
      <c r="N7" s="67">
        <v>119</v>
      </c>
      <c r="O7" s="68">
        <v>217</v>
      </c>
      <c r="P7" s="243"/>
      <c r="Q7" s="67">
        <v>121</v>
      </c>
      <c r="R7" s="67">
        <v>164</v>
      </c>
      <c r="S7" s="67">
        <v>90</v>
      </c>
      <c r="T7" s="67">
        <v>85</v>
      </c>
      <c r="U7" s="67">
        <v>69</v>
      </c>
      <c r="V7" s="68">
        <v>529</v>
      </c>
      <c r="W7" s="69">
        <v>746</v>
      </c>
      <c r="X7" s="66">
        <v>241</v>
      </c>
      <c r="Y7" s="67">
        <v>265</v>
      </c>
      <c r="Z7" s="68">
        <v>506</v>
      </c>
      <c r="AA7" s="243"/>
      <c r="AB7" s="67">
        <v>319</v>
      </c>
      <c r="AC7" s="67">
        <v>317</v>
      </c>
      <c r="AD7" s="67">
        <v>209</v>
      </c>
      <c r="AE7" s="67">
        <v>192</v>
      </c>
      <c r="AF7" s="67">
        <v>162</v>
      </c>
      <c r="AG7" s="68">
        <v>1199</v>
      </c>
      <c r="AH7" s="69">
        <v>1705</v>
      </c>
      <c r="AI7" s="66">
        <v>387</v>
      </c>
      <c r="AJ7" s="67">
        <v>373</v>
      </c>
      <c r="AK7" s="68">
        <v>760</v>
      </c>
      <c r="AL7" s="243"/>
      <c r="AM7" s="67">
        <v>501</v>
      </c>
      <c r="AN7" s="67">
        <v>447</v>
      </c>
      <c r="AO7" s="67">
        <v>258</v>
      </c>
      <c r="AP7" s="67">
        <v>260</v>
      </c>
      <c r="AQ7" s="67">
        <v>204</v>
      </c>
      <c r="AR7" s="68">
        <v>1670</v>
      </c>
      <c r="AS7" s="69">
        <v>2430</v>
      </c>
      <c r="AT7" s="66">
        <v>755</v>
      </c>
      <c r="AU7" s="67">
        <v>675</v>
      </c>
      <c r="AV7" s="68">
        <v>1430</v>
      </c>
      <c r="AW7" s="243"/>
      <c r="AX7" s="67">
        <v>972</v>
      </c>
      <c r="AY7" s="67">
        <v>783</v>
      </c>
      <c r="AZ7" s="67">
        <v>522</v>
      </c>
      <c r="BA7" s="67">
        <v>405</v>
      </c>
      <c r="BB7" s="67">
        <v>283</v>
      </c>
      <c r="BC7" s="68">
        <v>2965</v>
      </c>
      <c r="BD7" s="69">
        <v>4395</v>
      </c>
      <c r="BE7" s="66">
        <v>1013</v>
      </c>
      <c r="BF7" s="67">
        <v>837</v>
      </c>
      <c r="BG7" s="68">
        <v>1850</v>
      </c>
      <c r="BH7" s="243"/>
      <c r="BI7" s="67">
        <v>1232</v>
      </c>
      <c r="BJ7" s="67">
        <v>1020</v>
      </c>
      <c r="BK7" s="67">
        <v>613</v>
      </c>
      <c r="BL7" s="67">
        <v>557</v>
      </c>
      <c r="BM7" s="67">
        <v>314</v>
      </c>
      <c r="BN7" s="68">
        <v>3736</v>
      </c>
      <c r="BO7" s="69">
        <v>5586</v>
      </c>
      <c r="BP7" s="66">
        <v>774</v>
      </c>
      <c r="BQ7" s="67">
        <v>725</v>
      </c>
      <c r="BR7" s="68">
        <v>1499</v>
      </c>
      <c r="BS7" s="243"/>
      <c r="BT7" s="67">
        <v>1131</v>
      </c>
      <c r="BU7" s="67">
        <v>1151</v>
      </c>
      <c r="BV7" s="67">
        <v>698</v>
      </c>
      <c r="BW7" s="67">
        <v>613</v>
      </c>
      <c r="BX7" s="67">
        <v>349</v>
      </c>
      <c r="BY7" s="68">
        <v>3942</v>
      </c>
      <c r="BZ7" s="69">
        <v>5441</v>
      </c>
      <c r="CA7" s="66">
        <v>0</v>
      </c>
      <c r="CB7" s="67">
        <v>0</v>
      </c>
      <c r="CC7" s="68">
        <v>0</v>
      </c>
      <c r="CD7" s="243"/>
      <c r="CE7" s="67">
        <v>0</v>
      </c>
      <c r="CF7" s="67">
        <v>0</v>
      </c>
      <c r="CG7" s="67">
        <v>0</v>
      </c>
      <c r="CH7" s="67">
        <v>0</v>
      </c>
      <c r="CI7" s="67">
        <v>0</v>
      </c>
      <c r="CJ7" s="68">
        <v>0</v>
      </c>
      <c r="CK7" s="69">
        <v>0</v>
      </c>
      <c r="CL7" s="66">
        <v>3268</v>
      </c>
      <c r="CM7" s="67">
        <v>2994</v>
      </c>
      <c r="CN7" s="68">
        <v>6262</v>
      </c>
      <c r="CO7" s="243"/>
      <c r="CP7" s="67">
        <v>4276</v>
      </c>
      <c r="CQ7" s="67">
        <v>3882</v>
      </c>
      <c r="CR7" s="67">
        <v>2390</v>
      </c>
      <c r="CS7" s="67">
        <v>2112</v>
      </c>
      <c r="CT7" s="67">
        <v>1381</v>
      </c>
      <c r="CU7" s="68">
        <v>14041</v>
      </c>
      <c r="CV7" s="69">
        <v>20303</v>
      </c>
      <c r="CW7" s="122">
        <v>1158</v>
      </c>
      <c r="CX7" s="78">
        <v>1276</v>
      </c>
      <c r="CY7" s="79">
        <v>2434</v>
      </c>
      <c r="CZ7" s="240"/>
      <c r="DA7" s="78">
        <v>1701</v>
      </c>
      <c r="DB7" s="78">
        <v>1539</v>
      </c>
      <c r="DC7" s="78">
        <v>1027</v>
      </c>
      <c r="DD7" s="78">
        <v>1063</v>
      </c>
      <c r="DE7" s="78">
        <v>768</v>
      </c>
      <c r="DF7" s="80">
        <v>6098</v>
      </c>
      <c r="DG7" s="81">
        <v>8532</v>
      </c>
      <c r="DH7" s="66">
        <v>33</v>
      </c>
      <c r="DI7" s="67">
        <v>29</v>
      </c>
      <c r="DJ7" s="68">
        <v>62</v>
      </c>
      <c r="DK7" s="243"/>
      <c r="DL7" s="67">
        <v>23</v>
      </c>
      <c r="DM7" s="67">
        <v>38</v>
      </c>
      <c r="DN7" s="67">
        <v>23</v>
      </c>
      <c r="DO7" s="67">
        <v>15</v>
      </c>
      <c r="DP7" s="67">
        <v>9</v>
      </c>
      <c r="DQ7" s="68">
        <v>108</v>
      </c>
      <c r="DR7" s="69">
        <v>170</v>
      </c>
      <c r="DS7" s="66">
        <v>95</v>
      </c>
      <c r="DT7" s="67">
        <v>78</v>
      </c>
      <c r="DU7" s="68">
        <v>173</v>
      </c>
      <c r="DV7" s="243"/>
      <c r="DW7" s="67">
        <v>103</v>
      </c>
      <c r="DX7" s="67">
        <v>81</v>
      </c>
      <c r="DY7" s="67">
        <v>52</v>
      </c>
      <c r="DZ7" s="67">
        <v>44</v>
      </c>
      <c r="EA7" s="67">
        <v>23</v>
      </c>
      <c r="EB7" s="68">
        <v>303</v>
      </c>
      <c r="EC7" s="69">
        <v>476</v>
      </c>
      <c r="ED7" s="66">
        <v>174</v>
      </c>
      <c r="EE7" s="67">
        <v>170</v>
      </c>
      <c r="EF7" s="68">
        <v>344</v>
      </c>
      <c r="EG7" s="243"/>
      <c r="EH7" s="67">
        <v>186</v>
      </c>
      <c r="EI7" s="67">
        <v>139</v>
      </c>
      <c r="EJ7" s="67">
        <v>79</v>
      </c>
      <c r="EK7" s="67">
        <v>65</v>
      </c>
      <c r="EL7" s="67">
        <v>62</v>
      </c>
      <c r="EM7" s="68">
        <v>531</v>
      </c>
      <c r="EN7" s="69">
        <v>875</v>
      </c>
      <c r="EO7" s="66">
        <v>298</v>
      </c>
      <c r="EP7" s="67">
        <v>293</v>
      </c>
      <c r="EQ7" s="68">
        <v>591</v>
      </c>
      <c r="ER7" s="243"/>
      <c r="ES7" s="67">
        <v>361</v>
      </c>
      <c r="ET7" s="67">
        <v>262</v>
      </c>
      <c r="EU7" s="67">
        <v>153</v>
      </c>
      <c r="EV7" s="67">
        <v>136</v>
      </c>
      <c r="EW7" s="67">
        <v>122</v>
      </c>
      <c r="EX7" s="68">
        <v>1034</v>
      </c>
      <c r="EY7" s="69">
        <v>1625</v>
      </c>
      <c r="EZ7" s="66">
        <v>340</v>
      </c>
      <c r="FA7" s="67">
        <v>376</v>
      </c>
      <c r="FB7" s="68">
        <v>716</v>
      </c>
      <c r="FC7" s="243"/>
      <c r="FD7" s="67">
        <v>502</v>
      </c>
      <c r="FE7" s="67">
        <v>462</v>
      </c>
      <c r="FF7" s="67">
        <v>282</v>
      </c>
      <c r="FG7" s="67">
        <v>235</v>
      </c>
      <c r="FH7" s="67">
        <v>194</v>
      </c>
      <c r="FI7" s="68">
        <v>1675</v>
      </c>
      <c r="FJ7" s="69">
        <v>2391</v>
      </c>
      <c r="FK7" s="66">
        <v>218</v>
      </c>
      <c r="FL7" s="67">
        <v>330</v>
      </c>
      <c r="FM7" s="68">
        <v>548</v>
      </c>
      <c r="FN7" s="243"/>
      <c r="FO7" s="67">
        <v>526</v>
      </c>
      <c r="FP7" s="67">
        <v>557</v>
      </c>
      <c r="FQ7" s="67">
        <v>438</v>
      </c>
      <c r="FR7" s="67">
        <v>568</v>
      </c>
      <c r="FS7" s="67">
        <v>358</v>
      </c>
      <c r="FT7" s="68">
        <v>2447</v>
      </c>
      <c r="FU7" s="69">
        <v>2995</v>
      </c>
      <c r="FV7" s="66">
        <v>0</v>
      </c>
      <c r="FW7" s="67">
        <v>0</v>
      </c>
      <c r="FX7" s="68">
        <v>0</v>
      </c>
      <c r="FY7" s="243"/>
      <c r="FZ7" s="67">
        <v>0</v>
      </c>
      <c r="GA7" s="67">
        <v>0</v>
      </c>
      <c r="GB7" s="67">
        <v>0</v>
      </c>
      <c r="GC7" s="67">
        <v>0</v>
      </c>
      <c r="GD7" s="67">
        <v>0</v>
      </c>
      <c r="GE7" s="68">
        <v>0</v>
      </c>
      <c r="GF7" s="69">
        <v>0</v>
      </c>
      <c r="GG7" s="66">
        <v>1158</v>
      </c>
      <c r="GH7" s="67">
        <v>1276</v>
      </c>
      <c r="GI7" s="68">
        <v>2434</v>
      </c>
      <c r="GJ7" s="243"/>
      <c r="GK7" s="67">
        <v>1701</v>
      </c>
      <c r="GL7" s="67">
        <v>1539</v>
      </c>
      <c r="GM7" s="67">
        <v>1027</v>
      </c>
      <c r="GN7" s="67">
        <v>1063</v>
      </c>
      <c r="GO7" s="67">
        <v>768</v>
      </c>
      <c r="GP7" s="68">
        <v>6098</v>
      </c>
      <c r="GQ7" s="69">
        <v>8532</v>
      </c>
      <c r="GR7" s="122">
        <v>4426</v>
      </c>
      <c r="GS7" s="78">
        <v>4270</v>
      </c>
      <c r="GT7" s="79">
        <v>8696</v>
      </c>
      <c r="GU7" s="240"/>
      <c r="GV7" s="78">
        <v>5977</v>
      </c>
      <c r="GW7" s="78">
        <v>5421</v>
      </c>
      <c r="GX7" s="78">
        <v>3417</v>
      </c>
      <c r="GY7" s="78">
        <v>3175</v>
      </c>
      <c r="GZ7" s="78">
        <v>2149</v>
      </c>
      <c r="HA7" s="80">
        <v>20139</v>
      </c>
      <c r="HB7" s="81">
        <v>28835</v>
      </c>
      <c r="HC7" s="66">
        <v>131</v>
      </c>
      <c r="HD7" s="67">
        <v>148</v>
      </c>
      <c r="HE7" s="68">
        <v>279</v>
      </c>
      <c r="HF7" s="243"/>
      <c r="HG7" s="67">
        <v>144</v>
      </c>
      <c r="HH7" s="67">
        <v>202</v>
      </c>
      <c r="HI7" s="67">
        <v>113</v>
      </c>
      <c r="HJ7" s="67">
        <v>100</v>
      </c>
      <c r="HK7" s="67">
        <v>78</v>
      </c>
      <c r="HL7" s="68">
        <v>637</v>
      </c>
      <c r="HM7" s="69">
        <v>916</v>
      </c>
      <c r="HN7" s="66">
        <v>336</v>
      </c>
      <c r="HO7" s="67">
        <v>343</v>
      </c>
      <c r="HP7" s="68">
        <v>679</v>
      </c>
      <c r="HQ7" s="243"/>
      <c r="HR7" s="67">
        <v>422</v>
      </c>
      <c r="HS7" s="67">
        <v>398</v>
      </c>
      <c r="HT7" s="67">
        <v>261</v>
      </c>
      <c r="HU7" s="67">
        <v>236</v>
      </c>
      <c r="HV7" s="67">
        <v>185</v>
      </c>
      <c r="HW7" s="68">
        <v>1502</v>
      </c>
      <c r="HX7" s="69">
        <v>2181</v>
      </c>
      <c r="HY7" s="66">
        <v>561</v>
      </c>
      <c r="HZ7" s="67">
        <v>543</v>
      </c>
      <c r="IA7" s="68">
        <v>1104</v>
      </c>
      <c r="IB7" s="243"/>
      <c r="IC7" s="67">
        <v>687</v>
      </c>
      <c r="ID7" s="67">
        <v>586</v>
      </c>
      <c r="IE7" s="67">
        <v>337</v>
      </c>
      <c r="IF7" s="67">
        <v>325</v>
      </c>
      <c r="IG7" s="67">
        <v>266</v>
      </c>
      <c r="IH7" s="68">
        <v>2201</v>
      </c>
      <c r="II7" s="69">
        <v>3305</v>
      </c>
      <c r="IJ7" s="66">
        <v>1053</v>
      </c>
      <c r="IK7" s="67">
        <v>968</v>
      </c>
      <c r="IL7" s="68">
        <v>2021</v>
      </c>
      <c r="IM7" s="243"/>
      <c r="IN7" s="67">
        <v>1333</v>
      </c>
      <c r="IO7" s="67">
        <v>1045</v>
      </c>
      <c r="IP7" s="67">
        <v>675</v>
      </c>
      <c r="IQ7" s="67">
        <v>541</v>
      </c>
      <c r="IR7" s="67">
        <v>405</v>
      </c>
      <c r="IS7" s="68">
        <v>3999</v>
      </c>
      <c r="IT7" s="69">
        <v>6020</v>
      </c>
      <c r="IU7" s="66">
        <v>1353</v>
      </c>
      <c r="IV7" s="67">
        <v>1213</v>
      </c>
      <c r="IW7" s="68">
        <v>2566</v>
      </c>
      <c r="IX7" s="243"/>
      <c r="IY7" s="67">
        <v>1734</v>
      </c>
      <c r="IZ7" s="67">
        <v>1482</v>
      </c>
      <c r="JA7" s="67">
        <v>895</v>
      </c>
      <c r="JB7" s="67">
        <v>792</v>
      </c>
      <c r="JC7" s="67">
        <v>508</v>
      </c>
      <c r="JD7" s="68">
        <v>5411</v>
      </c>
      <c r="JE7" s="69">
        <v>7977</v>
      </c>
      <c r="JF7" s="66">
        <v>992</v>
      </c>
      <c r="JG7" s="67">
        <v>1055</v>
      </c>
      <c r="JH7" s="68">
        <v>2047</v>
      </c>
      <c r="JI7" s="243"/>
      <c r="JJ7" s="67">
        <v>1657</v>
      </c>
      <c r="JK7" s="67">
        <v>1708</v>
      </c>
      <c r="JL7" s="67">
        <v>1136</v>
      </c>
      <c r="JM7" s="67">
        <v>1181</v>
      </c>
      <c r="JN7" s="67">
        <v>707</v>
      </c>
      <c r="JO7" s="68">
        <v>6389</v>
      </c>
      <c r="JP7" s="69">
        <v>8436</v>
      </c>
      <c r="JQ7" s="66">
        <v>0</v>
      </c>
      <c r="JR7" s="67">
        <v>0</v>
      </c>
      <c r="JS7" s="68">
        <v>0</v>
      </c>
      <c r="JT7" s="243"/>
      <c r="JU7" s="67">
        <v>0</v>
      </c>
      <c r="JV7" s="67">
        <v>0</v>
      </c>
      <c r="JW7" s="67">
        <v>0</v>
      </c>
      <c r="JX7" s="67">
        <v>0</v>
      </c>
      <c r="JY7" s="67">
        <v>0</v>
      </c>
      <c r="JZ7" s="68">
        <v>0</v>
      </c>
      <c r="KA7" s="69">
        <v>0</v>
      </c>
      <c r="KB7" s="66">
        <v>4426</v>
      </c>
      <c r="KC7" s="67">
        <v>4270</v>
      </c>
      <c r="KD7" s="68">
        <v>8696</v>
      </c>
      <c r="KE7" s="243"/>
      <c r="KF7" s="67">
        <v>5977</v>
      </c>
      <c r="KG7" s="67">
        <v>5421</v>
      </c>
      <c r="KH7" s="67">
        <v>3417</v>
      </c>
      <c r="KI7" s="67">
        <v>3175</v>
      </c>
      <c r="KJ7" s="67">
        <v>2149</v>
      </c>
      <c r="KK7" s="68">
        <v>20139</v>
      </c>
      <c r="KL7" s="69">
        <v>28835</v>
      </c>
    </row>
    <row r="8" spans="1:298" ht="19.5" customHeight="1" x14ac:dyDescent="0.2">
      <c r="A8" s="126" t="s">
        <v>5</v>
      </c>
      <c r="B8" s="316">
        <v>1452</v>
      </c>
      <c r="C8" s="82">
        <v>1557</v>
      </c>
      <c r="D8" s="83">
        <v>3009</v>
      </c>
      <c r="E8" s="241"/>
      <c r="F8" s="82">
        <v>1594</v>
      </c>
      <c r="G8" s="82">
        <v>1914</v>
      </c>
      <c r="H8" s="82">
        <v>1067</v>
      </c>
      <c r="I8" s="82">
        <v>907</v>
      </c>
      <c r="J8" s="82">
        <v>593</v>
      </c>
      <c r="K8" s="84">
        <v>6075</v>
      </c>
      <c r="L8" s="85">
        <v>9084</v>
      </c>
      <c r="M8" s="70">
        <v>42</v>
      </c>
      <c r="N8" s="71">
        <v>55</v>
      </c>
      <c r="O8" s="72">
        <v>97</v>
      </c>
      <c r="P8" s="244"/>
      <c r="Q8" s="71">
        <v>37</v>
      </c>
      <c r="R8" s="71">
        <v>75</v>
      </c>
      <c r="S8" s="71">
        <v>37</v>
      </c>
      <c r="T8" s="71">
        <v>34</v>
      </c>
      <c r="U8" s="71">
        <v>27</v>
      </c>
      <c r="V8" s="72">
        <v>210</v>
      </c>
      <c r="W8" s="73">
        <v>307</v>
      </c>
      <c r="X8" s="70">
        <v>91</v>
      </c>
      <c r="Y8" s="71">
        <v>147</v>
      </c>
      <c r="Z8" s="72">
        <v>238</v>
      </c>
      <c r="AA8" s="244"/>
      <c r="AB8" s="71">
        <v>91</v>
      </c>
      <c r="AC8" s="71">
        <v>122</v>
      </c>
      <c r="AD8" s="71">
        <v>84</v>
      </c>
      <c r="AE8" s="71">
        <v>85</v>
      </c>
      <c r="AF8" s="71">
        <v>71</v>
      </c>
      <c r="AG8" s="72">
        <v>453</v>
      </c>
      <c r="AH8" s="73">
        <v>691</v>
      </c>
      <c r="AI8" s="70">
        <v>180</v>
      </c>
      <c r="AJ8" s="71">
        <v>202</v>
      </c>
      <c r="AK8" s="72">
        <v>382</v>
      </c>
      <c r="AL8" s="244"/>
      <c r="AM8" s="71">
        <v>169</v>
      </c>
      <c r="AN8" s="71">
        <v>210</v>
      </c>
      <c r="AO8" s="71">
        <v>94</v>
      </c>
      <c r="AP8" s="71">
        <v>111</v>
      </c>
      <c r="AQ8" s="71">
        <v>82</v>
      </c>
      <c r="AR8" s="72">
        <v>666</v>
      </c>
      <c r="AS8" s="73">
        <v>1048</v>
      </c>
      <c r="AT8" s="70">
        <v>339</v>
      </c>
      <c r="AU8" s="71">
        <v>347</v>
      </c>
      <c r="AV8" s="72">
        <v>686</v>
      </c>
      <c r="AW8" s="244"/>
      <c r="AX8" s="71">
        <v>362</v>
      </c>
      <c r="AY8" s="71">
        <v>381</v>
      </c>
      <c r="AZ8" s="71">
        <v>230</v>
      </c>
      <c r="BA8" s="71">
        <v>171</v>
      </c>
      <c r="BB8" s="71">
        <v>123</v>
      </c>
      <c r="BC8" s="72">
        <v>1267</v>
      </c>
      <c r="BD8" s="73">
        <v>1953</v>
      </c>
      <c r="BE8" s="70">
        <v>454</v>
      </c>
      <c r="BF8" s="71">
        <v>430</v>
      </c>
      <c r="BG8" s="72">
        <v>884</v>
      </c>
      <c r="BH8" s="244"/>
      <c r="BI8" s="71">
        <v>508</v>
      </c>
      <c r="BJ8" s="71">
        <v>507</v>
      </c>
      <c r="BK8" s="71">
        <v>282</v>
      </c>
      <c r="BL8" s="71">
        <v>227</v>
      </c>
      <c r="BM8" s="71">
        <v>129</v>
      </c>
      <c r="BN8" s="72">
        <v>1653</v>
      </c>
      <c r="BO8" s="73">
        <v>2537</v>
      </c>
      <c r="BP8" s="70">
        <v>346</v>
      </c>
      <c r="BQ8" s="71">
        <v>376</v>
      </c>
      <c r="BR8" s="72">
        <v>722</v>
      </c>
      <c r="BS8" s="244"/>
      <c r="BT8" s="71">
        <v>427</v>
      </c>
      <c r="BU8" s="71">
        <v>619</v>
      </c>
      <c r="BV8" s="71">
        <v>340</v>
      </c>
      <c r="BW8" s="71">
        <v>279</v>
      </c>
      <c r="BX8" s="71">
        <v>161</v>
      </c>
      <c r="BY8" s="72">
        <v>1826</v>
      </c>
      <c r="BZ8" s="73">
        <v>2548</v>
      </c>
      <c r="CA8" s="70">
        <v>0</v>
      </c>
      <c r="CB8" s="71">
        <v>0</v>
      </c>
      <c r="CC8" s="72">
        <v>0</v>
      </c>
      <c r="CD8" s="244"/>
      <c r="CE8" s="71">
        <v>0</v>
      </c>
      <c r="CF8" s="71">
        <v>0</v>
      </c>
      <c r="CG8" s="71">
        <v>0</v>
      </c>
      <c r="CH8" s="71">
        <v>0</v>
      </c>
      <c r="CI8" s="71">
        <v>0</v>
      </c>
      <c r="CJ8" s="72">
        <v>0</v>
      </c>
      <c r="CK8" s="73">
        <v>0</v>
      </c>
      <c r="CL8" s="70">
        <v>1452</v>
      </c>
      <c r="CM8" s="71">
        <v>1557</v>
      </c>
      <c r="CN8" s="72">
        <v>3009</v>
      </c>
      <c r="CO8" s="244"/>
      <c r="CP8" s="71">
        <v>1594</v>
      </c>
      <c r="CQ8" s="71">
        <v>1914</v>
      </c>
      <c r="CR8" s="71">
        <v>1067</v>
      </c>
      <c r="CS8" s="71">
        <v>907</v>
      </c>
      <c r="CT8" s="71">
        <v>593</v>
      </c>
      <c r="CU8" s="72">
        <v>6075</v>
      </c>
      <c r="CV8" s="73">
        <v>9084</v>
      </c>
      <c r="CW8" s="123">
        <v>480</v>
      </c>
      <c r="CX8" s="82">
        <v>590</v>
      </c>
      <c r="CY8" s="83">
        <v>1070</v>
      </c>
      <c r="CZ8" s="241"/>
      <c r="DA8" s="82">
        <v>598</v>
      </c>
      <c r="DB8" s="82">
        <v>785</v>
      </c>
      <c r="DC8" s="82">
        <v>442</v>
      </c>
      <c r="DD8" s="82">
        <v>472</v>
      </c>
      <c r="DE8" s="82">
        <v>338</v>
      </c>
      <c r="DF8" s="84">
        <v>2635</v>
      </c>
      <c r="DG8" s="85">
        <v>3705</v>
      </c>
      <c r="DH8" s="70">
        <v>15</v>
      </c>
      <c r="DI8" s="71">
        <v>16</v>
      </c>
      <c r="DJ8" s="72">
        <v>31</v>
      </c>
      <c r="DK8" s="244"/>
      <c r="DL8" s="71">
        <v>5</v>
      </c>
      <c r="DM8" s="71">
        <v>24</v>
      </c>
      <c r="DN8" s="71">
        <v>7</v>
      </c>
      <c r="DO8" s="71">
        <v>7</v>
      </c>
      <c r="DP8" s="71">
        <v>3</v>
      </c>
      <c r="DQ8" s="72">
        <v>46</v>
      </c>
      <c r="DR8" s="73">
        <v>77</v>
      </c>
      <c r="DS8" s="70">
        <v>38</v>
      </c>
      <c r="DT8" s="71">
        <v>38</v>
      </c>
      <c r="DU8" s="72">
        <v>76</v>
      </c>
      <c r="DV8" s="244"/>
      <c r="DW8" s="71">
        <v>34</v>
      </c>
      <c r="DX8" s="71">
        <v>42</v>
      </c>
      <c r="DY8" s="71">
        <v>19</v>
      </c>
      <c r="DZ8" s="71">
        <v>22</v>
      </c>
      <c r="EA8" s="71">
        <v>12</v>
      </c>
      <c r="EB8" s="72">
        <v>129</v>
      </c>
      <c r="EC8" s="73">
        <v>205</v>
      </c>
      <c r="ED8" s="70">
        <v>72</v>
      </c>
      <c r="EE8" s="71">
        <v>83</v>
      </c>
      <c r="EF8" s="72">
        <v>155</v>
      </c>
      <c r="EG8" s="244"/>
      <c r="EH8" s="71">
        <v>58</v>
      </c>
      <c r="EI8" s="71">
        <v>68</v>
      </c>
      <c r="EJ8" s="71">
        <v>37</v>
      </c>
      <c r="EK8" s="71">
        <v>27</v>
      </c>
      <c r="EL8" s="71">
        <v>28</v>
      </c>
      <c r="EM8" s="72">
        <v>218</v>
      </c>
      <c r="EN8" s="73">
        <v>373</v>
      </c>
      <c r="EO8" s="70">
        <v>122</v>
      </c>
      <c r="EP8" s="71">
        <v>124</v>
      </c>
      <c r="EQ8" s="72">
        <v>246</v>
      </c>
      <c r="ER8" s="244"/>
      <c r="ES8" s="71">
        <v>135</v>
      </c>
      <c r="ET8" s="71">
        <v>137</v>
      </c>
      <c r="EU8" s="71">
        <v>73</v>
      </c>
      <c r="EV8" s="71">
        <v>66</v>
      </c>
      <c r="EW8" s="71">
        <v>41</v>
      </c>
      <c r="EX8" s="72">
        <v>452</v>
      </c>
      <c r="EY8" s="73">
        <v>698</v>
      </c>
      <c r="EZ8" s="70">
        <v>145</v>
      </c>
      <c r="FA8" s="71">
        <v>175</v>
      </c>
      <c r="FB8" s="72">
        <v>320</v>
      </c>
      <c r="FC8" s="244"/>
      <c r="FD8" s="71">
        <v>179</v>
      </c>
      <c r="FE8" s="71">
        <v>245</v>
      </c>
      <c r="FF8" s="71">
        <v>127</v>
      </c>
      <c r="FG8" s="71">
        <v>119</v>
      </c>
      <c r="FH8" s="71">
        <v>102</v>
      </c>
      <c r="FI8" s="72">
        <v>772</v>
      </c>
      <c r="FJ8" s="73">
        <v>1092</v>
      </c>
      <c r="FK8" s="70">
        <v>88</v>
      </c>
      <c r="FL8" s="71">
        <v>154</v>
      </c>
      <c r="FM8" s="72">
        <v>242</v>
      </c>
      <c r="FN8" s="244"/>
      <c r="FO8" s="71">
        <v>187</v>
      </c>
      <c r="FP8" s="71">
        <v>269</v>
      </c>
      <c r="FQ8" s="71">
        <v>179</v>
      </c>
      <c r="FR8" s="71">
        <v>231</v>
      </c>
      <c r="FS8" s="71">
        <v>152</v>
      </c>
      <c r="FT8" s="72">
        <v>1018</v>
      </c>
      <c r="FU8" s="73">
        <v>1260</v>
      </c>
      <c r="FV8" s="70">
        <v>0</v>
      </c>
      <c r="FW8" s="71">
        <v>0</v>
      </c>
      <c r="FX8" s="72">
        <v>0</v>
      </c>
      <c r="FY8" s="244"/>
      <c r="FZ8" s="71">
        <v>0</v>
      </c>
      <c r="GA8" s="71">
        <v>0</v>
      </c>
      <c r="GB8" s="71">
        <v>0</v>
      </c>
      <c r="GC8" s="71">
        <v>0</v>
      </c>
      <c r="GD8" s="71">
        <v>0</v>
      </c>
      <c r="GE8" s="72">
        <v>0</v>
      </c>
      <c r="GF8" s="73">
        <v>0</v>
      </c>
      <c r="GG8" s="70">
        <v>480</v>
      </c>
      <c r="GH8" s="71">
        <v>590</v>
      </c>
      <c r="GI8" s="72">
        <v>1070</v>
      </c>
      <c r="GJ8" s="244"/>
      <c r="GK8" s="71">
        <v>598</v>
      </c>
      <c r="GL8" s="71">
        <v>785</v>
      </c>
      <c r="GM8" s="71">
        <v>442</v>
      </c>
      <c r="GN8" s="71">
        <v>472</v>
      </c>
      <c r="GO8" s="71">
        <v>338</v>
      </c>
      <c r="GP8" s="72">
        <v>2635</v>
      </c>
      <c r="GQ8" s="73">
        <v>3705</v>
      </c>
      <c r="GR8" s="123">
        <v>1932</v>
      </c>
      <c r="GS8" s="82">
        <v>2147</v>
      </c>
      <c r="GT8" s="83">
        <v>4079</v>
      </c>
      <c r="GU8" s="241"/>
      <c r="GV8" s="82">
        <v>2192</v>
      </c>
      <c r="GW8" s="82">
        <v>2699</v>
      </c>
      <c r="GX8" s="82">
        <v>1509</v>
      </c>
      <c r="GY8" s="82">
        <v>1379</v>
      </c>
      <c r="GZ8" s="82">
        <v>931</v>
      </c>
      <c r="HA8" s="84">
        <v>8710</v>
      </c>
      <c r="HB8" s="85">
        <v>12789</v>
      </c>
      <c r="HC8" s="70">
        <v>57</v>
      </c>
      <c r="HD8" s="71">
        <v>71</v>
      </c>
      <c r="HE8" s="72">
        <v>128</v>
      </c>
      <c r="HF8" s="244"/>
      <c r="HG8" s="71">
        <v>42</v>
      </c>
      <c r="HH8" s="71">
        <v>99</v>
      </c>
      <c r="HI8" s="71">
        <v>44</v>
      </c>
      <c r="HJ8" s="71">
        <v>41</v>
      </c>
      <c r="HK8" s="71">
        <v>30</v>
      </c>
      <c r="HL8" s="72">
        <v>256</v>
      </c>
      <c r="HM8" s="73">
        <v>384</v>
      </c>
      <c r="HN8" s="70">
        <v>129</v>
      </c>
      <c r="HO8" s="71">
        <v>185</v>
      </c>
      <c r="HP8" s="72">
        <v>314</v>
      </c>
      <c r="HQ8" s="244"/>
      <c r="HR8" s="71">
        <v>125</v>
      </c>
      <c r="HS8" s="71">
        <v>164</v>
      </c>
      <c r="HT8" s="71">
        <v>103</v>
      </c>
      <c r="HU8" s="71">
        <v>107</v>
      </c>
      <c r="HV8" s="71">
        <v>83</v>
      </c>
      <c r="HW8" s="72">
        <v>582</v>
      </c>
      <c r="HX8" s="73">
        <v>896</v>
      </c>
      <c r="HY8" s="70">
        <v>252</v>
      </c>
      <c r="HZ8" s="71">
        <v>285</v>
      </c>
      <c r="IA8" s="72">
        <v>537</v>
      </c>
      <c r="IB8" s="244"/>
      <c r="IC8" s="71">
        <v>227</v>
      </c>
      <c r="ID8" s="71">
        <v>278</v>
      </c>
      <c r="IE8" s="71">
        <v>131</v>
      </c>
      <c r="IF8" s="71">
        <v>138</v>
      </c>
      <c r="IG8" s="71">
        <v>110</v>
      </c>
      <c r="IH8" s="72">
        <v>884</v>
      </c>
      <c r="II8" s="73">
        <v>1421</v>
      </c>
      <c r="IJ8" s="70">
        <v>461</v>
      </c>
      <c r="IK8" s="71">
        <v>471</v>
      </c>
      <c r="IL8" s="72">
        <v>932</v>
      </c>
      <c r="IM8" s="244"/>
      <c r="IN8" s="71">
        <v>497</v>
      </c>
      <c r="IO8" s="71">
        <v>518</v>
      </c>
      <c r="IP8" s="71">
        <v>303</v>
      </c>
      <c r="IQ8" s="71">
        <v>237</v>
      </c>
      <c r="IR8" s="71">
        <v>164</v>
      </c>
      <c r="IS8" s="72">
        <v>1719</v>
      </c>
      <c r="IT8" s="73">
        <v>2651</v>
      </c>
      <c r="IU8" s="70">
        <v>599</v>
      </c>
      <c r="IV8" s="71">
        <v>605</v>
      </c>
      <c r="IW8" s="72">
        <v>1204</v>
      </c>
      <c r="IX8" s="244"/>
      <c r="IY8" s="71">
        <v>687</v>
      </c>
      <c r="IZ8" s="71">
        <v>752</v>
      </c>
      <c r="JA8" s="71">
        <v>409</v>
      </c>
      <c r="JB8" s="71">
        <v>346</v>
      </c>
      <c r="JC8" s="71">
        <v>231</v>
      </c>
      <c r="JD8" s="72">
        <v>2425</v>
      </c>
      <c r="JE8" s="73">
        <v>3629</v>
      </c>
      <c r="JF8" s="70">
        <v>434</v>
      </c>
      <c r="JG8" s="71">
        <v>530</v>
      </c>
      <c r="JH8" s="72">
        <v>964</v>
      </c>
      <c r="JI8" s="244"/>
      <c r="JJ8" s="71">
        <v>614</v>
      </c>
      <c r="JK8" s="71">
        <v>888</v>
      </c>
      <c r="JL8" s="71">
        <v>519</v>
      </c>
      <c r="JM8" s="71">
        <v>510</v>
      </c>
      <c r="JN8" s="71">
        <v>313</v>
      </c>
      <c r="JO8" s="72">
        <v>2844</v>
      </c>
      <c r="JP8" s="73">
        <v>3808</v>
      </c>
      <c r="JQ8" s="70">
        <v>0</v>
      </c>
      <c r="JR8" s="71">
        <v>0</v>
      </c>
      <c r="JS8" s="72">
        <v>0</v>
      </c>
      <c r="JT8" s="244"/>
      <c r="JU8" s="71">
        <v>0</v>
      </c>
      <c r="JV8" s="71">
        <v>0</v>
      </c>
      <c r="JW8" s="71">
        <v>0</v>
      </c>
      <c r="JX8" s="71">
        <v>0</v>
      </c>
      <c r="JY8" s="71">
        <v>0</v>
      </c>
      <c r="JZ8" s="72">
        <v>0</v>
      </c>
      <c r="KA8" s="73">
        <v>0</v>
      </c>
      <c r="KB8" s="70">
        <v>1932</v>
      </c>
      <c r="KC8" s="71">
        <v>2147</v>
      </c>
      <c r="KD8" s="72">
        <v>4079</v>
      </c>
      <c r="KE8" s="244"/>
      <c r="KF8" s="71">
        <v>2192</v>
      </c>
      <c r="KG8" s="71">
        <v>2699</v>
      </c>
      <c r="KH8" s="71">
        <v>1509</v>
      </c>
      <c r="KI8" s="71">
        <v>1379</v>
      </c>
      <c r="KJ8" s="71">
        <v>931</v>
      </c>
      <c r="KK8" s="72">
        <v>8710</v>
      </c>
      <c r="KL8" s="73">
        <v>12789</v>
      </c>
    </row>
    <row r="9" spans="1:298" ht="19.5" customHeight="1" x14ac:dyDescent="0.2">
      <c r="A9" s="126" t="s">
        <v>6</v>
      </c>
      <c r="B9" s="316">
        <v>428</v>
      </c>
      <c r="C9" s="82">
        <v>355</v>
      </c>
      <c r="D9" s="83">
        <v>783</v>
      </c>
      <c r="E9" s="241"/>
      <c r="F9" s="82">
        <v>728</v>
      </c>
      <c r="G9" s="82">
        <v>544</v>
      </c>
      <c r="H9" s="82">
        <v>369</v>
      </c>
      <c r="I9" s="82">
        <v>359</v>
      </c>
      <c r="J9" s="82">
        <v>227</v>
      </c>
      <c r="K9" s="84">
        <v>2227</v>
      </c>
      <c r="L9" s="85">
        <v>3010</v>
      </c>
      <c r="M9" s="70">
        <v>12</v>
      </c>
      <c r="N9" s="71">
        <v>22</v>
      </c>
      <c r="O9" s="72">
        <v>34</v>
      </c>
      <c r="P9" s="244"/>
      <c r="Q9" s="71">
        <v>23</v>
      </c>
      <c r="R9" s="71">
        <v>29</v>
      </c>
      <c r="S9" s="71">
        <v>13</v>
      </c>
      <c r="T9" s="71">
        <v>15</v>
      </c>
      <c r="U9" s="71">
        <v>12</v>
      </c>
      <c r="V9" s="72">
        <v>92</v>
      </c>
      <c r="W9" s="73">
        <v>126</v>
      </c>
      <c r="X9" s="70">
        <v>35</v>
      </c>
      <c r="Y9" s="71">
        <v>30</v>
      </c>
      <c r="Z9" s="72">
        <v>65</v>
      </c>
      <c r="AA9" s="244"/>
      <c r="AB9" s="71">
        <v>61</v>
      </c>
      <c r="AC9" s="71">
        <v>50</v>
      </c>
      <c r="AD9" s="71">
        <v>37</v>
      </c>
      <c r="AE9" s="71">
        <v>35</v>
      </c>
      <c r="AF9" s="71">
        <v>25</v>
      </c>
      <c r="AG9" s="72">
        <v>208</v>
      </c>
      <c r="AH9" s="73">
        <v>273</v>
      </c>
      <c r="AI9" s="70">
        <v>44</v>
      </c>
      <c r="AJ9" s="71">
        <v>49</v>
      </c>
      <c r="AK9" s="72">
        <v>93</v>
      </c>
      <c r="AL9" s="244"/>
      <c r="AM9" s="71">
        <v>84</v>
      </c>
      <c r="AN9" s="71">
        <v>70</v>
      </c>
      <c r="AO9" s="71">
        <v>50</v>
      </c>
      <c r="AP9" s="71">
        <v>39</v>
      </c>
      <c r="AQ9" s="71">
        <v>37</v>
      </c>
      <c r="AR9" s="72">
        <v>280</v>
      </c>
      <c r="AS9" s="73">
        <v>373</v>
      </c>
      <c r="AT9" s="70">
        <v>97</v>
      </c>
      <c r="AU9" s="71">
        <v>66</v>
      </c>
      <c r="AV9" s="72">
        <v>163</v>
      </c>
      <c r="AW9" s="244"/>
      <c r="AX9" s="71">
        <v>161</v>
      </c>
      <c r="AY9" s="71">
        <v>103</v>
      </c>
      <c r="AZ9" s="71">
        <v>75</v>
      </c>
      <c r="BA9" s="71">
        <v>69</v>
      </c>
      <c r="BB9" s="71">
        <v>35</v>
      </c>
      <c r="BC9" s="72">
        <v>443</v>
      </c>
      <c r="BD9" s="73">
        <v>606</v>
      </c>
      <c r="BE9" s="70">
        <v>128</v>
      </c>
      <c r="BF9" s="71">
        <v>101</v>
      </c>
      <c r="BG9" s="72">
        <v>229</v>
      </c>
      <c r="BH9" s="244"/>
      <c r="BI9" s="71">
        <v>194</v>
      </c>
      <c r="BJ9" s="71">
        <v>135</v>
      </c>
      <c r="BK9" s="71">
        <v>99</v>
      </c>
      <c r="BL9" s="71">
        <v>109</v>
      </c>
      <c r="BM9" s="71">
        <v>58</v>
      </c>
      <c r="BN9" s="72">
        <v>595</v>
      </c>
      <c r="BO9" s="73">
        <v>824</v>
      </c>
      <c r="BP9" s="70">
        <v>112</v>
      </c>
      <c r="BQ9" s="71">
        <v>87</v>
      </c>
      <c r="BR9" s="72">
        <v>199</v>
      </c>
      <c r="BS9" s="244"/>
      <c r="BT9" s="71">
        <v>205</v>
      </c>
      <c r="BU9" s="71">
        <v>157</v>
      </c>
      <c r="BV9" s="71">
        <v>95</v>
      </c>
      <c r="BW9" s="71">
        <v>92</v>
      </c>
      <c r="BX9" s="71">
        <v>60</v>
      </c>
      <c r="BY9" s="72">
        <v>609</v>
      </c>
      <c r="BZ9" s="73">
        <v>808</v>
      </c>
      <c r="CA9" s="70">
        <v>0</v>
      </c>
      <c r="CB9" s="71">
        <v>0</v>
      </c>
      <c r="CC9" s="72">
        <v>0</v>
      </c>
      <c r="CD9" s="244"/>
      <c r="CE9" s="71">
        <v>0</v>
      </c>
      <c r="CF9" s="71">
        <v>0</v>
      </c>
      <c r="CG9" s="71">
        <v>0</v>
      </c>
      <c r="CH9" s="71">
        <v>0</v>
      </c>
      <c r="CI9" s="71">
        <v>0</v>
      </c>
      <c r="CJ9" s="72">
        <v>0</v>
      </c>
      <c r="CK9" s="73">
        <v>0</v>
      </c>
      <c r="CL9" s="70">
        <v>428</v>
      </c>
      <c r="CM9" s="71">
        <v>355</v>
      </c>
      <c r="CN9" s="72">
        <v>783</v>
      </c>
      <c r="CO9" s="244"/>
      <c r="CP9" s="71">
        <v>728</v>
      </c>
      <c r="CQ9" s="71">
        <v>544</v>
      </c>
      <c r="CR9" s="71">
        <v>369</v>
      </c>
      <c r="CS9" s="71">
        <v>359</v>
      </c>
      <c r="CT9" s="71">
        <v>227</v>
      </c>
      <c r="CU9" s="72">
        <v>2227</v>
      </c>
      <c r="CV9" s="73">
        <v>3010</v>
      </c>
      <c r="CW9" s="123">
        <v>199</v>
      </c>
      <c r="CX9" s="82">
        <v>201</v>
      </c>
      <c r="CY9" s="83">
        <v>400</v>
      </c>
      <c r="CZ9" s="241"/>
      <c r="DA9" s="82">
        <v>397</v>
      </c>
      <c r="DB9" s="82">
        <v>243</v>
      </c>
      <c r="DC9" s="82">
        <v>176</v>
      </c>
      <c r="DD9" s="82">
        <v>192</v>
      </c>
      <c r="DE9" s="82">
        <v>133</v>
      </c>
      <c r="DF9" s="84">
        <v>1141</v>
      </c>
      <c r="DG9" s="85">
        <v>1541</v>
      </c>
      <c r="DH9" s="70">
        <v>3</v>
      </c>
      <c r="DI9" s="71">
        <v>3</v>
      </c>
      <c r="DJ9" s="72">
        <v>6</v>
      </c>
      <c r="DK9" s="244"/>
      <c r="DL9" s="71">
        <v>9</v>
      </c>
      <c r="DM9" s="71">
        <v>4</v>
      </c>
      <c r="DN9" s="71">
        <v>3</v>
      </c>
      <c r="DO9" s="71">
        <v>5</v>
      </c>
      <c r="DP9" s="71">
        <v>1</v>
      </c>
      <c r="DQ9" s="72">
        <v>22</v>
      </c>
      <c r="DR9" s="73">
        <v>28</v>
      </c>
      <c r="DS9" s="70">
        <v>12</v>
      </c>
      <c r="DT9" s="71">
        <v>11</v>
      </c>
      <c r="DU9" s="72">
        <v>23</v>
      </c>
      <c r="DV9" s="244"/>
      <c r="DW9" s="71">
        <v>29</v>
      </c>
      <c r="DX9" s="71">
        <v>7</v>
      </c>
      <c r="DY9" s="71">
        <v>8</v>
      </c>
      <c r="DZ9" s="71">
        <v>10</v>
      </c>
      <c r="EA9" s="71">
        <v>4</v>
      </c>
      <c r="EB9" s="72">
        <v>58</v>
      </c>
      <c r="EC9" s="73">
        <v>81</v>
      </c>
      <c r="ED9" s="70">
        <v>30</v>
      </c>
      <c r="EE9" s="71">
        <v>22</v>
      </c>
      <c r="EF9" s="72">
        <v>52</v>
      </c>
      <c r="EG9" s="244"/>
      <c r="EH9" s="71">
        <v>56</v>
      </c>
      <c r="EI9" s="71">
        <v>28</v>
      </c>
      <c r="EJ9" s="71">
        <v>12</v>
      </c>
      <c r="EK9" s="71">
        <v>12</v>
      </c>
      <c r="EL9" s="71">
        <v>14</v>
      </c>
      <c r="EM9" s="72">
        <v>122</v>
      </c>
      <c r="EN9" s="73">
        <v>174</v>
      </c>
      <c r="EO9" s="70">
        <v>49</v>
      </c>
      <c r="EP9" s="71">
        <v>49</v>
      </c>
      <c r="EQ9" s="72">
        <v>98</v>
      </c>
      <c r="ER9" s="244"/>
      <c r="ES9" s="71">
        <v>89</v>
      </c>
      <c r="ET9" s="71">
        <v>43</v>
      </c>
      <c r="EU9" s="71">
        <v>24</v>
      </c>
      <c r="EV9" s="71">
        <v>17</v>
      </c>
      <c r="EW9" s="71">
        <v>25</v>
      </c>
      <c r="EX9" s="72">
        <v>198</v>
      </c>
      <c r="EY9" s="73">
        <v>296</v>
      </c>
      <c r="EZ9" s="70">
        <v>61</v>
      </c>
      <c r="FA9" s="71">
        <v>66</v>
      </c>
      <c r="FB9" s="72">
        <v>127</v>
      </c>
      <c r="FC9" s="244"/>
      <c r="FD9" s="71">
        <v>97</v>
      </c>
      <c r="FE9" s="71">
        <v>77</v>
      </c>
      <c r="FF9" s="71">
        <v>56</v>
      </c>
      <c r="FG9" s="71">
        <v>40</v>
      </c>
      <c r="FH9" s="71">
        <v>31</v>
      </c>
      <c r="FI9" s="72">
        <v>301</v>
      </c>
      <c r="FJ9" s="73">
        <v>428</v>
      </c>
      <c r="FK9" s="70">
        <v>44</v>
      </c>
      <c r="FL9" s="71">
        <v>50</v>
      </c>
      <c r="FM9" s="72">
        <v>94</v>
      </c>
      <c r="FN9" s="244"/>
      <c r="FO9" s="71">
        <v>117</v>
      </c>
      <c r="FP9" s="71">
        <v>84</v>
      </c>
      <c r="FQ9" s="71">
        <v>73</v>
      </c>
      <c r="FR9" s="71">
        <v>108</v>
      </c>
      <c r="FS9" s="71">
        <v>58</v>
      </c>
      <c r="FT9" s="72">
        <v>440</v>
      </c>
      <c r="FU9" s="73">
        <v>534</v>
      </c>
      <c r="FV9" s="70">
        <v>0</v>
      </c>
      <c r="FW9" s="71">
        <v>0</v>
      </c>
      <c r="FX9" s="72">
        <v>0</v>
      </c>
      <c r="FY9" s="244"/>
      <c r="FZ9" s="71">
        <v>0</v>
      </c>
      <c r="GA9" s="71">
        <v>0</v>
      </c>
      <c r="GB9" s="71">
        <v>0</v>
      </c>
      <c r="GC9" s="71">
        <v>0</v>
      </c>
      <c r="GD9" s="71">
        <v>0</v>
      </c>
      <c r="GE9" s="72">
        <v>0</v>
      </c>
      <c r="GF9" s="73">
        <v>0</v>
      </c>
      <c r="GG9" s="70">
        <v>199</v>
      </c>
      <c r="GH9" s="71">
        <v>201</v>
      </c>
      <c r="GI9" s="72">
        <v>400</v>
      </c>
      <c r="GJ9" s="244"/>
      <c r="GK9" s="71">
        <v>397</v>
      </c>
      <c r="GL9" s="71">
        <v>243</v>
      </c>
      <c r="GM9" s="71">
        <v>176</v>
      </c>
      <c r="GN9" s="71">
        <v>192</v>
      </c>
      <c r="GO9" s="71">
        <v>133</v>
      </c>
      <c r="GP9" s="72">
        <v>1141</v>
      </c>
      <c r="GQ9" s="73">
        <v>1541</v>
      </c>
      <c r="GR9" s="123">
        <v>627</v>
      </c>
      <c r="GS9" s="82">
        <v>556</v>
      </c>
      <c r="GT9" s="83">
        <v>1183</v>
      </c>
      <c r="GU9" s="241"/>
      <c r="GV9" s="82">
        <v>1125</v>
      </c>
      <c r="GW9" s="82">
        <v>787</v>
      </c>
      <c r="GX9" s="82">
        <v>545</v>
      </c>
      <c r="GY9" s="82">
        <v>551</v>
      </c>
      <c r="GZ9" s="82">
        <v>360</v>
      </c>
      <c r="HA9" s="84">
        <v>3368</v>
      </c>
      <c r="HB9" s="85">
        <v>4551</v>
      </c>
      <c r="HC9" s="70">
        <v>15</v>
      </c>
      <c r="HD9" s="71">
        <v>25</v>
      </c>
      <c r="HE9" s="72">
        <v>40</v>
      </c>
      <c r="HF9" s="244"/>
      <c r="HG9" s="71">
        <v>32</v>
      </c>
      <c r="HH9" s="71">
        <v>33</v>
      </c>
      <c r="HI9" s="71">
        <v>16</v>
      </c>
      <c r="HJ9" s="71">
        <v>20</v>
      </c>
      <c r="HK9" s="71">
        <v>13</v>
      </c>
      <c r="HL9" s="72">
        <v>114</v>
      </c>
      <c r="HM9" s="73">
        <v>154</v>
      </c>
      <c r="HN9" s="70">
        <v>47</v>
      </c>
      <c r="HO9" s="71">
        <v>41</v>
      </c>
      <c r="HP9" s="72">
        <v>88</v>
      </c>
      <c r="HQ9" s="244"/>
      <c r="HR9" s="71">
        <v>90</v>
      </c>
      <c r="HS9" s="71">
        <v>57</v>
      </c>
      <c r="HT9" s="71">
        <v>45</v>
      </c>
      <c r="HU9" s="71">
        <v>45</v>
      </c>
      <c r="HV9" s="71">
        <v>29</v>
      </c>
      <c r="HW9" s="72">
        <v>266</v>
      </c>
      <c r="HX9" s="73">
        <v>354</v>
      </c>
      <c r="HY9" s="70">
        <v>74</v>
      </c>
      <c r="HZ9" s="71">
        <v>71</v>
      </c>
      <c r="IA9" s="72">
        <v>145</v>
      </c>
      <c r="IB9" s="244"/>
      <c r="IC9" s="71">
        <v>140</v>
      </c>
      <c r="ID9" s="71">
        <v>98</v>
      </c>
      <c r="IE9" s="71">
        <v>62</v>
      </c>
      <c r="IF9" s="71">
        <v>51</v>
      </c>
      <c r="IG9" s="71">
        <v>51</v>
      </c>
      <c r="IH9" s="72">
        <v>402</v>
      </c>
      <c r="II9" s="73">
        <v>547</v>
      </c>
      <c r="IJ9" s="70">
        <v>146</v>
      </c>
      <c r="IK9" s="71">
        <v>115</v>
      </c>
      <c r="IL9" s="72">
        <v>261</v>
      </c>
      <c r="IM9" s="244"/>
      <c r="IN9" s="71">
        <v>250</v>
      </c>
      <c r="IO9" s="71">
        <v>146</v>
      </c>
      <c r="IP9" s="71">
        <v>99</v>
      </c>
      <c r="IQ9" s="71">
        <v>86</v>
      </c>
      <c r="IR9" s="71">
        <v>60</v>
      </c>
      <c r="IS9" s="72">
        <v>641</v>
      </c>
      <c r="IT9" s="73">
        <v>902</v>
      </c>
      <c r="IU9" s="70">
        <v>189</v>
      </c>
      <c r="IV9" s="71">
        <v>167</v>
      </c>
      <c r="IW9" s="72">
        <v>356</v>
      </c>
      <c r="IX9" s="244"/>
      <c r="IY9" s="71">
        <v>291</v>
      </c>
      <c r="IZ9" s="71">
        <v>212</v>
      </c>
      <c r="JA9" s="71">
        <v>155</v>
      </c>
      <c r="JB9" s="71">
        <v>149</v>
      </c>
      <c r="JC9" s="71">
        <v>89</v>
      </c>
      <c r="JD9" s="72">
        <v>896</v>
      </c>
      <c r="JE9" s="73">
        <v>1252</v>
      </c>
      <c r="JF9" s="70">
        <v>156</v>
      </c>
      <c r="JG9" s="71">
        <v>137</v>
      </c>
      <c r="JH9" s="72">
        <v>293</v>
      </c>
      <c r="JI9" s="244"/>
      <c r="JJ9" s="71">
        <v>322</v>
      </c>
      <c r="JK9" s="71">
        <v>241</v>
      </c>
      <c r="JL9" s="71">
        <v>168</v>
      </c>
      <c r="JM9" s="71">
        <v>200</v>
      </c>
      <c r="JN9" s="71">
        <v>118</v>
      </c>
      <c r="JO9" s="72">
        <v>1049</v>
      </c>
      <c r="JP9" s="73">
        <v>1342</v>
      </c>
      <c r="JQ9" s="70">
        <v>0</v>
      </c>
      <c r="JR9" s="71">
        <v>0</v>
      </c>
      <c r="JS9" s="72">
        <v>0</v>
      </c>
      <c r="JT9" s="244"/>
      <c r="JU9" s="71">
        <v>0</v>
      </c>
      <c r="JV9" s="71">
        <v>0</v>
      </c>
      <c r="JW9" s="71">
        <v>0</v>
      </c>
      <c r="JX9" s="71">
        <v>0</v>
      </c>
      <c r="JY9" s="71">
        <v>0</v>
      </c>
      <c r="JZ9" s="72">
        <v>0</v>
      </c>
      <c r="KA9" s="73">
        <v>0</v>
      </c>
      <c r="KB9" s="70">
        <v>627</v>
      </c>
      <c r="KC9" s="71">
        <v>556</v>
      </c>
      <c r="KD9" s="72">
        <v>1183</v>
      </c>
      <c r="KE9" s="244"/>
      <c r="KF9" s="71">
        <v>1125</v>
      </c>
      <c r="KG9" s="71">
        <v>787</v>
      </c>
      <c r="KH9" s="71">
        <v>545</v>
      </c>
      <c r="KI9" s="71">
        <v>551</v>
      </c>
      <c r="KJ9" s="71">
        <v>360</v>
      </c>
      <c r="KK9" s="72">
        <v>3368</v>
      </c>
      <c r="KL9" s="73">
        <v>4551</v>
      </c>
    </row>
    <row r="10" spans="1:298" ht="19.5" customHeight="1" x14ac:dyDescent="0.2">
      <c r="A10" s="126" t="s">
        <v>14</v>
      </c>
      <c r="B10" s="316">
        <v>172</v>
      </c>
      <c r="C10" s="82">
        <v>193</v>
      </c>
      <c r="D10" s="83">
        <v>365</v>
      </c>
      <c r="E10" s="241"/>
      <c r="F10" s="82">
        <v>249</v>
      </c>
      <c r="G10" s="82">
        <v>241</v>
      </c>
      <c r="H10" s="82">
        <v>156</v>
      </c>
      <c r="I10" s="82">
        <v>145</v>
      </c>
      <c r="J10" s="82">
        <v>106</v>
      </c>
      <c r="K10" s="84">
        <v>897</v>
      </c>
      <c r="L10" s="85">
        <v>1262</v>
      </c>
      <c r="M10" s="70">
        <v>12</v>
      </c>
      <c r="N10" s="71">
        <v>3</v>
      </c>
      <c r="O10" s="72">
        <v>15</v>
      </c>
      <c r="P10" s="244"/>
      <c r="Q10" s="71">
        <v>11</v>
      </c>
      <c r="R10" s="71">
        <v>10</v>
      </c>
      <c r="S10" s="71">
        <v>6</v>
      </c>
      <c r="T10" s="71">
        <v>10</v>
      </c>
      <c r="U10" s="71">
        <v>7</v>
      </c>
      <c r="V10" s="72">
        <v>44</v>
      </c>
      <c r="W10" s="73">
        <v>59</v>
      </c>
      <c r="X10" s="70">
        <v>17</v>
      </c>
      <c r="Y10" s="71">
        <v>22</v>
      </c>
      <c r="Z10" s="72">
        <v>39</v>
      </c>
      <c r="AA10" s="244"/>
      <c r="AB10" s="71">
        <v>17</v>
      </c>
      <c r="AC10" s="71">
        <v>25</v>
      </c>
      <c r="AD10" s="71">
        <v>16</v>
      </c>
      <c r="AE10" s="71">
        <v>22</v>
      </c>
      <c r="AF10" s="71">
        <v>11</v>
      </c>
      <c r="AG10" s="72">
        <v>91</v>
      </c>
      <c r="AH10" s="73">
        <v>130</v>
      </c>
      <c r="AI10" s="70">
        <v>17</v>
      </c>
      <c r="AJ10" s="71">
        <v>27</v>
      </c>
      <c r="AK10" s="72">
        <v>44</v>
      </c>
      <c r="AL10" s="244"/>
      <c r="AM10" s="71">
        <v>25</v>
      </c>
      <c r="AN10" s="71">
        <v>27</v>
      </c>
      <c r="AO10" s="71">
        <v>17</v>
      </c>
      <c r="AP10" s="71">
        <v>15</v>
      </c>
      <c r="AQ10" s="71">
        <v>25</v>
      </c>
      <c r="AR10" s="72">
        <v>109</v>
      </c>
      <c r="AS10" s="73">
        <v>153</v>
      </c>
      <c r="AT10" s="70">
        <v>39</v>
      </c>
      <c r="AU10" s="71">
        <v>59</v>
      </c>
      <c r="AV10" s="72">
        <v>98</v>
      </c>
      <c r="AW10" s="244"/>
      <c r="AX10" s="71">
        <v>61</v>
      </c>
      <c r="AY10" s="71">
        <v>55</v>
      </c>
      <c r="AZ10" s="71">
        <v>42</v>
      </c>
      <c r="BA10" s="71">
        <v>26</v>
      </c>
      <c r="BB10" s="71">
        <v>23</v>
      </c>
      <c r="BC10" s="72">
        <v>207</v>
      </c>
      <c r="BD10" s="73">
        <v>305</v>
      </c>
      <c r="BE10" s="70">
        <v>55</v>
      </c>
      <c r="BF10" s="71">
        <v>51</v>
      </c>
      <c r="BG10" s="72">
        <v>106</v>
      </c>
      <c r="BH10" s="244"/>
      <c r="BI10" s="71">
        <v>68</v>
      </c>
      <c r="BJ10" s="71">
        <v>70</v>
      </c>
      <c r="BK10" s="71">
        <v>39</v>
      </c>
      <c r="BL10" s="71">
        <v>35</v>
      </c>
      <c r="BM10" s="71">
        <v>20</v>
      </c>
      <c r="BN10" s="72">
        <v>232</v>
      </c>
      <c r="BO10" s="73">
        <v>338</v>
      </c>
      <c r="BP10" s="70">
        <v>32</v>
      </c>
      <c r="BQ10" s="71">
        <v>31</v>
      </c>
      <c r="BR10" s="72">
        <v>63</v>
      </c>
      <c r="BS10" s="244"/>
      <c r="BT10" s="71">
        <v>67</v>
      </c>
      <c r="BU10" s="71">
        <v>54</v>
      </c>
      <c r="BV10" s="71">
        <v>36</v>
      </c>
      <c r="BW10" s="71">
        <v>37</v>
      </c>
      <c r="BX10" s="71">
        <v>20</v>
      </c>
      <c r="BY10" s="72">
        <v>214</v>
      </c>
      <c r="BZ10" s="73">
        <v>277</v>
      </c>
      <c r="CA10" s="70">
        <v>0</v>
      </c>
      <c r="CB10" s="71">
        <v>0</v>
      </c>
      <c r="CC10" s="72">
        <v>0</v>
      </c>
      <c r="CD10" s="244"/>
      <c r="CE10" s="71">
        <v>0</v>
      </c>
      <c r="CF10" s="71">
        <v>0</v>
      </c>
      <c r="CG10" s="71">
        <v>0</v>
      </c>
      <c r="CH10" s="71">
        <v>0</v>
      </c>
      <c r="CI10" s="71">
        <v>0</v>
      </c>
      <c r="CJ10" s="72">
        <v>0</v>
      </c>
      <c r="CK10" s="73">
        <v>0</v>
      </c>
      <c r="CL10" s="70">
        <v>172</v>
      </c>
      <c r="CM10" s="71">
        <v>193</v>
      </c>
      <c r="CN10" s="72">
        <v>365</v>
      </c>
      <c r="CO10" s="244"/>
      <c r="CP10" s="71">
        <v>249</v>
      </c>
      <c r="CQ10" s="71">
        <v>241</v>
      </c>
      <c r="CR10" s="71">
        <v>156</v>
      </c>
      <c r="CS10" s="71">
        <v>145</v>
      </c>
      <c r="CT10" s="71">
        <v>106</v>
      </c>
      <c r="CU10" s="72">
        <v>897</v>
      </c>
      <c r="CV10" s="73">
        <v>1262</v>
      </c>
      <c r="CW10" s="123">
        <v>60</v>
      </c>
      <c r="CX10" s="82">
        <v>81</v>
      </c>
      <c r="CY10" s="83">
        <v>141</v>
      </c>
      <c r="CZ10" s="241"/>
      <c r="DA10" s="82">
        <v>92</v>
      </c>
      <c r="DB10" s="82">
        <v>82</v>
      </c>
      <c r="DC10" s="82">
        <v>66</v>
      </c>
      <c r="DD10" s="82">
        <v>68</v>
      </c>
      <c r="DE10" s="82">
        <v>47</v>
      </c>
      <c r="DF10" s="84">
        <v>355</v>
      </c>
      <c r="DG10" s="85">
        <v>496</v>
      </c>
      <c r="DH10" s="70">
        <v>2</v>
      </c>
      <c r="DI10" s="71">
        <v>3</v>
      </c>
      <c r="DJ10" s="72">
        <v>5</v>
      </c>
      <c r="DK10" s="244"/>
      <c r="DL10" s="71">
        <v>1</v>
      </c>
      <c r="DM10" s="71">
        <v>2</v>
      </c>
      <c r="DN10" s="71">
        <v>2</v>
      </c>
      <c r="DO10" s="71">
        <v>0</v>
      </c>
      <c r="DP10" s="71">
        <v>1</v>
      </c>
      <c r="DQ10" s="72">
        <v>6</v>
      </c>
      <c r="DR10" s="73">
        <v>11</v>
      </c>
      <c r="DS10" s="70">
        <v>9</v>
      </c>
      <c r="DT10" s="71">
        <v>2</v>
      </c>
      <c r="DU10" s="72">
        <v>11</v>
      </c>
      <c r="DV10" s="244"/>
      <c r="DW10" s="71">
        <v>5</v>
      </c>
      <c r="DX10" s="71">
        <v>3</v>
      </c>
      <c r="DY10" s="71">
        <v>7</v>
      </c>
      <c r="DZ10" s="71">
        <v>3</v>
      </c>
      <c r="EA10" s="71">
        <v>0</v>
      </c>
      <c r="EB10" s="72">
        <v>18</v>
      </c>
      <c r="EC10" s="73">
        <v>29</v>
      </c>
      <c r="ED10" s="70">
        <v>10</v>
      </c>
      <c r="EE10" s="71">
        <v>9</v>
      </c>
      <c r="EF10" s="72">
        <v>19</v>
      </c>
      <c r="EG10" s="244"/>
      <c r="EH10" s="71">
        <v>10</v>
      </c>
      <c r="EI10" s="71">
        <v>9</v>
      </c>
      <c r="EJ10" s="71">
        <v>4</v>
      </c>
      <c r="EK10" s="71">
        <v>5</v>
      </c>
      <c r="EL10" s="71">
        <v>3</v>
      </c>
      <c r="EM10" s="72">
        <v>31</v>
      </c>
      <c r="EN10" s="73">
        <v>50</v>
      </c>
      <c r="EO10" s="70">
        <v>16</v>
      </c>
      <c r="EP10" s="71">
        <v>20</v>
      </c>
      <c r="EQ10" s="72">
        <v>36</v>
      </c>
      <c r="ER10" s="244"/>
      <c r="ES10" s="71">
        <v>16</v>
      </c>
      <c r="ET10" s="71">
        <v>14</v>
      </c>
      <c r="EU10" s="71">
        <v>11</v>
      </c>
      <c r="EV10" s="71">
        <v>7</v>
      </c>
      <c r="EW10" s="71">
        <v>8</v>
      </c>
      <c r="EX10" s="72">
        <v>56</v>
      </c>
      <c r="EY10" s="73">
        <v>92</v>
      </c>
      <c r="EZ10" s="70">
        <v>10</v>
      </c>
      <c r="FA10" s="71">
        <v>31</v>
      </c>
      <c r="FB10" s="72">
        <v>41</v>
      </c>
      <c r="FC10" s="244"/>
      <c r="FD10" s="71">
        <v>26</v>
      </c>
      <c r="FE10" s="71">
        <v>23</v>
      </c>
      <c r="FF10" s="71">
        <v>13</v>
      </c>
      <c r="FG10" s="71">
        <v>13</v>
      </c>
      <c r="FH10" s="71">
        <v>10</v>
      </c>
      <c r="FI10" s="72">
        <v>85</v>
      </c>
      <c r="FJ10" s="73">
        <v>126</v>
      </c>
      <c r="FK10" s="70">
        <v>13</v>
      </c>
      <c r="FL10" s="71">
        <v>16</v>
      </c>
      <c r="FM10" s="72">
        <v>29</v>
      </c>
      <c r="FN10" s="244"/>
      <c r="FO10" s="71">
        <v>34</v>
      </c>
      <c r="FP10" s="71">
        <v>31</v>
      </c>
      <c r="FQ10" s="71">
        <v>29</v>
      </c>
      <c r="FR10" s="71">
        <v>40</v>
      </c>
      <c r="FS10" s="71">
        <v>25</v>
      </c>
      <c r="FT10" s="72">
        <v>159</v>
      </c>
      <c r="FU10" s="73">
        <v>188</v>
      </c>
      <c r="FV10" s="70">
        <v>0</v>
      </c>
      <c r="FW10" s="71">
        <v>0</v>
      </c>
      <c r="FX10" s="72">
        <v>0</v>
      </c>
      <c r="FY10" s="244"/>
      <c r="FZ10" s="71">
        <v>0</v>
      </c>
      <c r="GA10" s="71">
        <v>0</v>
      </c>
      <c r="GB10" s="71">
        <v>0</v>
      </c>
      <c r="GC10" s="71">
        <v>0</v>
      </c>
      <c r="GD10" s="71">
        <v>0</v>
      </c>
      <c r="GE10" s="72">
        <v>0</v>
      </c>
      <c r="GF10" s="73">
        <v>0</v>
      </c>
      <c r="GG10" s="70">
        <v>60</v>
      </c>
      <c r="GH10" s="71">
        <v>81</v>
      </c>
      <c r="GI10" s="72">
        <v>141</v>
      </c>
      <c r="GJ10" s="244"/>
      <c r="GK10" s="71">
        <v>92</v>
      </c>
      <c r="GL10" s="71">
        <v>82</v>
      </c>
      <c r="GM10" s="71">
        <v>66</v>
      </c>
      <c r="GN10" s="71">
        <v>68</v>
      </c>
      <c r="GO10" s="71">
        <v>47</v>
      </c>
      <c r="GP10" s="72">
        <v>355</v>
      </c>
      <c r="GQ10" s="73">
        <v>496</v>
      </c>
      <c r="GR10" s="123">
        <v>232</v>
      </c>
      <c r="GS10" s="82">
        <v>274</v>
      </c>
      <c r="GT10" s="83">
        <v>506</v>
      </c>
      <c r="GU10" s="241"/>
      <c r="GV10" s="82">
        <v>341</v>
      </c>
      <c r="GW10" s="82">
        <v>323</v>
      </c>
      <c r="GX10" s="82">
        <v>222</v>
      </c>
      <c r="GY10" s="82">
        <v>213</v>
      </c>
      <c r="GZ10" s="82">
        <v>153</v>
      </c>
      <c r="HA10" s="84">
        <v>1252</v>
      </c>
      <c r="HB10" s="85">
        <v>1758</v>
      </c>
      <c r="HC10" s="70">
        <v>14</v>
      </c>
      <c r="HD10" s="71">
        <v>6</v>
      </c>
      <c r="HE10" s="72">
        <v>20</v>
      </c>
      <c r="HF10" s="244"/>
      <c r="HG10" s="71">
        <v>12</v>
      </c>
      <c r="HH10" s="71">
        <v>12</v>
      </c>
      <c r="HI10" s="71">
        <v>8</v>
      </c>
      <c r="HJ10" s="71">
        <v>10</v>
      </c>
      <c r="HK10" s="71">
        <v>8</v>
      </c>
      <c r="HL10" s="72">
        <v>50</v>
      </c>
      <c r="HM10" s="73">
        <v>70</v>
      </c>
      <c r="HN10" s="70">
        <v>26</v>
      </c>
      <c r="HO10" s="71">
        <v>24</v>
      </c>
      <c r="HP10" s="72">
        <v>50</v>
      </c>
      <c r="HQ10" s="244"/>
      <c r="HR10" s="71">
        <v>22</v>
      </c>
      <c r="HS10" s="71">
        <v>28</v>
      </c>
      <c r="HT10" s="71">
        <v>23</v>
      </c>
      <c r="HU10" s="71">
        <v>25</v>
      </c>
      <c r="HV10" s="71">
        <v>11</v>
      </c>
      <c r="HW10" s="72">
        <v>109</v>
      </c>
      <c r="HX10" s="73">
        <v>159</v>
      </c>
      <c r="HY10" s="70">
        <v>27</v>
      </c>
      <c r="HZ10" s="71">
        <v>36</v>
      </c>
      <c r="IA10" s="72">
        <v>63</v>
      </c>
      <c r="IB10" s="244"/>
      <c r="IC10" s="71">
        <v>35</v>
      </c>
      <c r="ID10" s="71">
        <v>36</v>
      </c>
      <c r="IE10" s="71">
        <v>21</v>
      </c>
      <c r="IF10" s="71">
        <v>20</v>
      </c>
      <c r="IG10" s="71">
        <v>28</v>
      </c>
      <c r="IH10" s="72">
        <v>140</v>
      </c>
      <c r="II10" s="73">
        <v>203</v>
      </c>
      <c r="IJ10" s="70">
        <v>55</v>
      </c>
      <c r="IK10" s="71">
        <v>79</v>
      </c>
      <c r="IL10" s="72">
        <v>134</v>
      </c>
      <c r="IM10" s="244"/>
      <c r="IN10" s="71">
        <v>77</v>
      </c>
      <c r="IO10" s="71">
        <v>69</v>
      </c>
      <c r="IP10" s="71">
        <v>53</v>
      </c>
      <c r="IQ10" s="71">
        <v>33</v>
      </c>
      <c r="IR10" s="71">
        <v>31</v>
      </c>
      <c r="IS10" s="72">
        <v>263</v>
      </c>
      <c r="IT10" s="73">
        <v>397</v>
      </c>
      <c r="IU10" s="70">
        <v>65</v>
      </c>
      <c r="IV10" s="71">
        <v>82</v>
      </c>
      <c r="IW10" s="72">
        <v>147</v>
      </c>
      <c r="IX10" s="244"/>
      <c r="IY10" s="71">
        <v>94</v>
      </c>
      <c r="IZ10" s="71">
        <v>93</v>
      </c>
      <c r="JA10" s="71">
        <v>52</v>
      </c>
      <c r="JB10" s="71">
        <v>48</v>
      </c>
      <c r="JC10" s="71">
        <v>30</v>
      </c>
      <c r="JD10" s="72">
        <v>317</v>
      </c>
      <c r="JE10" s="73">
        <v>464</v>
      </c>
      <c r="JF10" s="70">
        <v>45</v>
      </c>
      <c r="JG10" s="71">
        <v>47</v>
      </c>
      <c r="JH10" s="72">
        <v>92</v>
      </c>
      <c r="JI10" s="244"/>
      <c r="JJ10" s="71">
        <v>101</v>
      </c>
      <c r="JK10" s="71">
        <v>85</v>
      </c>
      <c r="JL10" s="71">
        <v>65</v>
      </c>
      <c r="JM10" s="71">
        <v>77</v>
      </c>
      <c r="JN10" s="71">
        <v>45</v>
      </c>
      <c r="JO10" s="72">
        <v>373</v>
      </c>
      <c r="JP10" s="73">
        <v>465</v>
      </c>
      <c r="JQ10" s="70">
        <v>0</v>
      </c>
      <c r="JR10" s="71">
        <v>0</v>
      </c>
      <c r="JS10" s="72">
        <v>0</v>
      </c>
      <c r="JT10" s="244"/>
      <c r="JU10" s="71">
        <v>0</v>
      </c>
      <c r="JV10" s="71">
        <v>0</v>
      </c>
      <c r="JW10" s="71">
        <v>0</v>
      </c>
      <c r="JX10" s="71">
        <v>0</v>
      </c>
      <c r="JY10" s="71">
        <v>0</v>
      </c>
      <c r="JZ10" s="72">
        <v>0</v>
      </c>
      <c r="KA10" s="73">
        <v>0</v>
      </c>
      <c r="KB10" s="70">
        <v>232</v>
      </c>
      <c r="KC10" s="71">
        <v>274</v>
      </c>
      <c r="KD10" s="72">
        <v>506</v>
      </c>
      <c r="KE10" s="244"/>
      <c r="KF10" s="71">
        <v>341</v>
      </c>
      <c r="KG10" s="71">
        <v>323</v>
      </c>
      <c r="KH10" s="71">
        <v>222</v>
      </c>
      <c r="KI10" s="71">
        <v>213</v>
      </c>
      <c r="KJ10" s="71">
        <v>153</v>
      </c>
      <c r="KK10" s="72">
        <v>1252</v>
      </c>
      <c r="KL10" s="73">
        <v>1758</v>
      </c>
    </row>
    <row r="11" spans="1:298" ht="19.5" customHeight="1" x14ac:dyDescent="0.2">
      <c r="A11" s="126" t="s">
        <v>7</v>
      </c>
      <c r="B11" s="316">
        <v>117</v>
      </c>
      <c r="C11" s="82">
        <v>82</v>
      </c>
      <c r="D11" s="83">
        <v>199</v>
      </c>
      <c r="E11" s="241"/>
      <c r="F11" s="82">
        <v>238</v>
      </c>
      <c r="G11" s="82">
        <v>155</v>
      </c>
      <c r="H11" s="82">
        <v>82</v>
      </c>
      <c r="I11" s="82">
        <v>61</v>
      </c>
      <c r="J11" s="82">
        <v>46</v>
      </c>
      <c r="K11" s="84">
        <v>582</v>
      </c>
      <c r="L11" s="85">
        <v>781</v>
      </c>
      <c r="M11" s="70">
        <v>5</v>
      </c>
      <c r="N11" s="71">
        <v>2</v>
      </c>
      <c r="O11" s="72">
        <v>7</v>
      </c>
      <c r="P11" s="244"/>
      <c r="Q11" s="71">
        <v>6</v>
      </c>
      <c r="R11" s="71">
        <v>9</v>
      </c>
      <c r="S11" s="71">
        <v>5</v>
      </c>
      <c r="T11" s="71">
        <v>4</v>
      </c>
      <c r="U11" s="71">
        <v>4</v>
      </c>
      <c r="V11" s="72">
        <v>28</v>
      </c>
      <c r="W11" s="73">
        <v>35</v>
      </c>
      <c r="X11" s="70">
        <v>13</v>
      </c>
      <c r="Y11" s="71">
        <v>5</v>
      </c>
      <c r="Z11" s="72">
        <v>18</v>
      </c>
      <c r="AA11" s="244"/>
      <c r="AB11" s="71">
        <v>21</v>
      </c>
      <c r="AC11" s="71">
        <v>13</v>
      </c>
      <c r="AD11" s="71">
        <v>13</v>
      </c>
      <c r="AE11" s="71">
        <v>5</v>
      </c>
      <c r="AF11" s="71">
        <v>5</v>
      </c>
      <c r="AG11" s="72">
        <v>57</v>
      </c>
      <c r="AH11" s="73">
        <v>75</v>
      </c>
      <c r="AI11" s="70">
        <v>16</v>
      </c>
      <c r="AJ11" s="71">
        <v>7</v>
      </c>
      <c r="AK11" s="72">
        <v>23</v>
      </c>
      <c r="AL11" s="244"/>
      <c r="AM11" s="71">
        <v>31</v>
      </c>
      <c r="AN11" s="71">
        <v>18</v>
      </c>
      <c r="AO11" s="71">
        <v>12</v>
      </c>
      <c r="AP11" s="71">
        <v>12</v>
      </c>
      <c r="AQ11" s="71">
        <v>5</v>
      </c>
      <c r="AR11" s="72">
        <v>78</v>
      </c>
      <c r="AS11" s="73">
        <v>101</v>
      </c>
      <c r="AT11" s="70">
        <v>29</v>
      </c>
      <c r="AU11" s="71">
        <v>25</v>
      </c>
      <c r="AV11" s="72">
        <v>54</v>
      </c>
      <c r="AW11" s="244"/>
      <c r="AX11" s="71">
        <v>65</v>
      </c>
      <c r="AY11" s="71">
        <v>34</v>
      </c>
      <c r="AZ11" s="71">
        <v>14</v>
      </c>
      <c r="BA11" s="71">
        <v>11</v>
      </c>
      <c r="BB11" s="71">
        <v>11</v>
      </c>
      <c r="BC11" s="72">
        <v>135</v>
      </c>
      <c r="BD11" s="73">
        <v>189</v>
      </c>
      <c r="BE11" s="70">
        <v>32</v>
      </c>
      <c r="BF11" s="71">
        <v>21</v>
      </c>
      <c r="BG11" s="72">
        <v>53</v>
      </c>
      <c r="BH11" s="244"/>
      <c r="BI11" s="71">
        <v>60</v>
      </c>
      <c r="BJ11" s="71">
        <v>38</v>
      </c>
      <c r="BK11" s="71">
        <v>17</v>
      </c>
      <c r="BL11" s="71">
        <v>14</v>
      </c>
      <c r="BM11" s="71">
        <v>13</v>
      </c>
      <c r="BN11" s="72">
        <v>142</v>
      </c>
      <c r="BO11" s="73">
        <v>195</v>
      </c>
      <c r="BP11" s="70">
        <v>22</v>
      </c>
      <c r="BQ11" s="71">
        <v>22</v>
      </c>
      <c r="BR11" s="72">
        <v>44</v>
      </c>
      <c r="BS11" s="244"/>
      <c r="BT11" s="71">
        <v>55</v>
      </c>
      <c r="BU11" s="71">
        <v>43</v>
      </c>
      <c r="BV11" s="71">
        <v>21</v>
      </c>
      <c r="BW11" s="71">
        <v>15</v>
      </c>
      <c r="BX11" s="71">
        <v>8</v>
      </c>
      <c r="BY11" s="72">
        <v>142</v>
      </c>
      <c r="BZ11" s="73">
        <v>186</v>
      </c>
      <c r="CA11" s="70">
        <v>0</v>
      </c>
      <c r="CB11" s="71">
        <v>0</v>
      </c>
      <c r="CC11" s="72">
        <v>0</v>
      </c>
      <c r="CD11" s="244"/>
      <c r="CE11" s="71">
        <v>0</v>
      </c>
      <c r="CF11" s="71">
        <v>0</v>
      </c>
      <c r="CG11" s="71">
        <v>0</v>
      </c>
      <c r="CH11" s="71">
        <v>0</v>
      </c>
      <c r="CI11" s="71">
        <v>0</v>
      </c>
      <c r="CJ11" s="72">
        <v>0</v>
      </c>
      <c r="CK11" s="73">
        <v>0</v>
      </c>
      <c r="CL11" s="70">
        <v>117</v>
      </c>
      <c r="CM11" s="71">
        <v>82</v>
      </c>
      <c r="CN11" s="72">
        <v>199</v>
      </c>
      <c r="CO11" s="244"/>
      <c r="CP11" s="71">
        <v>238</v>
      </c>
      <c r="CQ11" s="71">
        <v>155</v>
      </c>
      <c r="CR11" s="71">
        <v>82</v>
      </c>
      <c r="CS11" s="71">
        <v>61</v>
      </c>
      <c r="CT11" s="71">
        <v>46</v>
      </c>
      <c r="CU11" s="72">
        <v>582</v>
      </c>
      <c r="CV11" s="73">
        <v>781</v>
      </c>
      <c r="CW11" s="123">
        <v>33</v>
      </c>
      <c r="CX11" s="82">
        <v>34</v>
      </c>
      <c r="CY11" s="83">
        <v>67</v>
      </c>
      <c r="CZ11" s="241"/>
      <c r="DA11" s="82">
        <v>71</v>
      </c>
      <c r="DB11" s="82">
        <v>34</v>
      </c>
      <c r="DC11" s="82">
        <v>31</v>
      </c>
      <c r="DD11" s="82">
        <v>24</v>
      </c>
      <c r="DE11" s="82">
        <v>18</v>
      </c>
      <c r="DF11" s="84">
        <v>178</v>
      </c>
      <c r="DG11" s="85">
        <v>245</v>
      </c>
      <c r="DH11" s="70">
        <v>0</v>
      </c>
      <c r="DI11" s="71">
        <v>0</v>
      </c>
      <c r="DJ11" s="72">
        <v>0</v>
      </c>
      <c r="DK11" s="244"/>
      <c r="DL11" s="71">
        <v>2</v>
      </c>
      <c r="DM11" s="71">
        <v>2</v>
      </c>
      <c r="DN11" s="71">
        <v>2</v>
      </c>
      <c r="DO11" s="71">
        <v>0</v>
      </c>
      <c r="DP11" s="71">
        <v>1</v>
      </c>
      <c r="DQ11" s="72">
        <v>7</v>
      </c>
      <c r="DR11" s="73">
        <v>7</v>
      </c>
      <c r="DS11" s="70">
        <v>2</v>
      </c>
      <c r="DT11" s="71">
        <v>2</v>
      </c>
      <c r="DU11" s="72">
        <v>4</v>
      </c>
      <c r="DV11" s="244"/>
      <c r="DW11" s="71">
        <v>7</v>
      </c>
      <c r="DX11" s="71">
        <v>6</v>
      </c>
      <c r="DY11" s="71">
        <v>2</v>
      </c>
      <c r="DZ11" s="71">
        <v>1</v>
      </c>
      <c r="EA11" s="71">
        <v>0</v>
      </c>
      <c r="EB11" s="72">
        <v>16</v>
      </c>
      <c r="EC11" s="73">
        <v>20</v>
      </c>
      <c r="ED11" s="70">
        <v>1</v>
      </c>
      <c r="EE11" s="71">
        <v>5</v>
      </c>
      <c r="EF11" s="72">
        <v>6</v>
      </c>
      <c r="EG11" s="244"/>
      <c r="EH11" s="71">
        <v>5</v>
      </c>
      <c r="EI11" s="71">
        <v>2</v>
      </c>
      <c r="EJ11" s="71">
        <v>2</v>
      </c>
      <c r="EK11" s="71">
        <v>4</v>
      </c>
      <c r="EL11" s="71">
        <v>2</v>
      </c>
      <c r="EM11" s="72">
        <v>15</v>
      </c>
      <c r="EN11" s="73">
        <v>21</v>
      </c>
      <c r="EO11" s="70">
        <v>8</v>
      </c>
      <c r="EP11" s="71">
        <v>8</v>
      </c>
      <c r="EQ11" s="72">
        <v>16</v>
      </c>
      <c r="ER11" s="244"/>
      <c r="ES11" s="71">
        <v>16</v>
      </c>
      <c r="ET11" s="71">
        <v>3</v>
      </c>
      <c r="EU11" s="71">
        <v>4</v>
      </c>
      <c r="EV11" s="71">
        <v>2</v>
      </c>
      <c r="EW11" s="71">
        <v>2</v>
      </c>
      <c r="EX11" s="72">
        <v>27</v>
      </c>
      <c r="EY11" s="73">
        <v>43</v>
      </c>
      <c r="EZ11" s="70">
        <v>16</v>
      </c>
      <c r="FA11" s="71">
        <v>10</v>
      </c>
      <c r="FB11" s="72">
        <v>26</v>
      </c>
      <c r="FC11" s="244"/>
      <c r="FD11" s="71">
        <v>22</v>
      </c>
      <c r="FE11" s="71">
        <v>6</v>
      </c>
      <c r="FF11" s="71">
        <v>9</v>
      </c>
      <c r="FG11" s="71">
        <v>3</v>
      </c>
      <c r="FH11" s="71">
        <v>7</v>
      </c>
      <c r="FI11" s="72">
        <v>47</v>
      </c>
      <c r="FJ11" s="73">
        <v>73</v>
      </c>
      <c r="FK11" s="70">
        <v>6</v>
      </c>
      <c r="FL11" s="71">
        <v>9</v>
      </c>
      <c r="FM11" s="72">
        <v>15</v>
      </c>
      <c r="FN11" s="244"/>
      <c r="FO11" s="71">
        <v>19</v>
      </c>
      <c r="FP11" s="71">
        <v>15</v>
      </c>
      <c r="FQ11" s="71">
        <v>12</v>
      </c>
      <c r="FR11" s="71">
        <v>14</v>
      </c>
      <c r="FS11" s="71">
        <v>6</v>
      </c>
      <c r="FT11" s="72">
        <v>66</v>
      </c>
      <c r="FU11" s="73">
        <v>81</v>
      </c>
      <c r="FV11" s="70">
        <v>0</v>
      </c>
      <c r="FW11" s="71">
        <v>0</v>
      </c>
      <c r="FX11" s="72">
        <v>0</v>
      </c>
      <c r="FY11" s="244"/>
      <c r="FZ11" s="71">
        <v>0</v>
      </c>
      <c r="GA11" s="71">
        <v>0</v>
      </c>
      <c r="GB11" s="71">
        <v>0</v>
      </c>
      <c r="GC11" s="71">
        <v>0</v>
      </c>
      <c r="GD11" s="71">
        <v>0</v>
      </c>
      <c r="GE11" s="72">
        <v>0</v>
      </c>
      <c r="GF11" s="73">
        <v>0</v>
      </c>
      <c r="GG11" s="70">
        <v>33</v>
      </c>
      <c r="GH11" s="71">
        <v>34</v>
      </c>
      <c r="GI11" s="72">
        <v>67</v>
      </c>
      <c r="GJ11" s="244"/>
      <c r="GK11" s="71">
        <v>71</v>
      </c>
      <c r="GL11" s="71">
        <v>34</v>
      </c>
      <c r="GM11" s="71">
        <v>31</v>
      </c>
      <c r="GN11" s="71">
        <v>24</v>
      </c>
      <c r="GO11" s="71">
        <v>18</v>
      </c>
      <c r="GP11" s="72">
        <v>178</v>
      </c>
      <c r="GQ11" s="73">
        <v>245</v>
      </c>
      <c r="GR11" s="123">
        <v>150</v>
      </c>
      <c r="GS11" s="82">
        <v>116</v>
      </c>
      <c r="GT11" s="83">
        <v>266</v>
      </c>
      <c r="GU11" s="241"/>
      <c r="GV11" s="82">
        <v>309</v>
      </c>
      <c r="GW11" s="82">
        <v>189</v>
      </c>
      <c r="GX11" s="82">
        <v>113</v>
      </c>
      <c r="GY11" s="82">
        <v>85</v>
      </c>
      <c r="GZ11" s="82">
        <v>64</v>
      </c>
      <c r="HA11" s="84">
        <v>760</v>
      </c>
      <c r="HB11" s="85">
        <v>1026</v>
      </c>
      <c r="HC11" s="70">
        <v>5</v>
      </c>
      <c r="HD11" s="71">
        <v>2</v>
      </c>
      <c r="HE11" s="72">
        <v>7</v>
      </c>
      <c r="HF11" s="244"/>
      <c r="HG11" s="71">
        <v>8</v>
      </c>
      <c r="HH11" s="71">
        <v>11</v>
      </c>
      <c r="HI11" s="71">
        <v>7</v>
      </c>
      <c r="HJ11" s="71">
        <v>4</v>
      </c>
      <c r="HK11" s="71">
        <v>5</v>
      </c>
      <c r="HL11" s="72">
        <v>35</v>
      </c>
      <c r="HM11" s="73">
        <v>42</v>
      </c>
      <c r="HN11" s="70">
        <v>15</v>
      </c>
      <c r="HO11" s="71">
        <v>7</v>
      </c>
      <c r="HP11" s="72">
        <v>22</v>
      </c>
      <c r="HQ11" s="244"/>
      <c r="HR11" s="71">
        <v>28</v>
      </c>
      <c r="HS11" s="71">
        <v>19</v>
      </c>
      <c r="HT11" s="71">
        <v>15</v>
      </c>
      <c r="HU11" s="71">
        <v>6</v>
      </c>
      <c r="HV11" s="71">
        <v>5</v>
      </c>
      <c r="HW11" s="72">
        <v>73</v>
      </c>
      <c r="HX11" s="73">
        <v>95</v>
      </c>
      <c r="HY11" s="70">
        <v>17</v>
      </c>
      <c r="HZ11" s="71">
        <v>12</v>
      </c>
      <c r="IA11" s="72">
        <v>29</v>
      </c>
      <c r="IB11" s="244"/>
      <c r="IC11" s="71">
        <v>36</v>
      </c>
      <c r="ID11" s="71">
        <v>20</v>
      </c>
      <c r="IE11" s="71">
        <v>14</v>
      </c>
      <c r="IF11" s="71">
        <v>16</v>
      </c>
      <c r="IG11" s="71">
        <v>7</v>
      </c>
      <c r="IH11" s="72">
        <v>93</v>
      </c>
      <c r="II11" s="73">
        <v>122</v>
      </c>
      <c r="IJ11" s="70">
        <v>37</v>
      </c>
      <c r="IK11" s="71">
        <v>33</v>
      </c>
      <c r="IL11" s="72">
        <v>70</v>
      </c>
      <c r="IM11" s="244"/>
      <c r="IN11" s="71">
        <v>81</v>
      </c>
      <c r="IO11" s="71">
        <v>37</v>
      </c>
      <c r="IP11" s="71">
        <v>18</v>
      </c>
      <c r="IQ11" s="71">
        <v>13</v>
      </c>
      <c r="IR11" s="71">
        <v>13</v>
      </c>
      <c r="IS11" s="72">
        <v>162</v>
      </c>
      <c r="IT11" s="73">
        <v>232</v>
      </c>
      <c r="IU11" s="70">
        <v>48</v>
      </c>
      <c r="IV11" s="71">
        <v>31</v>
      </c>
      <c r="IW11" s="72">
        <v>79</v>
      </c>
      <c r="IX11" s="244"/>
      <c r="IY11" s="71">
        <v>82</v>
      </c>
      <c r="IZ11" s="71">
        <v>44</v>
      </c>
      <c r="JA11" s="71">
        <v>26</v>
      </c>
      <c r="JB11" s="71">
        <v>17</v>
      </c>
      <c r="JC11" s="71">
        <v>20</v>
      </c>
      <c r="JD11" s="72">
        <v>189</v>
      </c>
      <c r="JE11" s="73">
        <v>268</v>
      </c>
      <c r="JF11" s="70">
        <v>28</v>
      </c>
      <c r="JG11" s="71">
        <v>31</v>
      </c>
      <c r="JH11" s="72">
        <v>59</v>
      </c>
      <c r="JI11" s="244"/>
      <c r="JJ11" s="71">
        <v>74</v>
      </c>
      <c r="JK11" s="71">
        <v>58</v>
      </c>
      <c r="JL11" s="71">
        <v>33</v>
      </c>
      <c r="JM11" s="71">
        <v>29</v>
      </c>
      <c r="JN11" s="71">
        <v>14</v>
      </c>
      <c r="JO11" s="72">
        <v>208</v>
      </c>
      <c r="JP11" s="73">
        <v>267</v>
      </c>
      <c r="JQ11" s="70">
        <v>0</v>
      </c>
      <c r="JR11" s="71">
        <v>0</v>
      </c>
      <c r="JS11" s="72">
        <v>0</v>
      </c>
      <c r="JT11" s="244"/>
      <c r="JU11" s="71">
        <v>0</v>
      </c>
      <c r="JV11" s="71">
        <v>0</v>
      </c>
      <c r="JW11" s="71">
        <v>0</v>
      </c>
      <c r="JX11" s="71">
        <v>0</v>
      </c>
      <c r="JY11" s="71">
        <v>0</v>
      </c>
      <c r="JZ11" s="72">
        <v>0</v>
      </c>
      <c r="KA11" s="73">
        <v>0</v>
      </c>
      <c r="KB11" s="70">
        <v>150</v>
      </c>
      <c r="KC11" s="71">
        <v>116</v>
      </c>
      <c r="KD11" s="72">
        <v>266</v>
      </c>
      <c r="KE11" s="244"/>
      <c r="KF11" s="71">
        <v>309</v>
      </c>
      <c r="KG11" s="71">
        <v>189</v>
      </c>
      <c r="KH11" s="71">
        <v>113</v>
      </c>
      <c r="KI11" s="71">
        <v>85</v>
      </c>
      <c r="KJ11" s="71">
        <v>64</v>
      </c>
      <c r="KK11" s="72">
        <v>760</v>
      </c>
      <c r="KL11" s="73">
        <v>1026</v>
      </c>
    </row>
    <row r="12" spans="1:298" ht="19.5" customHeight="1" x14ac:dyDescent="0.2">
      <c r="A12" s="126" t="s">
        <v>8</v>
      </c>
      <c r="B12" s="316">
        <v>53</v>
      </c>
      <c r="C12" s="82">
        <v>25</v>
      </c>
      <c r="D12" s="83">
        <v>78</v>
      </c>
      <c r="E12" s="241"/>
      <c r="F12" s="82">
        <v>106</v>
      </c>
      <c r="G12" s="82">
        <v>75</v>
      </c>
      <c r="H12" s="82">
        <v>36</v>
      </c>
      <c r="I12" s="82">
        <v>52</v>
      </c>
      <c r="J12" s="82">
        <v>20</v>
      </c>
      <c r="K12" s="84">
        <v>289</v>
      </c>
      <c r="L12" s="85">
        <v>367</v>
      </c>
      <c r="M12" s="70">
        <v>2</v>
      </c>
      <c r="N12" s="71">
        <v>4</v>
      </c>
      <c r="O12" s="72">
        <v>6</v>
      </c>
      <c r="P12" s="244"/>
      <c r="Q12" s="71">
        <v>2</v>
      </c>
      <c r="R12" s="71">
        <v>3</v>
      </c>
      <c r="S12" s="71">
        <v>0</v>
      </c>
      <c r="T12" s="71">
        <v>2</v>
      </c>
      <c r="U12" s="71">
        <v>0</v>
      </c>
      <c r="V12" s="72">
        <v>7</v>
      </c>
      <c r="W12" s="73">
        <v>13</v>
      </c>
      <c r="X12" s="70">
        <v>4</v>
      </c>
      <c r="Y12" s="71">
        <v>0</v>
      </c>
      <c r="Z12" s="72">
        <v>4</v>
      </c>
      <c r="AA12" s="244"/>
      <c r="AB12" s="71">
        <v>11</v>
      </c>
      <c r="AC12" s="71">
        <v>10</v>
      </c>
      <c r="AD12" s="71">
        <v>3</v>
      </c>
      <c r="AE12" s="71">
        <v>6</v>
      </c>
      <c r="AF12" s="71">
        <v>3</v>
      </c>
      <c r="AG12" s="72">
        <v>33</v>
      </c>
      <c r="AH12" s="73">
        <v>37</v>
      </c>
      <c r="AI12" s="70">
        <v>3</v>
      </c>
      <c r="AJ12" s="71">
        <v>2</v>
      </c>
      <c r="AK12" s="72">
        <v>5</v>
      </c>
      <c r="AL12" s="244"/>
      <c r="AM12" s="71">
        <v>12</v>
      </c>
      <c r="AN12" s="71">
        <v>8</v>
      </c>
      <c r="AO12" s="71">
        <v>5</v>
      </c>
      <c r="AP12" s="71">
        <v>7</v>
      </c>
      <c r="AQ12" s="71">
        <v>3</v>
      </c>
      <c r="AR12" s="72">
        <v>35</v>
      </c>
      <c r="AS12" s="73">
        <v>40</v>
      </c>
      <c r="AT12" s="70">
        <v>14</v>
      </c>
      <c r="AU12" s="71">
        <v>5</v>
      </c>
      <c r="AV12" s="72">
        <v>19</v>
      </c>
      <c r="AW12" s="244"/>
      <c r="AX12" s="71">
        <v>22</v>
      </c>
      <c r="AY12" s="71">
        <v>12</v>
      </c>
      <c r="AZ12" s="71">
        <v>4</v>
      </c>
      <c r="BA12" s="71">
        <v>11</v>
      </c>
      <c r="BB12" s="71">
        <v>4</v>
      </c>
      <c r="BC12" s="72">
        <v>53</v>
      </c>
      <c r="BD12" s="73">
        <v>72</v>
      </c>
      <c r="BE12" s="70">
        <v>16</v>
      </c>
      <c r="BF12" s="71">
        <v>3</v>
      </c>
      <c r="BG12" s="72">
        <v>19</v>
      </c>
      <c r="BH12" s="244"/>
      <c r="BI12" s="71">
        <v>33</v>
      </c>
      <c r="BJ12" s="71">
        <v>13</v>
      </c>
      <c r="BK12" s="71">
        <v>14</v>
      </c>
      <c r="BL12" s="71">
        <v>10</v>
      </c>
      <c r="BM12" s="71">
        <v>5</v>
      </c>
      <c r="BN12" s="72">
        <v>75</v>
      </c>
      <c r="BO12" s="73">
        <v>94</v>
      </c>
      <c r="BP12" s="70">
        <v>14</v>
      </c>
      <c r="BQ12" s="71">
        <v>11</v>
      </c>
      <c r="BR12" s="72">
        <v>25</v>
      </c>
      <c r="BS12" s="244"/>
      <c r="BT12" s="71">
        <v>26</v>
      </c>
      <c r="BU12" s="71">
        <v>29</v>
      </c>
      <c r="BV12" s="71">
        <v>10</v>
      </c>
      <c r="BW12" s="71">
        <v>16</v>
      </c>
      <c r="BX12" s="71">
        <v>5</v>
      </c>
      <c r="BY12" s="72">
        <v>86</v>
      </c>
      <c r="BZ12" s="73">
        <v>111</v>
      </c>
      <c r="CA12" s="70">
        <v>0</v>
      </c>
      <c r="CB12" s="71">
        <v>0</v>
      </c>
      <c r="CC12" s="72">
        <v>0</v>
      </c>
      <c r="CD12" s="244"/>
      <c r="CE12" s="71">
        <v>0</v>
      </c>
      <c r="CF12" s="71">
        <v>0</v>
      </c>
      <c r="CG12" s="71">
        <v>0</v>
      </c>
      <c r="CH12" s="71">
        <v>0</v>
      </c>
      <c r="CI12" s="71">
        <v>0</v>
      </c>
      <c r="CJ12" s="72">
        <v>0</v>
      </c>
      <c r="CK12" s="73">
        <v>0</v>
      </c>
      <c r="CL12" s="70">
        <v>53</v>
      </c>
      <c r="CM12" s="71">
        <v>25</v>
      </c>
      <c r="CN12" s="72">
        <v>78</v>
      </c>
      <c r="CO12" s="244"/>
      <c r="CP12" s="71">
        <v>106</v>
      </c>
      <c r="CQ12" s="71">
        <v>75</v>
      </c>
      <c r="CR12" s="71">
        <v>36</v>
      </c>
      <c r="CS12" s="71">
        <v>52</v>
      </c>
      <c r="CT12" s="71">
        <v>20</v>
      </c>
      <c r="CU12" s="72">
        <v>289</v>
      </c>
      <c r="CV12" s="73">
        <v>367</v>
      </c>
      <c r="CW12" s="123">
        <v>18</v>
      </c>
      <c r="CX12" s="82">
        <v>21</v>
      </c>
      <c r="CY12" s="83">
        <v>39</v>
      </c>
      <c r="CZ12" s="241"/>
      <c r="DA12" s="82">
        <v>36</v>
      </c>
      <c r="DB12" s="82">
        <v>43</v>
      </c>
      <c r="DC12" s="82">
        <v>19</v>
      </c>
      <c r="DD12" s="82">
        <v>22</v>
      </c>
      <c r="DE12" s="82">
        <v>14</v>
      </c>
      <c r="DF12" s="84">
        <v>134</v>
      </c>
      <c r="DG12" s="85">
        <v>173</v>
      </c>
      <c r="DH12" s="70">
        <v>1</v>
      </c>
      <c r="DI12" s="71">
        <v>0</v>
      </c>
      <c r="DJ12" s="72">
        <v>1</v>
      </c>
      <c r="DK12" s="244"/>
      <c r="DL12" s="71">
        <v>1</v>
      </c>
      <c r="DM12" s="71">
        <v>0</v>
      </c>
      <c r="DN12" s="71">
        <v>0</v>
      </c>
      <c r="DO12" s="71">
        <v>1</v>
      </c>
      <c r="DP12" s="71">
        <v>0</v>
      </c>
      <c r="DQ12" s="72">
        <v>2</v>
      </c>
      <c r="DR12" s="73">
        <v>3</v>
      </c>
      <c r="DS12" s="70">
        <v>2</v>
      </c>
      <c r="DT12" s="71">
        <v>1</v>
      </c>
      <c r="DU12" s="72">
        <v>3</v>
      </c>
      <c r="DV12" s="244"/>
      <c r="DW12" s="71">
        <v>3</v>
      </c>
      <c r="DX12" s="71">
        <v>3</v>
      </c>
      <c r="DY12" s="71">
        <v>1</v>
      </c>
      <c r="DZ12" s="71">
        <v>1</v>
      </c>
      <c r="EA12" s="71">
        <v>0</v>
      </c>
      <c r="EB12" s="72">
        <v>8</v>
      </c>
      <c r="EC12" s="73">
        <v>11</v>
      </c>
      <c r="ED12" s="70">
        <v>3</v>
      </c>
      <c r="EE12" s="71">
        <v>5</v>
      </c>
      <c r="EF12" s="72">
        <v>8</v>
      </c>
      <c r="EG12" s="244"/>
      <c r="EH12" s="71">
        <v>3</v>
      </c>
      <c r="EI12" s="71">
        <v>7</v>
      </c>
      <c r="EJ12" s="71">
        <v>2</v>
      </c>
      <c r="EK12" s="71">
        <v>0</v>
      </c>
      <c r="EL12" s="71">
        <v>0</v>
      </c>
      <c r="EM12" s="72">
        <v>12</v>
      </c>
      <c r="EN12" s="73">
        <v>20</v>
      </c>
      <c r="EO12" s="70">
        <v>7</v>
      </c>
      <c r="EP12" s="71">
        <v>6</v>
      </c>
      <c r="EQ12" s="72">
        <v>13</v>
      </c>
      <c r="ER12" s="244"/>
      <c r="ES12" s="71">
        <v>6</v>
      </c>
      <c r="ET12" s="71">
        <v>3</v>
      </c>
      <c r="EU12" s="71">
        <v>2</v>
      </c>
      <c r="EV12" s="71">
        <v>7</v>
      </c>
      <c r="EW12" s="71">
        <v>3</v>
      </c>
      <c r="EX12" s="72">
        <v>21</v>
      </c>
      <c r="EY12" s="73">
        <v>34</v>
      </c>
      <c r="EZ12" s="70">
        <v>3</v>
      </c>
      <c r="FA12" s="71">
        <v>3</v>
      </c>
      <c r="FB12" s="72">
        <v>6</v>
      </c>
      <c r="FC12" s="244"/>
      <c r="FD12" s="71">
        <v>12</v>
      </c>
      <c r="FE12" s="71">
        <v>14</v>
      </c>
      <c r="FF12" s="71">
        <v>5</v>
      </c>
      <c r="FG12" s="71">
        <v>4</v>
      </c>
      <c r="FH12" s="71">
        <v>1</v>
      </c>
      <c r="FI12" s="72">
        <v>36</v>
      </c>
      <c r="FJ12" s="73">
        <v>42</v>
      </c>
      <c r="FK12" s="70">
        <v>2</v>
      </c>
      <c r="FL12" s="71">
        <v>6</v>
      </c>
      <c r="FM12" s="72">
        <v>8</v>
      </c>
      <c r="FN12" s="244"/>
      <c r="FO12" s="71">
        <v>11</v>
      </c>
      <c r="FP12" s="71">
        <v>16</v>
      </c>
      <c r="FQ12" s="71">
        <v>9</v>
      </c>
      <c r="FR12" s="71">
        <v>9</v>
      </c>
      <c r="FS12" s="71">
        <v>10</v>
      </c>
      <c r="FT12" s="72">
        <v>55</v>
      </c>
      <c r="FU12" s="73">
        <v>63</v>
      </c>
      <c r="FV12" s="70">
        <v>0</v>
      </c>
      <c r="FW12" s="71">
        <v>0</v>
      </c>
      <c r="FX12" s="72">
        <v>0</v>
      </c>
      <c r="FY12" s="244"/>
      <c r="FZ12" s="71">
        <v>0</v>
      </c>
      <c r="GA12" s="71">
        <v>0</v>
      </c>
      <c r="GB12" s="71">
        <v>0</v>
      </c>
      <c r="GC12" s="71">
        <v>0</v>
      </c>
      <c r="GD12" s="71">
        <v>0</v>
      </c>
      <c r="GE12" s="72">
        <v>0</v>
      </c>
      <c r="GF12" s="73">
        <v>0</v>
      </c>
      <c r="GG12" s="70">
        <v>18</v>
      </c>
      <c r="GH12" s="71">
        <v>21</v>
      </c>
      <c r="GI12" s="72">
        <v>39</v>
      </c>
      <c r="GJ12" s="244"/>
      <c r="GK12" s="71">
        <v>36</v>
      </c>
      <c r="GL12" s="71">
        <v>43</v>
      </c>
      <c r="GM12" s="71">
        <v>19</v>
      </c>
      <c r="GN12" s="71">
        <v>22</v>
      </c>
      <c r="GO12" s="71">
        <v>14</v>
      </c>
      <c r="GP12" s="72">
        <v>134</v>
      </c>
      <c r="GQ12" s="73">
        <v>173</v>
      </c>
      <c r="GR12" s="123">
        <v>71</v>
      </c>
      <c r="GS12" s="82">
        <v>46</v>
      </c>
      <c r="GT12" s="83">
        <v>117</v>
      </c>
      <c r="GU12" s="241"/>
      <c r="GV12" s="82">
        <v>142</v>
      </c>
      <c r="GW12" s="82">
        <v>118</v>
      </c>
      <c r="GX12" s="82">
        <v>55</v>
      </c>
      <c r="GY12" s="82">
        <v>74</v>
      </c>
      <c r="GZ12" s="82">
        <v>34</v>
      </c>
      <c r="HA12" s="84">
        <v>423</v>
      </c>
      <c r="HB12" s="85">
        <v>540</v>
      </c>
      <c r="HC12" s="70">
        <v>3</v>
      </c>
      <c r="HD12" s="71">
        <v>4</v>
      </c>
      <c r="HE12" s="72">
        <v>7</v>
      </c>
      <c r="HF12" s="244"/>
      <c r="HG12" s="71">
        <v>3</v>
      </c>
      <c r="HH12" s="71">
        <v>3</v>
      </c>
      <c r="HI12" s="71">
        <v>0</v>
      </c>
      <c r="HJ12" s="71">
        <v>3</v>
      </c>
      <c r="HK12" s="71">
        <v>0</v>
      </c>
      <c r="HL12" s="72">
        <v>9</v>
      </c>
      <c r="HM12" s="73">
        <v>16</v>
      </c>
      <c r="HN12" s="70">
        <v>6</v>
      </c>
      <c r="HO12" s="71">
        <v>1</v>
      </c>
      <c r="HP12" s="72">
        <v>7</v>
      </c>
      <c r="HQ12" s="244"/>
      <c r="HR12" s="71">
        <v>14</v>
      </c>
      <c r="HS12" s="71">
        <v>13</v>
      </c>
      <c r="HT12" s="71">
        <v>4</v>
      </c>
      <c r="HU12" s="71">
        <v>7</v>
      </c>
      <c r="HV12" s="71">
        <v>3</v>
      </c>
      <c r="HW12" s="72">
        <v>41</v>
      </c>
      <c r="HX12" s="73">
        <v>48</v>
      </c>
      <c r="HY12" s="70">
        <v>6</v>
      </c>
      <c r="HZ12" s="71">
        <v>7</v>
      </c>
      <c r="IA12" s="72">
        <v>13</v>
      </c>
      <c r="IB12" s="244"/>
      <c r="IC12" s="71">
        <v>15</v>
      </c>
      <c r="ID12" s="71">
        <v>15</v>
      </c>
      <c r="IE12" s="71">
        <v>7</v>
      </c>
      <c r="IF12" s="71">
        <v>7</v>
      </c>
      <c r="IG12" s="71">
        <v>3</v>
      </c>
      <c r="IH12" s="72">
        <v>47</v>
      </c>
      <c r="II12" s="73">
        <v>60</v>
      </c>
      <c r="IJ12" s="70">
        <v>21</v>
      </c>
      <c r="IK12" s="71">
        <v>11</v>
      </c>
      <c r="IL12" s="72">
        <v>32</v>
      </c>
      <c r="IM12" s="244"/>
      <c r="IN12" s="71">
        <v>28</v>
      </c>
      <c r="IO12" s="71">
        <v>15</v>
      </c>
      <c r="IP12" s="71">
        <v>6</v>
      </c>
      <c r="IQ12" s="71">
        <v>18</v>
      </c>
      <c r="IR12" s="71">
        <v>7</v>
      </c>
      <c r="IS12" s="72">
        <v>74</v>
      </c>
      <c r="IT12" s="73">
        <v>106</v>
      </c>
      <c r="IU12" s="70">
        <v>19</v>
      </c>
      <c r="IV12" s="71">
        <v>6</v>
      </c>
      <c r="IW12" s="72">
        <v>25</v>
      </c>
      <c r="IX12" s="244"/>
      <c r="IY12" s="71">
        <v>45</v>
      </c>
      <c r="IZ12" s="71">
        <v>27</v>
      </c>
      <c r="JA12" s="71">
        <v>19</v>
      </c>
      <c r="JB12" s="71">
        <v>14</v>
      </c>
      <c r="JC12" s="71">
        <v>6</v>
      </c>
      <c r="JD12" s="72">
        <v>111</v>
      </c>
      <c r="JE12" s="73">
        <v>136</v>
      </c>
      <c r="JF12" s="70">
        <v>16</v>
      </c>
      <c r="JG12" s="71">
        <v>17</v>
      </c>
      <c r="JH12" s="72">
        <v>33</v>
      </c>
      <c r="JI12" s="244"/>
      <c r="JJ12" s="71">
        <v>37</v>
      </c>
      <c r="JK12" s="71">
        <v>45</v>
      </c>
      <c r="JL12" s="71">
        <v>19</v>
      </c>
      <c r="JM12" s="71">
        <v>25</v>
      </c>
      <c r="JN12" s="71">
        <v>15</v>
      </c>
      <c r="JO12" s="72">
        <v>141</v>
      </c>
      <c r="JP12" s="73">
        <v>174</v>
      </c>
      <c r="JQ12" s="70">
        <v>0</v>
      </c>
      <c r="JR12" s="71">
        <v>0</v>
      </c>
      <c r="JS12" s="72">
        <v>0</v>
      </c>
      <c r="JT12" s="244"/>
      <c r="JU12" s="71">
        <v>0</v>
      </c>
      <c r="JV12" s="71">
        <v>0</v>
      </c>
      <c r="JW12" s="71">
        <v>0</v>
      </c>
      <c r="JX12" s="71">
        <v>0</v>
      </c>
      <c r="JY12" s="71">
        <v>0</v>
      </c>
      <c r="JZ12" s="72">
        <v>0</v>
      </c>
      <c r="KA12" s="73">
        <v>0</v>
      </c>
      <c r="KB12" s="70">
        <v>71</v>
      </c>
      <c r="KC12" s="71">
        <v>46</v>
      </c>
      <c r="KD12" s="72">
        <v>117</v>
      </c>
      <c r="KE12" s="244"/>
      <c r="KF12" s="71">
        <v>142</v>
      </c>
      <c r="KG12" s="71">
        <v>118</v>
      </c>
      <c r="KH12" s="71">
        <v>55</v>
      </c>
      <c r="KI12" s="71">
        <v>74</v>
      </c>
      <c r="KJ12" s="71">
        <v>34</v>
      </c>
      <c r="KK12" s="72">
        <v>423</v>
      </c>
      <c r="KL12" s="73">
        <v>540</v>
      </c>
    </row>
    <row r="13" spans="1:298" ht="19.5" customHeight="1" x14ac:dyDescent="0.2">
      <c r="A13" s="126" t="s">
        <v>9</v>
      </c>
      <c r="B13" s="316">
        <v>185</v>
      </c>
      <c r="C13" s="82">
        <v>110</v>
      </c>
      <c r="D13" s="83">
        <v>295</v>
      </c>
      <c r="E13" s="241"/>
      <c r="F13" s="82">
        <v>231</v>
      </c>
      <c r="G13" s="82">
        <v>136</v>
      </c>
      <c r="H13" s="82">
        <v>109</v>
      </c>
      <c r="I13" s="82">
        <v>98</v>
      </c>
      <c r="J13" s="82">
        <v>58</v>
      </c>
      <c r="K13" s="84">
        <v>632</v>
      </c>
      <c r="L13" s="85">
        <v>927</v>
      </c>
      <c r="M13" s="70">
        <v>0</v>
      </c>
      <c r="N13" s="71">
        <v>3</v>
      </c>
      <c r="O13" s="72">
        <v>3</v>
      </c>
      <c r="P13" s="244"/>
      <c r="Q13" s="71">
        <v>4</v>
      </c>
      <c r="R13" s="71">
        <v>3</v>
      </c>
      <c r="S13" s="71">
        <v>3</v>
      </c>
      <c r="T13" s="71">
        <v>1</v>
      </c>
      <c r="U13" s="71">
        <v>4</v>
      </c>
      <c r="V13" s="72">
        <v>15</v>
      </c>
      <c r="W13" s="73">
        <v>18</v>
      </c>
      <c r="X13" s="70">
        <v>7</v>
      </c>
      <c r="Y13" s="71">
        <v>8</v>
      </c>
      <c r="Z13" s="72">
        <v>15</v>
      </c>
      <c r="AA13" s="244"/>
      <c r="AB13" s="71">
        <v>8</v>
      </c>
      <c r="AC13" s="71">
        <v>10</v>
      </c>
      <c r="AD13" s="71">
        <v>5</v>
      </c>
      <c r="AE13" s="71">
        <v>5</v>
      </c>
      <c r="AF13" s="71">
        <v>4</v>
      </c>
      <c r="AG13" s="72">
        <v>32</v>
      </c>
      <c r="AH13" s="73">
        <v>47</v>
      </c>
      <c r="AI13" s="70">
        <v>20</v>
      </c>
      <c r="AJ13" s="71">
        <v>8</v>
      </c>
      <c r="AK13" s="72">
        <v>28</v>
      </c>
      <c r="AL13" s="244"/>
      <c r="AM13" s="71">
        <v>22</v>
      </c>
      <c r="AN13" s="71">
        <v>10</v>
      </c>
      <c r="AO13" s="71">
        <v>15</v>
      </c>
      <c r="AP13" s="71">
        <v>10</v>
      </c>
      <c r="AQ13" s="71">
        <v>8</v>
      </c>
      <c r="AR13" s="72">
        <v>65</v>
      </c>
      <c r="AS13" s="73">
        <v>93</v>
      </c>
      <c r="AT13" s="70">
        <v>39</v>
      </c>
      <c r="AU13" s="71">
        <v>21</v>
      </c>
      <c r="AV13" s="72">
        <v>60</v>
      </c>
      <c r="AW13" s="244"/>
      <c r="AX13" s="71">
        <v>56</v>
      </c>
      <c r="AY13" s="71">
        <v>27</v>
      </c>
      <c r="AZ13" s="71">
        <v>20</v>
      </c>
      <c r="BA13" s="71">
        <v>18</v>
      </c>
      <c r="BB13" s="71">
        <v>11</v>
      </c>
      <c r="BC13" s="72">
        <v>132</v>
      </c>
      <c r="BD13" s="73">
        <v>192</v>
      </c>
      <c r="BE13" s="70">
        <v>63</v>
      </c>
      <c r="BF13" s="71">
        <v>39</v>
      </c>
      <c r="BG13" s="72">
        <v>102</v>
      </c>
      <c r="BH13" s="244"/>
      <c r="BI13" s="71">
        <v>81</v>
      </c>
      <c r="BJ13" s="71">
        <v>43</v>
      </c>
      <c r="BK13" s="71">
        <v>28</v>
      </c>
      <c r="BL13" s="71">
        <v>31</v>
      </c>
      <c r="BM13" s="71">
        <v>11</v>
      </c>
      <c r="BN13" s="72">
        <v>194</v>
      </c>
      <c r="BO13" s="73">
        <v>296</v>
      </c>
      <c r="BP13" s="70">
        <v>56</v>
      </c>
      <c r="BQ13" s="71">
        <v>31</v>
      </c>
      <c r="BR13" s="72">
        <v>87</v>
      </c>
      <c r="BS13" s="244"/>
      <c r="BT13" s="71">
        <v>60</v>
      </c>
      <c r="BU13" s="71">
        <v>43</v>
      </c>
      <c r="BV13" s="71">
        <v>38</v>
      </c>
      <c r="BW13" s="71">
        <v>33</v>
      </c>
      <c r="BX13" s="71">
        <v>20</v>
      </c>
      <c r="BY13" s="72">
        <v>194</v>
      </c>
      <c r="BZ13" s="73">
        <v>281</v>
      </c>
      <c r="CA13" s="70">
        <v>0</v>
      </c>
      <c r="CB13" s="71">
        <v>0</v>
      </c>
      <c r="CC13" s="72">
        <v>0</v>
      </c>
      <c r="CD13" s="244"/>
      <c r="CE13" s="71">
        <v>0</v>
      </c>
      <c r="CF13" s="71">
        <v>0</v>
      </c>
      <c r="CG13" s="71">
        <v>0</v>
      </c>
      <c r="CH13" s="71">
        <v>0</v>
      </c>
      <c r="CI13" s="71">
        <v>0</v>
      </c>
      <c r="CJ13" s="72">
        <v>0</v>
      </c>
      <c r="CK13" s="73">
        <v>0</v>
      </c>
      <c r="CL13" s="70">
        <v>185</v>
      </c>
      <c r="CM13" s="71">
        <v>110</v>
      </c>
      <c r="CN13" s="72">
        <v>295</v>
      </c>
      <c r="CO13" s="244"/>
      <c r="CP13" s="71">
        <v>231</v>
      </c>
      <c r="CQ13" s="71">
        <v>136</v>
      </c>
      <c r="CR13" s="71">
        <v>109</v>
      </c>
      <c r="CS13" s="71">
        <v>98</v>
      </c>
      <c r="CT13" s="71">
        <v>58</v>
      </c>
      <c r="CU13" s="72">
        <v>632</v>
      </c>
      <c r="CV13" s="73">
        <v>927</v>
      </c>
      <c r="CW13" s="123">
        <v>58</v>
      </c>
      <c r="CX13" s="82">
        <v>44</v>
      </c>
      <c r="CY13" s="83">
        <v>102</v>
      </c>
      <c r="CZ13" s="241"/>
      <c r="DA13" s="82">
        <v>60</v>
      </c>
      <c r="DB13" s="82">
        <v>36</v>
      </c>
      <c r="DC13" s="82">
        <v>42</v>
      </c>
      <c r="DD13" s="82">
        <v>36</v>
      </c>
      <c r="DE13" s="82">
        <v>34</v>
      </c>
      <c r="DF13" s="84">
        <v>208</v>
      </c>
      <c r="DG13" s="85">
        <v>310</v>
      </c>
      <c r="DH13" s="70">
        <v>1</v>
      </c>
      <c r="DI13" s="71">
        <v>1</v>
      </c>
      <c r="DJ13" s="72">
        <v>2</v>
      </c>
      <c r="DK13" s="244"/>
      <c r="DL13" s="71">
        <v>1</v>
      </c>
      <c r="DM13" s="71">
        <v>0</v>
      </c>
      <c r="DN13" s="71">
        <v>0</v>
      </c>
      <c r="DO13" s="71">
        <v>0</v>
      </c>
      <c r="DP13" s="71">
        <v>0</v>
      </c>
      <c r="DQ13" s="72">
        <v>1</v>
      </c>
      <c r="DR13" s="73">
        <v>3</v>
      </c>
      <c r="DS13" s="70">
        <v>6</v>
      </c>
      <c r="DT13" s="71">
        <v>1</v>
      </c>
      <c r="DU13" s="72">
        <v>7</v>
      </c>
      <c r="DV13" s="244"/>
      <c r="DW13" s="71">
        <v>3</v>
      </c>
      <c r="DX13" s="71">
        <v>3</v>
      </c>
      <c r="DY13" s="71">
        <v>2</v>
      </c>
      <c r="DZ13" s="71">
        <v>2</v>
      </c>
      <c r="EA13" s="71">
        <v>1</v>
      </c>
      <c r="EB13" s="72">
        <v>11</v>
      </c>
      <c r="EC13" s="73">
        <v>18</v>
      </c>
      <c r="ED13" s="70">
        <v>8</v>
      </c>
      <c r="EE13" s="71">
        <v>6</v>
      </c>
      <c r="EF13" s="72">
        <v>14</v>
      </c>
      <c r="EG13" s="244"/>
      <c r="EH13" s="71">
        <v>7</v>
      </c>
      <c r="EI13" s="71">
        <v>2</v>
      </c>
      <c r="EJ13" s="71">
        <v>3</v>
      </c>
      <c r="EK13" s="71">
        <v>1</v>
      </c>
      <c r="EL13" s="71">
        <v>3</v>
      </c>
      <c r="EM13" s="72">
        <v>16</v>
      </c>
      <c r="EN13" s="73">
        <v>30</v>
      </c>
      <c r="EO13" s="70">
        <v>18</v>
      </c>
      <c r="EP13" s="71">
        <v>11</v>
      </c>
      <c r="EQ13" s="72">
        <v>29</v>
      </c>
      <c r="ER13" s="244"/>
      <c r="ES13" s="71">
        <v>12</v>
      </c>
      <c r="ET13" s="71">
        <v>5</v>
      </c>
      <c r="EU13" s="71">
        <v>3</v>
      </c>
      <c r="EV13" s="71">
        <v>3</v>
      </c>
      <c r="EW13" s="71">
        <v>5</v>
      </c>
      <c r="EX13" s="72">
        <v>28</v>
      </c>
      <c r="EY13" s="73">
        <v>57</v>
      </c>
      <c r="EZ13" s="70">
        <v>17</v>
      </c>
      <c r="FA13" s="71">
        <v>8</v>
      </c>
      <c r="FB13" s="72">
        <v>25</v>
      </c>
      <c r="FC13" s="244"/>
      <c r="FD13" s="71">
        <v>15</v>
      </c>
      <c r="FE13" s="71">
        <v>12</v>
      </c>
      <c r="FF13" s="71">
        <v>14</v>
      </c>
      <c r="FG13" s="71">
        <v>10</v>
      </c>
      <c r="FH13" s="71">
        <v>12</v>
      </c>
      <c r="FI13" s="72">
        <v>63</v>
      </c>
      <c r="FJ13" s="73">
        <v>88</v>
      </c>
      <c r="FK13" s="70">
        <v>8</v>
      </c>
      <c r="FL13" s="71">
        <v>17</v>
      </c>
      <c r="FM13" s="72">
        <v>25</v>
      </c>
      <c r="FN13" s="244"/>
      <c r="FO13" s="71">
        <v>22</v>
      </c>
      <c r="FP13" s="71">
        <v>14</v>
      </c>
      <c r="FQ13" s="71">
        <v>20</v>
      </c>
      <c r="FR13" s="71">
        <v>20</v>
      </c>
      <c r="FS13" s="71">
        <v>13</v>
      </c>
      <c r="FT13" s="72">
        <v>89</v>
      </c>
      <c r="FU13" s="73">
        <v>114</v>
      </c>
      <c r="FV13" s="70">
        <v>0</v>
      </c>
      <c r="FW13" s="71">
        <v>0</v>
      </c>
      <c r="FX13" s="72">
        <v>0</v>
      </c>
      <c r="FY13" s="244"/>
      <c r="FZ13" s="71">
        <v>0</v>
      </c>
      <c r="GA13" s="71">
        <v>0</v>
      </c>
      <c r="GB13" s="71">
        <v>0</v>
      </c>
      <c r="GC13" s="71">
        <v>0</v>
      </c>
      <c r="GD13" s="71">
        <v>0</v>
      </c>
      <c r="GE13" s="72">
        <v>0</v>
      </c>
      <c r="GF13" s="73">
        <v>0</v>
      </c>
      <c r="GG13" s="70">
        <v>58</v>
      </c>
      <c r="GH13" s="71">
        <v>44</v>
      </c>
      <c r="GI13" s="72">
        <v>102</v>
      </c>
      <c r="GJ13" s="244"/>
      <c r="GK13" s="71">
        <v>60</v>
      </c>
      <c r="GL13" s="71">
        <v>36</v>
      </c>
      <c r="GM13" s="71">
        <v>42</v>
      </c>
      <c r="GN13" s="71">
        <v>36</v>
      </c>
      <c r="GO13" s="71">
        <v>34</v>
      </c>
      <c r="GP13" s="72">
        <v>208</v>
      </c>
      <c r="GQ13" s="73">
        <v>310</v>
      </c>
      <c r="GR13" s="123">
        <v>243</v>
      </c>
      <c r="GS13" s="82">
        <v>154</v>
      </c>
      <c r="GT13" s="83">
        <v>397</v>
      </c>
      <c r="GU13" s="241"/>
      <c r="GV13" s="82">
        <v>291</v>
      </c>
      <c r="GW13" s="82">
        <v>172</v>
      </c>
      <c r="GX13" s="82">
        <v>151</v>
      </c>
      <c r="GY13" s="82">
        <v>134</v>
      </c>
      <c r="GZ13" s="82">
        <v>92</v>
      </c>
      <c r="HA13" s="84">
        <v>840</v>
      </c>
      <c r="HB13" s="85">
        <v>1237</v>
      </c>
      <c r="HC13" s="70">
        <v>1</v>
      </c>
      <c r="HD13" s="71">
        <v>4</v>
      </c>
      <c r="HE13" s="72">
        <v>5</v>
      </c>
      <c r="HF13" s="244"/>
      <c r="HG13" s="71">
        <v>5</v>
      </c>
      <c r="HH13" s="71">
        <v>3</v>
      </c>
      <c r="HI13" s="71">
        <v>3</v>
      </c>
      <c r="HJ13" s="71">
        <v>1</v>
      </c>
      <c r="HK13" s="71">
        <v>4</v>
      </c>
      <c r="HL13" s="72">
        <v>16</v>
      </c>
      <c r="HM13" s="73">
        <v>21</v>
      </c>
      <c r="HN13" s="70">
        <v>13</v>
      </c>
      <c r="HO13" s="71">
        <v>9</v>
      </c>
      <c r="HP13" s="72">
        <v>22</v>
      </c>
      <c r="HQ13" s="244"/>
      <c r="HR13" s="71">
        <v>11</v>
      </c>
      <c r="HS13" s="71">
        <v>13</v>
      </c>
      <c r="HT13" s="71">
        <v>7</v>
      </c>
      <c r="HU13" s="71">
        <v>7</v>
      </c>
      <c r="HV13" s="71">
        <v>5</v>
      </c>
      <c r="HW13" s="72">
        <v>43</v>
      </c>
      <c r="HX13" s="73">
        <v>65</v>
      </c>
      <c r="HY13" s="70">
        <v>28</v>
      </c>
      <c r="HZ13" s="71">
        <v>14</v>
      </c>
      <c r="IA13" s="72">
        <v>42</v>
      </c>
      <c r="IB13" s="244"/>
      <c r="IC13" s="71">
        <v>29</v>
      </c>
      <c r="ID13" s="71">
        <v>12</v>
      </c>
      <c r="IE13" s="71">
        <v>18</v>
      </c>
      <c r="IF13" s="71">
        <v>11</v>
      </c>
      <c r="IG13" s="71">
        <v>11</v>
      </c>
      <c r="IH13" s="72">
        <v>81</v>
      </c>
      <c r="II13" s="73">
        <v>123</v>
      </c>
      <c r="IJ13" s="70">
        <v>57</v>
      </c>
      <c r="IK13" s="71">
        <v>32</v>
      </c>
      <c r="IL13" s="72">
        <v>89</v>
      </c>
      <c r="IM13" s="244"/>
      <c r="IN13" s="71">
        <v>68</v>
      </c>
      <c r="IO13" s="71">
        <v>32</v>
      </c>
      <c r="IP13" s="71">
        <v>23</v>
      </c>
      <c r="IQ13" s="71">
        <v>21</v>
      </c>
      <c r="IR13" s="71">
        <v>16</v>
      </c>
      <c r="IS13" s="72">
        <v>160</v>
      </c>
      <c r="IT13" s="73">
        <v>249</v>
      </c>
      <c r="IU13" s="70">
        <v>80</v>
      </c>
      <c r="IV13" s="71">
        <v>47</v>
      </c>
      <c r="IW13" s="72">
        <v>127</v>
      </c>
      <c r="IX13" s="244"/>
      <c r="IY13" s="71">
        <v>96</v>
      </c>
      <c r="IZ13" s="71">
        <v>55</v>
      </c>
      <c r="JA13" s="71">
        <v>42</v>
      </c>
      <c r="JB13" s="71">
        <v>41</v>
      </c>
      <c r="JC13" s="71">
        <v>23</v>
      </c>
      <c r="JD13" s="72">
        <v>257</v>
      </c>
      <c r="JE13" s="73">
        <v>384</v>
      </c>
      <c r="JF13" s="70">
        <v>64</v>
      </c>
      <c r="JG13" s="71">
        <v>48</v>
      </c>
      <c r="JH13" s="72">
        <v>112</v>
      </c>
      <c r="JI13" s="244"/>
      <c r="JJ13" s="71">
        <v>82</v>
      </c>
      <c r="JK13" s="71">
        <v>57</v>
      </c>
      <c r="JL13" s="71">
        <v>58</v>
      </c>
      <c r="JM13" s="71">
        <v>53</v>
      </c>
      <c r="JN13" s="71">
        <v>33</v>
      </c>
      <c r="JO13" s="72">
        <v>283</v>
      </c>
      <c r="JP13" s="73">
        <v>395</v>
      </c>
      <c r="JQ13" s="70">
        <v>0</v>
      </c>
      <c r="JR13" s="71">
        <v>0</v>
      </c>
      <c r="JS13" s="72">
        <v>0</v>
      </c>
      <c r="JT13" s="244"/>
      <c r="JU13" s="71">
        <v>0</v>
      </c>
      <c r="JV13" s="71">
        <v>0</v>
      </c>
      <c r="JW13" s="71">
        <v>0</v>
      </c>
      <c r="JX13" s="71">
        <v>0</v>
      </c>
      <c r="JY13" s="71">
        <v>0</v>
      </c>
      <c r="JZ13" s="72">
        <v>0</v>
      </c>
      <c r="KA13" s="73">
        <v>0</v>
      </c>
      <c r="KB13" s="70">
        <v>243</v>
      </c>
      <c r="KC13" s="71">
        <v>154</v>
      </c>
      <c r="KD13" s="72">
        <v>397</v>
      </c>
      <c r="KE13" s="244"/>
      <c r="KF13" s="71">
        <v>291</v>
      </c>
      <c r="KG13" s="71">
        <v>172</v>
      </c>
      <c r="KH13" s="71">
        <v>151</v>
      </c>
      <c r="KI13" s="71">
        <v>134</v>
      </c>
      <c r="KJ13" s="71">
        <v>92</v>
      </c>
      <c r="KK13" s="72">
        <v>840</v>
      </c>
      <c r="KL13" s="73">
        <v>1237</v>
      </c>
    </row>
    <row r="14" spans="1:298" ht="19.5" customHeight="1" x14ac:dyDescent="0.2">
      <c r="A14" s="126" t="s">
        <v>10</v>
      </c>
      <c r="B14" s="316">
        <v>275</v>
      </c>
      <c r="C14" s="82">
        <v>170</v>
      </c>
      <c r="D14" s="83">
        <v>445</v>
      </c>
      <c r="E14" s="241"/>
      <c r="F14" s="82">
        <v>251</v>
      </c>
      <c r="G14" s="82">
        <v>158</v>
      </c>
      <c r="H14" s="82">
        <v>105</v>
      </c>
      <c r="I14" s="82">
        <v>89</v>
      </c>
      <c r="J14" s="82">
        <v>82</v>
      </c>
      <c r="K14" s="84">
        <v>685</v>
      </c>
      <c r="L14" s="85">
        <v>1130</v>
      </c>
      <c r="M14" s="70">
        <v>3</v>
      </c>
      <c r="N14" s="71">
        <v>7</v>
      </c>
      <c r="O14" s="72">
        <v>10</v>
      </c>
      <c r="P14" s="244"/>
      <c r="Q14" s="71">
        <v>11</v>
      </c>
      <c r="R14" s="71">
        <v>6</v>
      </c>
      <c r="S14" s="71">
        <v>4</v>
      </c>
      <c r="T14" s="71">
        <v>5</v>
      </c>
      <c r="U14" s="71">
        <v>5</v>
      </c>
      <c r="V14" s="72">
        <v>31</v>
      </c>
      <c r="W14" s="73">
        <v>41</v>
      </c>
      <c r="X14" s="70">
        <v>16</v>
      </c>
      <c r="Y14" s="71">
        <v>14</v>
      </c>
      <c r="Z14" s="72">
        <v>30</v>
      </c>
      <c r="AA14" s="244"/>
      <c r="AB14" s="71">
        <v>19</v>
      </c>
      <c r="AC14" s="71">
        <v>17</v>
      </c>
      <c r="AD14" s="71">
        <v>4</v>
      </c>
      <c r="AE14" s="71">
        <v>4</v>
      </c>
      <c r="AF14" s="71">
        <v>13</v>
      </c>
      <c r="AG14" s="72">
        <v>57</v>
      </c>
      <c r="AH14" s="73">
        <v>87</v>
      </c>
      <c r="AI14" s="70">
        <v>28</v>
      </c>
      <c r="AJ14" s="71">
        <v>22</v>
      </c>
      <c r="AK14" s="72">
        <v>50</v>
      </c>
      <c r="AL14" s="244"/>
      <c r="AM14" s="71">
        <v>38</v>
      </c>
      <c r="AN14" s="71">
        <v>20</v>
      </c>
      <c r="AO14" s="71">
        <v>14</v>
      </c>
      <c r="AP14" s="71">
        <v>13</v>
      </c>
      <c r="AQ14" s="71">
        <v>9</v>
      </c>
      <c r="AR14" s="72">
        <v>94</v>
      </c>
      <c r="AS14" s="73">
        <v>144</v>
      </c>
      <c r="AT14" s="70">
        <v>71</v>
      </c>
      <c r="AU14" s="71">
        <v>36</v>
      </c>
      <c r="AV14" s="72">
        <v>107</v>
      </c>
      <c r="AW14" s="244"/>
      <c r="AX14" s="71">
        <v>44</v>
      </c>
      <c r="AY14" s="71">
        <v>24</v>
      </c>
      <c r="AZ14" s="71">
        <v>20</v>
      </c>
      <c r="BA14" s="71">
        <v>10</v>
      </c>
      <c r="BB14" s="71">
        <v>22</v>
      </c>
      <c r="BC14" s="72">
        <v>120</v>
      </c>
      <c r="BD14" s="73">
        <v>227</v>
      </c>
      <c r="BE14" s="70">
        <v>89</v>
      </c>
      <c r="BF14" s="71">
        <v>41</v>
      </c>
      <c r="BG14" s="72">
        <v>130</v>
      </c>
      <c r="BH14" s="244"/>
      <c r="BI14" s="71">
        <v>74</v>
      </c>
      <c r="BJ14" s="71">
        <v>45</v>
      </c>
      <c r="BK14" s="71">
        <v>29</v>
      </c>
      <c r="BL14" s="71">
        <v>32</v>
      </c>
      <c r="BM14" s="71">
        <v>14</v>
      </c>
      <c r="BN14" s="72">
        <v>194</v>
      </c>
      <c r="BO14" s="73">
        <v>324</v>
      </c>
      <c r="BP14" s="70">
        <v>68</v>
      </c>
      <c r="BQ14" s="71">
        <v>50</v>
      </c>
      <c r="BR14" s="72">
        <v>118</v>
      </c>
      <c r="BS14" s="244"/>
      <c r="BT14" s="71">
        <v>65</v>
      </c>
      <c r="BU14" s="71">
        <v>46</v>
      </c>
      <c r="BV14" s="71">
        <v>34</v>
      </c>
      <c r="BW14" s="71">
        <v>25</v>
      </c>
      <c r="BX14" s="71">
        <v>19</v>
      </c>
      <c r="BY14" s="72">
        <v>189</v>
      </c>
      <c r="BZ14" s="73">
        <v>307</v>
      </c>
      <c r="CA14" s="70">
        <v>0</v>
      </c>
      <c r="CB14" s="71">
        <v>0</v>
      </c>
      <c r="CC14" s="72">
        <v>0</v>
      </c>
      <c r="CD14" s="244"/>
      <c r="CE14" s="71">
        <v>0</v>
      </c>
      <c r="CF14" s="71">
        <v>0</v>
      </c>
      <c r="CG14" s="71">
        <v>0</v>
      </c>
      <c r="CH14" s="71">
        <v>0</v>
      </c>
      <c r="CI14" s="71">
        <v>0</v>
      </c>
      <c r="CJ14" s="72">
        <v>0</v>
      </c>
      <c r="CK14" s="73">
        <v>0</v>
      </c>
      <c r="CL14" s="70">
        <v>275</v>
      </c>
      <c r="CM14" s="71">
        <v>170</v>
      </c>
      <c r="CN14" s="72">
        <v>445</v>
      </c>
      <c r="CO14" s="244"/>
      <c r="CP14" s="71">
        <v>251</v>
      </c>
      <c r="CQ14" s="71">
        <v>158</v>
      </c>
      <c r="CR14" s="71">
        <v>105</v>
      </c>
      <c r="CS14" s="71">
        <v>89</v>
      </c>
      <c r="CT14" s="71">
        <v>82</v>
      </c>
      <c r="CU14" s="72">
        <v>685</v>
      </c>
      <c r="CV14" s="73">
        <v>1130</v>
      </c>
      <c r="CW14" s="123">
        <v>105</v>
      </c>
      <c r="CX14" s="82">
        <v>71</v>
      </c>
      <c r="CY14" s="83">
        <v>176</v>
      </c>
      <c r="CZ14" s="241"/>
      <c r="DA14" s="82">
        <v>116</v>
      </c>
      <c r="DB14" s="82">
        <v>47</v>
      </c>
      <c r="DC14" s="82">
        <v>45</v>
      </c>
      <c r="DD14" s="82">
        <v>38</v>
      </c>
      <c r="DE14" s="82">
        <v>44</v>
      </c>
      <c r="DF14" s="84">
        <v>290</v>
      </c>
      <c r="DG14" s="85">
        <v>466</v>
      </c>
      <c r="DH14" s="70">
        <v>7</v>
      </c>
      <c r="DI14" s="71">
        <v>2</v>
      </c>
      <c r="DJ14" s="72">
        <v>9</v>
      </c>
      <c r="DK14" s="244"/>
      <c r="DL14" s="71">
        <v>0</v>
      </c>
      <c r="DM14" s="71">
        <v>1</v>
      </c>
      <c r="DN14" s="71">
        <v>2</v>
      </c>
      <c r="DO14" s="71">
        <v>0</v>
      </c>
      <c r="DP14" s="71">
        <v>0</v>
      </c>
      <c r="DQ14" s="72">
        <v>3</v>
      </c>
      <c r="DR14" s="73">
        <v>12</v>
      </c>
      <c r="DS14" s="70">
        <v>7</v>
      </c>
      <c r="DT14" s="71">
        <v>7</v>
      </c>
      <c r="DU14" s="72">
        <v>14</v>
      </c>
      <c r="DV14" s="244"/>
      <c r="DW14" s="71">
        <v>3</v>
      </c>
      <c r="DX14" s="71">
        <v>1</v>
      </c>
      <c r="DY14" s="71">
        <v>2</v>
      </c>
      <c r="DZ14" s="71">
        <v>1</v>
      </c>
      <c r="EA14" s="71">
        <v>0</v>
      </c>
      <c r="EB14" s="72">
        <v>7</v>
      </c>
      <c r="EC14" s="73">
        <v>21</v>
      </c>
      <c r="ED14" s="70">
        <v>13</v>
      </c>
      <c r="EE14" s="71">
        <v>8</v>
      </c>
      <c r="EF14" s="72">
        <v>21</v>
      </c>
      <c r="EG14" s="244"/>
      <c r="EH14" s="71">
        <v>10</v>
      </c>
      <c r="EI14" s="71">
        <v>1</v>
      </c>
      <c r="EJ14" s="71">
        <v>5</v>
      </c>
      <c r="EK14" s="71">
        <v>4</v>
      </c>
      <c r="EL14" s="71">
        <v>3</v>
      </c>
      <c r="EM14" s="72">
        <v>23</v>
      </c>
      <c r="EN14" s="73">
        <v>44</v>
      </c>
      <c r="EO14" s="70">
        <v>29</v>
      </c>
      <c r="EP14" s="71">
        <v>18</v>
      </c>
      <c r="EQ14" s="72">
        <v>47</v>
      </c>
      <c r="ER14" s="244"/>
      <c r="ES14" s="71">
        <v>23</v>
      </c>
      <c r="ET14" s="71">
        <v>7</v>
      </c>
      <c r="EU14" s="71">
        <v>2</v>
      </c>
      <c r="EV14" s="71">
        <v>1</v>
      </c>
      <c r="EW14" s="71">
        <v>10</v>
      </c>
      <c r="EX14" s="72">
        <v>43</v>
      </c>
      <c r="EY14" s="73">
        <v>90</v>
      </c>
      <c r="EZ14" s="70">
        <v>33</v>
      </c>
      <c r="FA14" s="71">
        <v>15</v>
      </c>
      <c r="FB14" s="72">
        <v>48</v>
      </c>
      <c r="FC14" s="244"/>
      <c r="FD14" s="71">
        <v>41</v>
      </c>
      <c r="FE14" s="71">
        <v>10</v>
      </c>
      <c r="FF14" s="71">
        <v>11</v>
      </c>
      <c r="FG14" s="71">
        <v>7</v>
      </c>
      <c r="FH14" s="71">
        <v>6</v>
      </c>
      <c r="FI14" s="72">
        <v>75</v>
      </c>
      <c r="FJ14" s="73">
        <v>123</v>
      </c>
      <c r="FK14" s="70">
        <v>16</v>
      </c>
      <c r="FL14" s="71">
        <v>21</v>
      </c>
      <c r="FM14" s="72">
        <v>37</v>
      </c>
      <c r="FN14" s="244"/>
      <c r="FO14" s="71">
        <v>39</v>
      </c>
      <c r="FP14" s="71">
        <v>27</v>
      </c>
      <c r="FQ14" s="71">
        <v>23</v>
      </c>
      <c r="FR14" s="71">
        <v>25</v>
      </c>
      <c r="FS14" s="71">
        <v>25</v>
      </c>
      <c r="FT14" s="72">
        <v>139</v>
      </c>
      <c r="FU14" s="73">
        <v>176</v>
      </c>
      <c r="FV14" s="70">
        <v>0</v>
      </c>
      <c r="FW14" s="71">
        <v>0</v>
      </c>
      <c r="FX14" s="72">
        <v>0</v>
      </c>
      <c r="FY14" s="244"/>
      <c r="FZ14" s="71">
        <v>0</v>
      </c>
      <c r="GA14" s="71">
        <v>0</v>
      </c>
      <c r="GB14" s="71">
        <v>0</v>
      </c>
      <c r="GC14" s="71">
        <v>0</v>
      </c>
      <c r="GD14" s="71">
        <v>0</v>
      </c>
      <c r="GE14" s="72">
        <v>0</v>
      </c>
      <c r="GF14" s="73">
        <v>0</v>
      </c>
      <c r="GG14" s="70">
        <v>105</v>
      </c>
      <c r="GH14" s="71">
        <v>71</v>
      </c>
      <c r="GI14" s="72">
        <v>176</v>
      </c>
      <c r="GJ14" s="244"/>
      <c r="GK14" s="71">
        <v>116</v>
      </c>
      <c r="GL14" s="71">
        <v>47</v>
      </c>
      <c r="GM14" s="71">
        <v>45</v>
      </c>
      <c r="GN14" s="71">
        <v>38</v>
      </c>
      <c r="GO14" s="71">
        <v>44</v>
      </c>
      <c r="GP14" s="72">
        <v>290</v>
      </c>
      <c r="GQ14" s="73">
        <v>466</v>
      </c>
      <c r="GR14" s="123">
        <v>380</v>
      </c>
      <c r="GS14" s="82">
        <v>241</v>
      </c>
      <c r="GT14" s="83">
        <v>621</v>
      </c>
      <c r="GU14" s="241"/>
      <c r="GV14" s="82">
        <v>367</v>
      </c>
      <c r="GW14" s="82">
        <v>205</v>
      </c>
      <c r="GX14" s="82">
        <v>150</v>
      </c>
      <c r="GY14" s="82">
        <v>127</v>
      </c>
      <c r="GZ14" s="82">
        <v>126</v>
      </c>
      <c r="HA14" s="84">
        <v>975</v>
      </c>
      <c r="HB14" s="85">
        <v>1596</v>
      </c>
      <c r="HC14" s="70">
        <v>10</v>
      </c>
      <c r="HD14" s="71">
        <v>9</v>
      </c>
      <c r="HE14" s="72">
        <v>19</v>
      </c>
      <c r="HF14" s="244"/>
      <c r="HG14" s="71">
        <v>11</v>
      </c>
      <c r="HH14" s="71">
        <v>7</v>
      </c>
      <c r="HI14" s="71">
        <v>6</v>
      </c>
      <c r="HJ14" s="71">
        <v>5</v>
      </c>
      <c r="HK14" s="71">
        <v>5</v>
      </c>
      <c r="HL14" s="72">
        <v>34</v>
      </c>
      <c r="HM14" s="73">
        <v>53</v>
      </c>
      <c r="HN14" s="70">
        <v>23</v>
      </c>
      <c r="HO14" s="71">
        <v>21</v>
      </c>
      <c r="HP14" s="72">
        <v>44</v>
      </c>
      <c r="HQ14" s="244"/>
      <c r="HR14" s="71">
        <v>22</v>
      </c>
      <c r="HS14" s="71">
        <v>18</v>
      </c>
      <c r="HT14" s="71">
        <v>6</v>
      </c>
      <c r="HU14" s="71">
        <v>5</v>
      </c>
      <c r="HV14" s="71">
        <v>13</v>
      </c>
      <c r="HW14" s="72">
        <v>64</v>
      </c>
      <c r="HX14" s="73">
        <v>108</v>
      </c>
      <c r="HY14" s="70">
        <v>41</v>
      </c>
      <c r="HZ14" s="71">
        <v>30</v>
      </c>
      <c r="IA14" s="72">
        <v>71</v>
      </c>
      <c r="IB14" s="244"/>
      <c r="IC14" s="71">
        <v>48</v>
      </c>
      <c r="ID14" s="71">
        <v>21</v>
      </c>
      <c r="IE14" s="71">
        <v>19</v>
      </c>
      <c r="IF14" s="71">
        <v>17</v>
      </c>
      <c r="IG14" s="71">
        <v>12</v>
      </c>
      <c r="IH14" s="72">
        <v>117</v>
      </c>
      <c r="II14" s="73">
        <v>188</v>
      </c>
      <c r="IJ14" s="70">
        <v>100</v>
      </c>
      <c r="IK14" s="71">
        <v>54</v>
      </c>
      <c r="IL14" s="72">
        <v>154</v>
      </c>
      <c r="IM14" s="244"/>
      <c r="IN14" s="71">
        <v>67</v>
      </c>
      <c r="IO14" s="71">
        <v>31</v>
      </c>
      <c r="IP14" s="71">
        <v>22</v>
      </c>
      <c r="IQ14" s="71">
        <v>11</v>
      </c>
      <c r="IR14" s="71">
        <v>32</v>
      </c>
      <c r="IS14" s="72">
        <v>163</v>
      </c>
      <c r="IT14" s="73">
        <v>317</v>
      </c>
      <c r="IU14" s="70">
        <v>122</v>
      </c>
      <c r="IV14" s="71">
        <v>56</v>
      </c>
      <c r="IW14" s="72">
        <v>178</v>
      </c>
      <c r="IX14" s="244"/>
      <c r="IY14" s="71">
        <v>115</v>
      </c>
      <c r="IZ14" s="71">
        <v>55</v>
      </c>
      <c r="JA14" s="71">
        <v>40</v>
      </c>
      <c r="JB14" s="71">
        <v>39</v>
      </c>
      <c r="JC14" s="71">
        <v>20</v>
      </c>
      <c r="JD14" s="72">
        <v>269</v>
      </c>
      <c r="JE14" s="73">
        <v>447</v>
      </c>
      <c r="JF14" s="70">
        <v>84</v>
      </c>
      <c r="JG14" s="71">
        <v>71</v>
      </c>
      <c r="JH14" s="72">
        <v>155</v>
      </c>
      <c r="JI14" s="244"/>
      <c r="JJ14" s="71">
        <v>104</v>
      </c>
      <c r="JK14" s="71">
        <v>73</v>
      </c>
      <c r="JL14" s="71">
        <v>57</v>
      </c>
      <c r="JM14" s="71">
        <v>50</v>
      </c>
      <c r="JN14" s="71">
        <v>44</v>
      </c>
      <c r="JO14" s="72">
        <v>328</v>
      </c>
      <c r="JP14" s="73">
        <v>483</v>
      </c>
      <c r="JQ14" s="70">
        <v>0</v>
      </c>
      <c r="JR14" s="71">
        <v>0</v>
      </c>
      <c r="JS14" s="72">
        <v>0</v>
      </c>
      <c r="JT14" s="244"/>
      <c r="JU14" s="71">
        <v>0</v>
      </c>
      <c r="JV14" s="71">
        <v>0</v>
      </c>
      <c r="JW14" s="71">
        <v>0</v>
      </c>
      <c r="JX14" s="71">
        <v>0</v>
      </c>
      <c r="JY14" s="71">
        <v>0</v>
      </c>
      <c r="JZ14" s="72">
        <v>0</v>
      </c>
      <c r="KA14" s="73">
        <v>0</v>
      </c>
      <c r="KB14" s="70">
        <v>380</v>
      </c>
      <c r="KC14" s="71">
        <v>241</v>
      </c>
      <c r="KD14" s="72">
        <v>621</v>
      </c>
      <c r="KE14" s="244"/>
      <c r="KF14" s="71">
        <v>367</v>
      </c>
      <c r="KG14" s="71">
        <v>205</v>
      </c>
      <c r="KH14" s="71">
        <v>150</v>
      </c>
      <c r="KI14" s="71">
        <v>127</v>
      </c>
      <c r="KJ14" s="71">
        <v>126</v>
      </c>
      <c r="KK14" s="72">
        <v>975</v>
      </c>
      <c r="KL14" s="73">
        <v>1596</v>
      </c>
    </row>
    <row r="15" spans="1:298" ht="19.5" customHeight="1" x14ac:dyDescent="0.2">
      <c r="A15" s="126" t="s">
        <v>11</v>
      </c>
      <c r="B15" s="316">
        <v>56</v>
      </c>
      <c r="C15" s="82">
        <v>39</v>
      </c>
      <c r="D15" s="83">
        <v>95</v>
      </c>
      <c r="E15" s="241"/>
      <c r="F15" s="82">
        <v>94</v>
      </c>
      <c r="G15" s="82">
        <v>31</v>
      </c>
      <c r="H15" s="82">
        <v>32</v>
      </c>
      <c r="I15" s="82">
        <v>34</v>
      </c>
      <c r="J15" s="82">
        <v>25</v>
      </c>
      <c r="K15" s="84">
        <v>216</v>
      </c>
      <c r="L15" s="85">
        <v>311</v>
      </c>
      <c r="M15" s="70">
        <v>1</v>
      </c>
      <c r="N15" s="71">
        <v>2</v>
      </c>
      <c r="O15" s="72">
        <v>3</v>
      </c>
      <c r="P15" s="244"/>
      <c r="Q15" s="71">
        <v>7</v>
      </c>
      <c r="R15" s="71">
        <v>1</v>
      </c>
      <c r="S15" s="71">
        <v>1</v>
      </c>
      <c r="T15" s="71">
        <v>1</v>
      </c>
      <c r="U15" s="71">
        <v>0</v>
      </c>
      <c r="V15" s="72">
        <v>10</v>
      </c>
      <c r="W15" s="73">
        <v>13</v>
      </c>
      <c r="X15" s="70">
        <v>10</v>
      </c>
      <c r="Y15" s="71">
        <v>3</v>
      </c>
      <c r="Z15" s="72">
        <v>13</v>
      </c>
      <c r="AA15" s="244"/>
      <c r="AB15" s="71">
        <v>10</v>
      </c>
      <c r="AC15" s="71">
        <v>2</v>
      </c>
      <c r="AD15" s="71">
        <v>3</v>
      </c>
      <c r="AE15" s="71">
        <v>0</v>
      </c>
      <c r="AF15" s="71">
        <v>4</v>
      </c>
      <c r="AG15" s="72">
        <v>19</v>
      </c>
      <c r="AH15" s="73">
        <v>32</v>
      </c>
      <c r="AI15" s="70">
        <v>6</v>
      </c>
      <c r="AJ15" s="71">
        <v>4</v>
      </c>
      <c r="AK15" s="72">
        <v>10</v>
      </c>
      <c r="AL15" s="244"/>
      <c r="AM15" s="71">
        <v>22</v>
      </c>
      <c r="AN15" s="71">
        <v>3</v>
      </c>
      <c r="AO15" s="71">
        <v>3</v>
      </c>
      <c r="AP15" s="71">
        <v>5</v>
      </c>
      <c r="AQ15" s="71">
        <v>4</v>
      </c>
      <c r="AR15" s="72">
        <v>37</v>
      </c>
      <c r="AS15" s="73">
        <v>47</v>
      </c>
      <c r="AT15" s="70">
        <v>10</v>
      </c>
      <c r="AU15" s="71">
        <v>8</v>
      </c>
      <c r="AV15" s="72">
        <v>18</v>
      </c>
      <c r="AW15" s="244"/>
      <c r="AX15" s="71">
        <v>15</v>
      </c>
      <c r="AY15" s="71">
        <v>8</v>
      </c>
      <c r="AZ15" s="71">
        <v>8</v>
      </c>
      <c r="BA15" s="71">
        <v>12</v>
      </c>
      <c r="BB15" s="71">
        <v>5</v>
      </c>
      <c r="BC15" s="72">
        <v>48</v>
      </c>
      <c r="BD15" s="73">
        <v>66</v>
      </c>
      <c r="BE15" s="70">
        <v>19</v>
      </c>
      <c r="BF15" s="71">
        <v>13</v>
      </c>
      <c r="BG15" s="72">
        <v>32</v>
      </c>
      <c r="BH15" s="244"/>
      <c r="BI15" s="71">
        <v>17</v>
      </c>
      <c r="BJ15" s="71">
        <v>8</v>
      </c>
      <c r="BK15" s="71">
        <v>5</v>
      </c>
      <c r="BL15" s="71">
        <v>8</v>
      </c>
      <c r="BM15" s="71">
        <v>4</v>
      </c>
      <c r="BN15" s="72">
        <v>42</v>
      </c>
      <c r="BO15" s="73">
        <v>74</v>
      </c>
      <c r="BP15" s="70">
        <v>10</v>
      </c>
      <c r="BQ15" s="71">
        <v>9</v>
      </c>
      <c r="BR15" s="72">
        <v>19</v>
      </c>
      <c r="BS15" s="244"/>
      <c r="BT15" s="71">
        <v>23</v>
      </c>
      <c r="BU15" s="71">
        <v>9</v>
      </c>
      <c r="BV15" s="71">
        <v>12</v>
      </c>
      <c r="BW15" s="71">
        <v>8</v>
      </c>
      <c r="BX15" s="71">
        <v>8</v>
      </c>
      <c r="BY15" s="72">
        <v>60</v>
      </c>
      <c r="BZ15" s="73">
        <v>79</v>
      </c>
      <c r="CA15" s="70">
        <v>0</v>
      </c>
      <c r="CB15" s="71">
        <v>0</v>
      </c>
      <c r="CC15" s="72">
        <v>0</v>
      </c>
      <c r="CD15" s="244"/>
      <c r="CE15" s="71">
        <v>0</v>
      </c>
      <c r="CF15" s="71">
        <v>0</v>
      </c>
      <c r="CG15" s="71">
        <v>0</v>
      </c>
      <c r="CH15" s="71">
        <v>0</v>
      </c>
      <c r="CI15" s="71">
        <v>0</v>
      </c>
      <c r="CJ15" s="72">
        <v>0</v>
      </c>
      <c r="CK15" s="73">
        <v>0</v>
      </c>
      <c r="CL15" s="70">
        <v>56</v>
      </c>
      <c r="CM15" s="71">
        <v>39</v>
      </c>
      <c r="CN15" s="72">
        <v>95</v>
      </c>
      <c r="CO15" s="244"/>
      <c r="CP15" s="71">
        <v>94</v>
      </c>
      <c r="CQ15" s="71">
        <v>31</v>
      </c>
      <c r="CR15" s="71">
        <v>32</v>
      </c>
      <c r="CS15" s="71">
        <v>34</v>
      </c>
      <c r="CT15" s="71">
        <v>25</v>
      </c>
      <c r="CU15" s="72">
        <v>216</v>
      </c>
      <c r="CV15" s="73">
        <v>311</v>
      </c>
      <c r="CW15" s="123">
        <v>23</v>
      </c>
      <c r="CX15" s="82">
        <v>18</v>
      </c>
      <c r="CY15" s="83">
        <v>41</v>
      </c>
      <c r="CZ15" s="241"/>
      <c r="DA15" s="82">
        <v>40</v>
      </c>
      <c r="DB15" s="82">
        <v>23</v>
      </c>
      <c r="DC15" s="82">
        <v>19</v>
      </c>
      <c r="DD15" s="82">
        <v>26</v>
      </c>
      <c r="DE15" s="82">
        <v>15</v>
      </c>
      <c r="DF15" s="84">
        <v>123</v>
      </c>
      <c r="DG15" s="85">
        <v>164</v>
      </c>
      <c r="DH15" s="70">
        <v>0</v>
      </c>
      <c r="DI15" s="71">
        <v>1</v>
      </c>
      <c r="DJ15" s="72">
        <v>1</v>
      </c>
      <c r="DK15" s="244"/>
      <c r="DL15" s="71">
        <v>0</v>
      </c>
      <c r="DM15" s="71">
        <v>2</v>
      </c>
      <c r="DN15" s="71">
        <v>0</v>
      </c>
      <c r="DO15" s="71">
        <v>0</v>
      </c>
      <c r="DP15" s="71">
        <v>0</v>
      </c>
      <c r="DQ15" s="72">
        <v>2</v>
      </c>
      <c r="DR15" s="73">
        <v>3</v>
      </c>
      <c r="DS15" s="70">
        <v>3</v>
      </c>
      <c r="DT15" s="71">
        <v>1</v>
      </c>
      <c r="DU15" s="72">
        <v>4</v>
      </c>
      <c r="DV15" s="244"/>
      <c r="DW15" s="71">
        <v>2</v>
      </c>
      <c r="DX15" s="71">
        <v>1</v>
      </c>
      <c r="DY15" s="71">
        <v>1</v>
      </c>
      <c r="DZ15" s="71">
        <v>1</v>
      </c>
      <c r="EA15" s="71">
        <v>0</v>
      </c>
      <c r="EB15" s="72">
        <v>5</v>
      </c>
      <c r="EC15" s="73">
        <v>9</v>
      </c>
      <c r="ED15" s="70">
        <v>2</v>
      </c>
      <c r="EE15" s="71">
        <v>4</v>
      </c>
      <c r="EF15" s="72">
        <v>6</v>
      </c>
      <c r="EG15" s="244"/>
      <c r="EH15" s="71">
        <v>4</v>
      </c>
      <c r="EI15" s="71">
        <v>2</v>
      </c>
      <c r="EJ15" s="71">
        <v>1</v>
      </c>
      <c r="EK15" s="71">
        <v>1</v>
      </c>
      <c r="EL15" s="71">
        <v>0</v>
      </c>
      <c r="EM15" s="72">
        <v>8</v>
      </c>
      <c r="EN15" s="73">
        <v>14</v>
      </c>
      <c r="EO15" s="70">
        <v>5</v>
      </c>
      <c r="EP15" s="71">
        <v>1</v>
      </c>
      <c r="EQ15" s="72">
        <v>6</v>
      </c>
      <c r="ER15" s="244"/>
      <c r="ES15" s="71">
        <v>7</v>
      </c>
      <c r="ET15" s="71">
        <v>3</v>
      </c>
      <c r="EU15" s="71">
        <v>2</v>
      </c>
      <c r="EV15" s="71">
        <v>6</v>
      </c>
      <c r="EW15" s="71">
        <v>5</v>
      </c>
      <c r="EX15" s="72">
        <v>23</v>
      </c>
      <c r="EY15" s="73">
        <v>29</v>
      </c>
      <c r="EZ15" s="70">
        <v>9</v>
      </c>
      <c r="FA15" s="71">
        <v>3</v>
      </c>
      <c r="FB15" s="72">
        <v>12</v>
      </c>
      <c r="FC15" s="244"/>
      <c r="FD15" s="71">
        <v>15</v>
      </c>
      <c r="FE15" s="71">
        <v>7</v>
      </c>
      <c r="FF15" s="71">
        <v>5</v>
      </c>
      <c r="FG15" s="71">
        <v>6</v>
      </c>
      <c r="FH15" s="71">
        <v>2</v>
      </c>
      <c r="FI15" s="72">
        <v>35</v>
      </c>
      <c r="FJ15" s="73">
        <v>47</v>
      </c>
      <c r="FK15" s="70">
        <v>4</v>
      </c>
      <c r="FL15" s="71">
        <v>8</v>
      </c>
      <c r="FM15" s="72">
        <v>12</v>
      </c>
      <c r="FN15" s="244"/>
      <c r="FO15" s="71">
        <v>12</v>
      </c>
      <c r="FP15" s="71">
        <v>8</v>
      </c>
      <c r="FQ15" s="71">
        <v>10</v>
      </c>
      <c r="FR15" s="71">
        <v>12</v>
      </c>
      <c r="FS15" s="71">
        <v>8</v>
      </c>
      <c r="FT15" s="72">
        <v>50</v>
      </c>
      <c r="FU15" s="73">
        <v>62</v>
      </c>
      <c r="FV15" s="70">
        <v>0</v>
      </c>
      <c r="FW15" s="71">
        <v>0</v>
      </c>
      <c r="FX15" s="72">
        <v>0</v>
      </c>
      <c r="FY15" s="244"/>
      <c r="FZ15" s="71">
        <v>0</v>
      </c>
      <c r="GA15" s="71">
        <v>0</v>
      </c>
      <c r="GB15" s="71">
        <v>0</v>
      </c>
      <c r="GC15" s="71">
        <v>0</v>
      </c>
      <c r="GD15" s="71">
        <v>0</v>
      </c>
      <c r="GE15" s="72">
        <v>0</v>
      </c>
      <c r="GF15" s="73">
        <v>0</v>
      </c>
      <c r="GG15" s="70">
        <v>23</v>
      </c>
      <c r="GH15" s="71">
        <v>18</v>
      </c>
      <c r="GI15" s="72">
        <v>41</v>
      </c>
      <c r="GJ15" s="244"/>
      <c r="GK15" s="71">
        <v>40</v>
      </c>
      <c r="GL15" s="71">
        <v>23</v>
      </c>
      <c r="GM15" s="71">
        <v>19</v>
      </c>
      <c r="GN15" s="71">
        <v>26</v>
      </c>
      <c r="GO15" s="71">
        <v>15</v>
      </c>
      <c r="GP15" s="72">
        <v>123</v>
      </c>
      <c r="GQ15" s="73">
        <v>164</v>
      </c>
      <c r="GR15" s="123">
        <v>79</v>
      </c>
      <c r="GS15" s="82">
        <v>57</v>
      </c>
      <c r="GT15" s="83">
        <v>136</v>
      </c>
      <c r="GU15" s="241"/>
      <c r="GV15" s="82">
        <v>134</v>
      </c>
      <c r="GW15" s="82">
        <v>54</v>
      </c>
      <c r="GX15" s="82">
        <v>51</v>
      </c>
      <c r="GY15" s="82">
        <v>60</v>
      </c>
      <c r="GZ15" s="82">
        <v>40</v>
      </c>
      <c r="HA15" s="84">
        <v>339</v>
      </c>
      <c r="HB15" s="85">
        <v>475</v>
      </c>
      <c r="HC15" s="70">
        <v>1</v>
      </c>
      <c r="HD15" s="71">
        <v>3</v>
      </c>
      <c r="HE15" s="72">
        <v>4</v>
      </c>
      <c r="HF15" s="244"/>
      <c r="HG15" s="71">
        <v>7</v>
      </c>
      <c r="HH15" s="71">
        <v>3</v>
      </c>
      <c r="HI15" s="71">
        <v>1</v>
      </c>
      <c r="HJ15" s="71">
        <v>1</v>
      </c>
      <c r="HK15" s="71">
        <v>0</v>
      </c>
      <c r="HL15" s="72">
        <v>12</v>
      </c>
      <c r="HM15" s="73">
        <v>16</v>
      </c>
      <c r="HN15" s="70">
        <v>13</v>
      </c>
      <c r="HO15" s="71">
        <v>4</v>
      </c>
      <c r="HP15" s="72">
        <v>17</v>
      </c>
      <c r="HQ15" s="244"/>
      <c r="HR15" s="71">
        <v>12</v>
      </c>
      <c r="HS15" s="71">
        <v>3</v>
      </c>
      <c r="HT15" s="71">
        <v>4</v>
      </c>
      <c r="HU15" s="71">
        <v>1</v>
      </c>
      <c r="HV15" s="71">
        <v>4</v>
      </c>
      <c r="HW15" s="72">
        <v>24</v>
      </c>
      <c r="HX15" s="73">
        <v>41</v>
      </c>
      <c r="HY15" s="70">
        <v>8</v>
      </c>
      <c r="HZ15" s="71">
        <v>8</v>
      </c>
      <c r="IA15" s="72">
        <v>16</v>
      </c>
      <c r="IB15" s="244"/>
      <c r="IC15" s="71">
        <v>26</v>
      </c>
      <c r="ID15" s="71">
        <v>5</v>
      </c>
      <c r="IE15" s="71">
        <v>4</v>
      </c>
      <c r="IF15" s="71">
        <v>6</v>
      </c>
      <c r="IG15" s="71">
        <v>4</v>
      </c>
      <c r="IH15" s="72">
        <v>45</v>
      </c>
      <c r="II15" s="73">
        <v>61</v>
      </c>
      <c r="IJ15" s="70">
        <v>15</v>
      </c>
      <c r="IK15" s="71">
        <v>9</v>
      </c>
      <c r="IL15" s="72">
        <v>24</v>
      </c>
      <c r="IM15" s="244"/>
      <c r="IN15" s="71">
        <v>22</v>
      </c>
      <c r="IO15" s="71">
        <v>11</v>
      </c>
      <c r="IP15" s="71">
        <v>10</v>
      </c>
      <c r="IQ15" s="71">
        <v>18</v>
      </c>
      <c r="IR15" s="71">
        <v>10</v>
      </c>
      <c r="IS15" s="72">
        <v>71</v>
      </c>
      <c r="IT15" s="73">
        <v>95</v>
      </c>
      <c r="IU15" s="70">
        <v>28</v>
      </c>
      <c r="IV15" s="71">
        <v>16</v>
      </c>
      <c r="IW15" s="72">
        <v>44</v>
      </c>
      <c r="IX15" s="244"/>
      <c r="IY15" s="71">
        <v>32</v>
      </c>
      <c r="IZ15" s="71">
        <v>15</v>
      </c>
      <c r="JA15" s="71">
        <v>10</v>
      </c>
      <c r="JB15" s="71">
        <v>14</v>
      </c>
      <c r="JC15" s="71">
        <v>6</v>
      </c>
      <c r="JD15" s="72">
        <v>77</v>
      </c>
      <c r="JE15" s="73">
        <v>121</v>
      </c>
      <c r="JF15" s="70">
        <v>14</v>
      </c>
      <c r="JG15" s="71">
        <v>17</v>
      </c>
      <c r="JH15" s="72">
        <v>31</v>
      </c>
      <c r="JI15" s="244"/>
      <c r="JJ15" s="71">
        <v>35</v>
      </c>
      <c r="JK15" s="71">
        <v>17</v>
      </c>
      <c r="JL15" s="71">
        <v>22</v>
      </c>
      <c r="JM15" s="71">
        <v>20</v>
      </c>
      <c r="JN15" s="71">
        <v>16</v>
      </c>
      <c r="JO15" s="72">
        <v>110</v>
      </c>
      <c r="JP15" s="73">
        <v>141</v>
      </c>
      <c r="JQ15" s="70">
        <v>0</v>
      </c>
      <c r="JR15" s="71">
        <v>0</v>
      </c>
      <c r="JS15" s="72">
        <v>0</v>
      </c>
      <c r="JT15" s="244"/>
      <c r="JU15" s="71">
        <v>0</v>
      </c>
      <c r="JV15" s="71">
        <v>0</v>
      </c>
      <c r="JW15" s="71">
        <v>0</v>
      </c>
      <c r="JX15" s="71">
        <v>0</v>
      </c>
      <c r="JY15" s="71">
        <v>0</v>
      </c>
      <c r="JZ15" s="72">
        <v>0</v>
      </c>
      <c r="KA15" s="73">
        <v>0</v>
      </c>
      <c r="KB15" s="70">
        <v>79</v>
      </c>
      <c r="KC15" s="71">
        <v>57</v>
      </c>
      <c r="KD15" s="72">
        <v>136</v>
      </c>
      <c r="KE15" s="244"/>
      <c r="KF15" s="71">
        <v>134</v>
      </c>
      <c r="KG15" s="71">
        <v>54</v>
      </c>
      <c r="KH15" s="71">
        <v>51</v>
      </c>
      <c r="KI15" s="71">
        <v>60</v>
      </c>
      <c r="KJ15" s="71">
        <v>40</v>
      </c>
      <c r="KK15" s="72">
        <v>339</v>
      </c>
      <c r="KL15" s="73">
        <v>475</v>
      </c>
    </row>
    <row r="16" spans="1:298" ht="19.5" customHeight="1" x14ac:dyDescent="0.2">
      <c r="A16" s="126" t="s">
        <v>12</v>
      </c>
      <c r="B16" s="316">
        <v>146</v>
      </c>
      <c r="C16" s="82">
        <v>90</v>
      </c>
      <c r="D16" s="83">
        <v>236</v>
      </c>
      <c r="E16" s="241"/>
      <c r="F16" s="82">
        <v>98</v>
      </c>
      <c r="G16" s="82">
        <v>63</v>
      </c>
      <c r="H16" s="82">
        <v>54</v>
      </c>
      <c r="I16" s="82">
        <v>68</v>
      </c>
      <c r="J16" s="82">
        <v>34</v>
      </c>
      <c r="K16" s="84">
        <v>317</v>
      </c>
      <c r="L16" s="85">
        <v>553</v>
      </c>
      <c r="M16" s="86">
        <v>4</v>
      </c>
      <c r="N16" s="71">
        <v>6</v>
      </c>
      <c r="O16" s="72">
        <v>10</v>
      </c>
      <c r="P16" s="244"/>
      <c r="Q16" s="71">
        <v>0</v>
      </c>
      <c r="R16" s="71">
        <v>3</v>
      </c>
      <c r="S16" s="71">
        <v>2</v>
      </c>
      <c r="T16" s="71">
        <v>1</v>
      </c>
      <c r="U16" s="71">
        <v>3</v>
      </c>
      <c r="V16" s="72">
        <v>9</v>
      </c>
      <c r="W16" s="73">
        <v>19</v>
      </c>
      <c r="X16" s="70">
        <v>8</v>
      </c>
      <c r="Y16" s="71">
        <v>6</v>
      </c>
      <c r="Z16" s="72">
        <v>14</v>
      </c>
      <c r="AA16" s="244"/>
      <c r="AB16" s="71">
        <v>11</v>
      </c>
      <c r="AC16" s="71">
        <v>2</v>
      </c>
      <c r="AD16" s="71">
        <v>2</v>
      </c>
      <c r="AE16" s="71">
        <v>3</v>
      </c>
      <c r="AF16" s="71">
        <v>3</v>
      </c>
      <c r="AG16" s="72">
        <v>21</v>
      </c>
      <c r="AH16" s="73">
        <v>35</v>
      </c>
      <c r="AI16" s="86">
        <v>14</v>
      </c>
      <c r="AJ16" s="71">
        <v>12</v>
      </c>
      <c r="AK16" s="72">
        <v>26</v>
      </c>
      <c r="AL16" s="244"/>
      <c r="AM16" s="71">
        <v>6</v>
      </c>
      <c r="AN16" s="71">
        <v>9</v>
      </c>
      <c r="AO16" s="71">
        <v>5</v>
      </c>
      <c r="AP16" s="71">
        <v>5</v>
      </c>
      <c r="AQ16" s="71">
        <v>4</v>
      </c>
      <c r="AR16" s="72">
        <v>29</v>
      </c>
      <c r="AS16" s="73">
        <v>55</v>
      </c>
      <c r="AT16" s="70">
        <v>35</v>
      </c>
      <c r="AU16" s="71">
        <v>17</v>
      </c>
      <c r="AV16" s="72">
        <v>52</v>
      </c>
      <c r="AW16" s="244"/>
      <c r="AX16" s="71">
        <v>23</v>
      </c>
      <c r="AY16" s="71">
        <v>15</v>
      </c>
      <c r="AZ16" s="71">
        <v>12</v>
      </c>
      <c r="BA16" s="71">
        <v>17</v>
      </c>
      <c r="BB16" s="71">
        <v>8</v>
      </c>
      <c r="BC16" s="72">
        <v>75</v>
      </c>
      <c r="BD16" s="73">
        <v>127</v>
      </c>
      <c r="BE16" s="86">
        <v>49</v>
      </c>
      <c r="BF16" s="71">
        <v>25</v>
      </c>
      <c r="BG16" s="72">
        <v>74</v>
      </c>
      <c r="BH16" s="244"/>
      <c r="BI16" s="71">
        <v>29</v>
      </c>
      <c r="BJ16" s="71">
        <v>19</v>
      </c>
      <c r="BK16" s="71">
        <v>21</v>
      </c>
      <c r="BL16" s="71">
        <v>24</v>
      </c>
      <c r="BM16" s="71">
        <v>5</v>
      </c>
      <c r="BN16" s="72">
        <v>98</v>
      </c>
      <c r="BO16" s="73">
        <v>172</v>
      </c>
      <c r="BP16" s="70">
        <v>36</v>
      </c>
      <c r="BQ16" s="71">
        <v>24</v>
      </c>
      <c r="BR16" s="72">
        <v>60</v>
      </c>
      <c r="BS16" s="244"/>
      <c r="BT16" s="71">
        <v>29</v>
      </c>
      <c r="BU16" s="71">
        <v>15</v>
      </c>
      <c r="BV16" s="71">
        <v>12</v>
      </c>
      <c r="BW16" s="71">
        <v>18</v>
      </c>
      <c r="BX16" s="71">
        <v>11</v>
      </c>
      <c r="BY16" s="72">
        <v>85</v>
      </c>
      <c r="BZ16" s="73">
        <v>145</v>
      </c>
      <c r="CA16" s="70">
        <v>0</v>
      </c>
      <c r="CB16" s="71">
        <v>0</v>
      </c>
      <c r="CC16" s="72">
        <v>0</v>
      </c>
      <c r="CD16" s="244"/>
      <c r="CE16" s="71">
        <v>0</v>
      </c>
      <c r="CF16" s="71">
        <v>0</v>
      </c>
      <c r="CG16" s="71">
        <v>0</v>
      </c>
      <c r="CH16" s="71">
        <v>0</v>
      </c>
      <c r="CI16" s="71">
        <v>0</v>
      </c>
      <c r="CJ16" s="72">
        <v>0</v>
      </c>
      <c r="CK16" s="73">
        <v>0</v>
      </c>
      <c r="CL16" s="70">
        <v>146</v>
      </c>
      <c r="CM16" s="71">
        <v>90</v>
      </c>
      <c r="CN16" s="72">
        <v>236</v>
      </c>
      <c r="CO16" s="244"/>
      <c r="CP16" s="71">
        <v>98</v>
      </c>
      <c r="CQ16" s="71">
        <v>63</v>
      </c>
      <c r="CR16" s="71">
        <v>54</v>
      </c>
      <c r="CS16" s="71">
        <v>68</v>
      </c>
      <c r="CT16" s="71">
        <v>34</v>
      </c>
      <c r="CU16" s="72">
        <v>317</v>
      </c>
      <c r="CV16" s="73">
        <v>553</v>
      </c>
      <c r="CW16" s="123">
        <v>36</v>
      </c>
      <c r="CX16" s="82">
        <v>32</v>
      </c>
      <c r="CY16" s="83">
        <v>68</v>
      </c>
      <c r="CZ16" s="241"/>
      <c r="DA16" s="82">
        <v>42</v>
      </c>
      <c r="DB16" s="82">
        <v>21</v>
      </c>
      <c r="DC16" s="82">
        <v>26</v>
      </c>
      <c r="DD16" s="82">
        <v>29</v>
      </c>
      <c r="DE16" s="82">
        <v>11</v>
      </c>
      <c r="DF16" s="84">
        <v>129</v>
      </c>
      <c r="DG16" s="85">
        <v>197</v>
      </c>
      <c r="DH16" s="86">
        <v>0</v>
      </c>
      <c r="DI16" s="71">
        <v>0</v>
      </c>
      <c r="DJ16" s="72">
        <v>0</v>
      </c>
      <c r="DK16" s="244"/>
      <c r="DL16" s="71">
        <v>1</v>
      </c>
      <c r="DM16" s="71">
        <v>0</v>
      </c>
      <c r="DN16" s="71">
        <v>0</v>
      </c>
      <c r="DO16" s="71">
        <v>0</v>
      </c>
      <c r="DP16" s="71">
        <v>0</v>
      </c>
      <c r="DQ16" s="72">
        <v>1</v>
      </c>
      <c r="DR16" s="73">
        <v>1</v>
      </c>
      <c r="DS16" s="70">
        <v>3</v>
      </c>
      <c r="DT16" s="71">
        <v>3</v>
      </c>
      <c r="DU16" s="72">
        <v>6</v>
      </c>
      <c r="DV16" s="244"/>
      <c r="DW16" s="71">
        <v>1</v>
      </c>
      <c r="DX16" s="71">
        <v>1</v>
      </c>
      <c r="DY16" s="71">
        <v>0</v>
      </c>
      <c r="DZ16" s="71">
        <v>0</v>
      </c>
      <c r="EA16" s="71">
        <v>0</v>
      </c>
      <c r="EB16" s="72">
        <v>2</v>
      </c>
      <c r="EC16" s="73">
        <v>8</v>
      </c>
      <c r="ED16" s="86">
        <v>9</v>
      </c>
      <c r="EE16" s="71">
        <v>2</v>
      </c>
      <c r="EF16" s="72">
        <v>11</v>
      </c>
      <c r="EG16" s="244"/>
      <c r="EH16" s="71">
        <v>3</v>
      </c>
      <c r="EI16" s="71">
        <v>3</v>
      </c>
      <c r="EJ16" s="71">
        <v>1</v>
      </c>
      <c r="EK16" s="71">
        <v>0</v>
      </c>
      <c r="EL16" s="71">
        <v>2</v>
      </c>
      <c r="EM16" s="72">
        <v>9</v>
      </c>
      <c r="EN16" s="73">
        <v>20</v>
      </c>
      <c r="EO16" s="70">
        <v>7</v>
      </c>
      <c r="EP16" s="71">
        <v>10</v>
      </c>
      <c r="EQ16" s="72">
        <v>17</v>
      </c>
      <c r="ER16" s="244"/>
      <c r="ES16" s="71">
        <v>8</v>
      </c>
      <c r="ET16" s="71">
        <v>3</v>
      </c>
      <c r="EU16" s="71">
        <v>7</v>
      </c>
      <c r="EV16" s="71">
        <v>7</v>
      </c>
      <c r="EW16" s="71">
        <v>1</v>
      </c>
      <c r="EX16" s="72">
        <v>26</v>
      </c>
      <c r="EY16" s="73">
        <v>43</v>
      </c>
      <c r="EZ16" s="86">
        <v>10</v>
      </c>
      <c r="FA16" s="71">
        <v>9</v>
      </c>
      <c r="FB16" s="72">
        <v>19</v>
      </c>
      <c r="FC16" s="244"/>
      <c r="FD16" s="71">
        <v>12</v>
      </c>
      <c r="FE16" s="71">
        <v>9</v>
      </c>
      <c r="FF16" s="71">
        <v>5</v>
      </c>
      <c r="FG16" s="71">
        <v>5</v>
      </c>
      <c r="FH16" s="71">
        <v>1</v>
      </c>
      <c r="FI16" s="72">
        <v>32</v>
      </c>
      <c r="FJ16" s="73">
        <v>51</v>
      </c>
      <c r="FK16" s="70">
        <v>7</v>
      </c>
      <c r="FL16" s="71">
        <v>8</v>
      </c>
      <c r="FM16" s="72">
        <v>15</v>
      </c>
      <c r="FN16" s="244"/>
      <c r="FO16" s="71">
        <v>17</v>
      </c>
      <c r="FP16" s="71">
        <v>5</v>
      </c>
      <c r="FQ16" s="71">
        <v>13</v>
      </c>
      <c r="FR16" s="71">
        <v>17</v>
      </c>
      <c r="FS16" s="71">
        <v>7</v>
      </c>
      <c r="FT16" s="72">
        <v>59</v>
      </c>
      <c r="FU16" s="73">
        <v>74</v>
      </c>
      <c r="FV16" s="70">
        <v>0</v>
      </c>
      <c r="FW16" s="71">
        <v>0</v>
      </c>
      <c r="FX16" s="72">
        <v>0</v>
      </c>
      <c r="FY16" s="244"/>
      <c r="FZ16" s="71">
        <v>0</v>
      </c>
      <c r="GA16" s="71">
        <v>0</v>
      </c>
      <c r="GB16" s="71">
        <v>0</v>
      </c>
      <c r="GC16" s="71">
        <v>0</v>
      </c>
      <c r="GD16" s="71">
        <v>0</v>
      </c>
      <c r="GE16" s="72">
        <v>0</v>
      </c>
      <c r="GF16" s="73">
        <v>0</v>
      </c>
      <c r="GG16" s="70">
        <v>36</v>
      </c>
      <c r="GH16" s="71">
        <v>32</v>
      </c>
      <c r="GI16" s="72">
        <v>68</v>
      </c>
      <c r="GJ16" s="244"/>
      <c r="GK16" s="71">
        <v>42</v>
      </c>
      <c r="GL16" s="71">
        <v>21</v>
      </c>
      <c r="GM16" s="71">
        <v>26</v>
      </c>
      <c r="GN16" s="71">
        <v>29</v>
      </c>
      <c r="GO16" s="71">
        <v>11</v>
      </c>
      <c r="GP16" s="72">
        <v>129</v>
      </c>
      <c r="GQ16" s="73">
        <v>197</v>
      </c>
      <c r="GR16" s="123">
        <v>182</v>
      </c>
      <c r="GS16" s="82">
        <v>122</v>
      </c>
      <c r="GT16" s="83">
        <v>304</v>
      </c>
      <c r="GU16" s="241"/>
      <c r="GV16" s="82">
        <v>140</v>
      </c>
      <c r="GW16" s="82">
        <v>84</v>
      </c>
      <c r="GX16" s="82">
        <v>80</v>
      </c>
      <c r="GY16" s="82">
        <v>97</v>
      </c>
      <c r="GZ16" s="82">
        <v>45</v>
      </c>
      <c r="HA16" s="84">
        <v>446</v>
      </c>
      <c r="HB16" s="85">
        <v>750</v>
      </c>
      <c r="HC16" s="86">
        <v>4</v>
      </c>
      <c r="HD16" s="71">
        <v>6</v>
      </c>
      <c r="HE16" s="72">
        <v>10</v>
      </c>
      <c r="HF16" s="244"/>
      <c r="HG16" s="71">
        <v>1</v>
      </c>
      <c r="HH16" s="71">
        <v>3</v>
      </c>
      <c r="HI16" s="71">
        <v>2</v>
      </c>
      <c r="HJ16" s="71">
        <v>1</v>
      </c>
      <c r="HK16" s="71">
        <v>3</v>
      </c>
      <c r="HL16" s="72">
        <v>10</v>
      </c>
      <c r="HM16" s="73">
        <v>20</v>
      </c>
      <c r="HN16" s="70">
        <v>11</v>
      </c>
      <c r="HO16" s="71">
        <v>9</v>
      </c>
      <c r="HP16" s="72">
        <v>20</v>
      </c>
      <c r="HQ16" s="244"/>
      <c r="HR16" s="71">
        <v>12</v>
      </c>
      <c r="HS16" s="71">
        <v>3</v>
      </c>
      <c r="HT16" s="71">
        <v>2</v>
      </c>
      <c r="HU16" s="71">
        <v>3</v>
      </c>
      <c r="HV16" s="71">
        <v>3</v>
      </c>
      <c r="HW16" s="72">
        <v>23</v>
      </c>
      <c r="HX16" s="73">
        <v>43</v>
      </c>
      <c r="HY16" s="86">
        <v>23</v>
      </c>
      <c r="HZ16" s="71">
        <v>14</v>
      </c>
      <c r="IA16" s="72">
        <v>37</v>
      </c>
      <c r="IB16" s="244"/>
      <c r="IC16" s="71">
        <v>9</v>
      </c>
      <c r="ID16" s="71">
        <v>12</v>
      </c>
      <c r="IE16" s="71">
        <v>6</v>
      </c>
      <c r="IF16" s="71">
        <v>5</v>
      </c>
      <c r="IG16" s="71">
        <v>6</v>
      </c>
      <c r="IH16" s="72">
        <v>38</v>
      </c>
      <c r="II16" s="73">
        <v>75</v>
      </c>
      <c r="IJ16" s="70">
        <v>42</v>
      </c>
      <c r="IK16" s="71">
        <v>27</v>
      </c>
      <c r="IL16" s="72">
        <v>69</v>
      </c>
      <c r="IM16" s="244"/>
      <c r="IN16" s="71">
        <v>31</v>
      </c>
      <c r="IO16" s="71">
        <v>18</v>
      </c>
      <c r="IP16" s="71">
        <v>19</v>
      </c>
      <c r="IQ16" s="71">
        <v>24</v>
      </c>
      <c r="IR16" s="71">
        <v>9</v>
      </c>
      <c r="IS16" s="72">
        <v>101</v>
      </c>
      <c r="IT16" s="73">
        <v>170</v>
      </c>
      <c r="IU16" s="86">
        <v>59</v>
      </c>
      <c r="IV16" s="71">
        <v>34</v>
      </c>
      <c r="IW16" s="72">
        <v>93</v>
      </c>
      <c r="IX16" s="244"/>
      <c r="IY16" s="71">
        <v>41</v>
      </c>
      <c r="IZ16" s="71">
        <v>28</v>
      </c>
      <c r="JA16" s="71">
        <v>26</v>
      </c>
      <c r="JB16" s="71">
        <v>29</v>
      </c>
      <c r="JC16" s="71">
        <v>6</v>
      </c>
      <c r="JD16" s="72">
        <v>130</v>
      </c>
      <c r="JE16" s="73">
        <v>223</v>
      </c>
      <c r="JF16" s="70">
        <v>43</v>
      </c>
      <c r="JG16" s="71">
        <v>32</v>
      </c>
      <c r="JH16" s="72">
        <v>75</v>
      </c>
      <c r="JI16" s="244"/>
      <c r="JJ16" s="71">
        <v>46</v>
      </c>
      <c r="JK16" s="71">
        <v>20</v>
      </c>
      <c r="JL16" s="71">
        <v>25</v>
      </c>
      <c r="JM16" s="71">
        <v>35</v>
      </c>
      <c r="JN16" s="71">
        <v>18</v>
      </c>
      <c r="JO16" s="72">
        <v>144</v>
      </c>
      <c r="JP16" s="73">
        <v>219</v>
      </c>
      <c r="JQ16" s="70">
        <v>0</v>
      </c>
      <c r="JR16" s="71">
        <v>0</v>
      </c>
      <c r="JS16" s="72">
        <v>0</v>
      </c>
      <c r="JT16" s="244"/>
      <c r="JU16" s="71">
        <v>0</v>
      </c>
      <c r="JV16" s="71">
        <v>0</v>
      </c>
      <c r="JW16" s="71">
        <v>0</v>
      </c>
      <c r="JX16" s="71">
        <v>0</v>
      </c>
      <c r="JY16" s="71">
        <v>0</v>
      </c>
      <c r="JZ16" s="72">
        <v>0</v>
      </c>
      <c r="KA16" s="73">
        <v>0</v>
      </c>
      <c r="KB16" s="70">
        <v>182</v>
      </c>
      <c r="KC16" s="71">
        <v>122</v>
      </c>
      <c r="KD16" s="72">
        <v>304</v>
      </c>
      <c r="KE16" s="244"/>
      <c r="KF16" s="71">
        <v>140</v>
      </c>
      <c r="KG16" s="71">
        <v>84</v>
      </c>
      <c r="KH16" s="71">
        <v>80</v>
      </c>
      <c r="KI16" s="71">
        <v>97</v>
      </c>
      <c r="KJ16" s="71">
        <v>45</v>
      </c>
      <c r="KK16" s="72">
        <v>446</v>
      </c>
      <c r="KL16" s="73">
        <v>750</v>
      </c>
    </row>
    <row r="17" spans="1:298" ht="19.5" customHeight="1" x14ac:dyDescent="0.2">
      <c r="A17" s="126" t="s">
        <v>13</v>
      </c>
      <c r="B17" s="316">
        <v>39</v>
      </c>
      <c r="C17" s="82">
        <v>42</v>
      </c>
      <c r="D17" s="83">
        <v>81</v>
      </c>
      <c r="E17" s="241"/>
      <c r="F17" s="82">
        <v>55</v>
      </c>
      <c r="G17" s="82">
        <v>56</v>
      </c>
      <c r="H17" s="82">
        <v>46</v>
      </c>
      <c r="I17" s="82">
        <v>21</v>
      </c>
      <c r="J17" s="82">
        <v>19</v>
      </c>
      <c r="K17" s="84">
        <v>197</v>
      </c>
      <c r="L17" s="85">
        <v>278</v>
      </c>
      <c r="M17" s="70">
        <v>1</v>
      </c>
      <c r="N17" s="71">
        <v>0</v>
      </c>
      <c r="O17" s="72">
        <v>1</v>
      </c>
      <c r="P17" s="244"/>
      <c r="Q17" s="71">
        <v>2</v>
      </c>
      <c r="R17" s="71">
        <v>2</v>
      </c>
      <c r="S17" s="71">
        <v>0</v>
      </c>
      <c r="T17" s="71">
        <v>0</v>
      </c>
      <c r="U17" s="71">
        <v>0</v>
      </c>
      <c r="V17" s="72">
        <v>4</v>
      </c>
      <c r="W17" s="73">
        <v>5</v>
      </c>
      <c r="X17" s="70">
        <v>3</v>
      </c>
      <c r="Y17" s="71">
        <v>2</v>
      </c>
      <c r="Z17" s="72">
        <v>5</v>
      </c>
      <c r="AA17" s="244"/>
      <c r="AB17" s="71">
        <v>4</v>
      </c>
      <c r="AC17" s="71">
        <v>1</v>
      </c>
      <c r="AD17" s="71">
        <v>1</v>
      </c>
      <c r="AE17" s="71">
        <v>0</v>
      </c>
      <c r="AF17" s="71">
        <v>3</v>
      </c>
      <c r="AG17" s="72">
        <v>9</v>
      </c>
      <c r="AH17" s="73">
        <v>14</v>
      </c>
      <c r="AI17" s="70">
        <v>1</v>
      </c>
      <c r="AJ17" s="71">
        <v>2</v>
      </c>
      <c r="AK17" s="72">
        <v>3</v>
      </c>
      <c r="AL17" s="244"/>
      <c r="AM17" s="71">
        <v>4</v>
      </c>
      <c r="AN17" s="71">
        <v>7</v>
      </c>
      <c r="AO17" s="71">
        <v>5</v>
      </c>
      <c r="AP17" s="71">
        <v>4</v>
      </c>
      <c r="AQ17" s="71">
        <v>1</v>
      </c>
      <c r="AR17" s="72">
        <v>21</v>
      </c>
      <c r="AS17" s="73">
        <v>24</v>
      </c>
      <c r="AT17" s="70">
        <v>9</v>
      </c>
      <c r="AU17" s="71">
        <v>10</v>
      </c>
      <c r="AV17" s="72">
        <v>19</v>
      </c>
      <c r="AW17" s="244"/>
      <c r="AX17" s="71">
        <v>14</v>
      </c>
      <c r="AY17" s="71">
        <v>8</v>
      </c>
      <c r="AZ17" s="71">
        <v>11</v>
      </c>
      <c r="BA17" s="71">
        <v>4</v>
      </c>
      <c r="BB17" s="71">
        <v>3</v>
      </c>
      <c r="BC17" s="72">
        <v>40</v>
      </c>
      <c r="BD17" s="73">
        <v>59</v>
      </c>
      <c r="BE17" s="70">
        <v>15</v>
      </c>
      <c r="BF17" s="71">
        <v>15</v>
      </c>
      <c r="BG17" s="72">
        <v>30</v>
      </c>
      <c r="BH17" s="244"/>
      <c r="BI17" s="71">
        <v>14</v>
      </c>
      <c r="BJ17" s="71">
        <v>19</v>
      </c>
      <c r="BK17" s="71">
        <v>10</v>
      </c>
      <c r="BL17" s="71">
        <v>5</v>
      </c>
      <c r="BM17" s="71">
        <v>6</v>
      </c>
      <c r="BN17" s="72">
        <v>54</v>
      </c>
      <c r="BO17" s="73">
        <v>84</v>
      </c>
      <c r="BP17" s="70">
        <v>10</v>
      </c>
      <c r="BQ17" s="71">
        <v>13</v>
      </c>
      <c r="BR17" s="72">
        <v>23</v>
      </c>
      <c r="BS17" s="244"/>
      <c r="BT17" s="71">
        <v>17</v>
      </c>
      <c r="BU17" s="71">
        <v>19</v>
      </c>
      <c r="BV17" s="71">
        <v>19</v>
      </c>
      <c r="BW17" s="71">
        <v>8</v>
      </c>
      <c r="BX17" s="71">
        <v>6</v>
      </c>
      <c r="BY17" s="72">
        <v>69</v>
      </c>
      <c r="BZ17" s="73">
        <v>92</v>
      </c>
      <c r="CA17" s="70">
        <v>0</v>
      </c>
      <c r="CB17" s="71">
        <v>0</v>
      </c>
      <c r="CC17" s="72">
        <v>0</v>
      </c>
      <c r="CD17" s="244"/>
      <c r="CE17" s="71">
        <v>0</v>
      </c>
      <c r="CF17" s="71">
        <v>0</v>
      </c>
      <c r="CG17" s="71">
        <v>0</v>
      </c>
      <c r="CH17" s="71">
        <v>0</v>
      </c>
      <c r="CI17" s="71">
        <v>0</v>
      </c>
      <c r="CJ17" s="72">
        <v>0</v>
      </c>
      <c r="CK17" s="73">
        <v>0</v>
      </c>
      <c r="CL17" s="70">
        <v>39</v>
      </c>
      <c r="CM17" s="71">
        <v>42</v>
      </c>
      <c r="CN17" s="72">
        <v>81</v>
      </c>
      <c r="CO17" s="244"/>
      <c r="CP17" s="71">
        <v>55</v>
      </c>
      <c r="CQ17" s="71">
        <v>56</v>
      </c>
      <c r="CR17" s="71">
        <v>46</v>
      </c>
      <c r="CS17" s="71">
        <v>21</v>
      </c>
      <c r="CT17" s="71">
        <v>19</v>
      </c>
      <c r="CU17" s="72">
        <v>197</v>
      </c>
      <c r="CV17" s="73">
        <v>278</v>
      </c>
      <c r="CW17" s="123">
        <v>12</v>
      </c>
      <c r="CX17" s="82">
        <v>17</v>
      </c>
      <c r="CY17" s="83">
        <v>29</v>
      </c>
      <c r="CZ17" s="241"/>
      <c r="DA17" s="82">
        <v>25</v>
      </c>
      <c r="DB17" s="82">
        <v>17</v>
      </c>
      <c r="DC17" s="82">
        <v>13</v>
      </c>
      <c r="DD17" s="82">
        <v>14</v>
      </c>
      <c r="DE17" s="82">
        <v>15</v>
      </c>
      <c r="DF17" s="84">
        <v>84</v>
      </c>
      <c r="DG17" s="85">
        <v>113</v>
      </c>
      <c r="DH17" s="70">
        <v>0</v>
      </c>
      <c r="DI17" s="71">
        <v>0</v>
      </c>
      <c r="DJ17" s="72">
        <v>0</v>
      </c>
      <c r="DK17" s="244"/>
      <c r="DL17" s="71">
        <v>0</v>
      </c>
      <c r="DM17" s="71">
        <v>0</v>
      </c>
      <c r="DN17" s="71">
        <v>0</v>
      </c>
      <c r="DO17" s="71">
        <v>0</v>
      </c>
      <c r="DP17" s="71">
        <v>0</v>
      </c>
      <c r="DQ17" s="72">
        <v>0</v>
      </c>
      <c r="DR17" s="73">
        <v>0</v>
      </c>
      <c r="DS17" s="70">
        <v>1</v>
      </c>
      <c r="DT17" s="71">
        <v>1</v>
      </c>
      <c r="DU17" s="72">
        <v>2</v>
      </c>
      <c r="DV17" s="244"/>
      <c r="DW17" s="71">
        <v>3</v>
      </c>
      <c r="DX17" s="71">
        <v>0</v>
      </c>
      <c r="DY17" s="71">
        <v>3</v>
      </c>
      <c r="DZ17" s="71">
        <v>0</v>
      </c>
      <c r="EA17" s="71">
        <v>1</v>
      </c>
      <c r="EB17" s="72">
        <v>7</v>
      </c>
      <c r="EC17" s="73">
        <v>9</v>
      </c>
      <c r="ED17" s="70">
        <v>1</v>
      </c>
      <c r="EE17" s="71">
        <v>0</v>
      </c>
      <c r="EF17" s="72">
        <v>1</v>
      </c>
      <c r="EG17" s="244"/>
      <c r="EH17" s="71">
        <v>3</v>
      </c>
      <c r="EI17" s="71">
        <v>0</v>
      </c>
      <c r="EJ17" s="71">
        <v>2</v>
      </c>
      <c r="EK17" s="71">
        <v>1</v>
      </c>
      <c r="EL17" s="71">
        <v>0</v>
      </c>
      <c r="EM17" s="72">
        <v>6</v>
      </c>
      <c r="EN17" s="73">
        <v>7</v>
      </c>
      <c r="EO17" s="70">
        <v>3</v>
      </c>
      <c r="EP17" s="71">
        <v>4</v>
      </c>
      <c r="EQ17" s="72">
        <v>7</v>
      </c>
      <c r="ER17" s="244"/>
      <c r="ES17" s="71">
        <v>5</v>
      </c>
      <c r="ET17" s="71">
        <v>5</v>
      </c>
      <c r="EU17" s="71">
        <v>1</v>
      </c>
      <c r="EV17" s="71">
        <v>1</v>
      </c>
      <c r="EW17" s="71">
        <v>5</v>
      </c>
      <c r="EX17" s="72">
        <v>17</v>
      </c>
      <c r="EY17" s="73">
        <v>24</v>
      </c>
      <c r="EZ17" s="70">
        <v>4</v>
      </c>
      <c r="FA17" s="71">
        <v>5</v>
      </c>
      <c r="FB17" s="72">
        <v>9</v>
      </c>
      <c r="FC17" s="244"/>
      <c r="FD17" s="71">
        <v>9</v>
      </c>
      <c r="FE17" s="71">
        <v>6</v>
      </c>
      <c r="FF17" s="71">
        <v>3</v>
      </c>
      <c r="FG17" s="71">
        <v>4</v>
      </c>
      <c r="FH17" s="71">
        <v>0</v>
      </c>
      <c r="FI17" s="72">
        <v>22</v>
      </c>
      <c r="FJ17" s="73">
        <v>31</v>
      </c>
      <c r="FK17" s="70">
        <v>3</v>
      </c>
      <c r="FL17" s="71">
        <v>7</v>
      </c>
      <c r="FM17" s="72">
        <v>10</v>
      </c>
      <c r="FN17" s="244"/>
      <c r="FO17" s="71">
        <v>5</v>
      </c>
      <c r="FP17" s="71">
        <v>6</v>
      </c>
      <c r="FQ17" s="71">
        <v>4</v>
      </c>
      <c r="FR17" s="71">
        <v>8</v>
      </c>
      <c r="FS17" s="71">
        <v>9</v>
      </c>
      <c r="FT17" s="72">
        <v>32</v>
      </c>
      <c r="FU17" s="73">
        <v>42</v>
      </c>
      <c r="FV17" s="70">
        <v>0</v>
      </c>
      <c r="FW17" s="71">
        <v>0</v>
      </c>
      <c r="FX17" s="72">
        <v>0</v>
      </c>
      <c r="FY17" s="244"/>
      <c r="FZ17" s="71">
        <v>0</v>
      </c>
      <c r="GA17" s="71">
        <v>0</v>
      </c>
      <c r="GB17" s="71">
        <v>0</v>
      </c>
      <c r="GC17" s="71">
        <v>0</v>
      </c>
      <c r="GD17" s="71">
        <v>0</v>
      </c>
      <c r="GE17" s="72">
        <v>0</v>
      </c>
      <c r="GF17" s="73">
        <v>0</v>
      </c>
      <c r="GG17" s="70">
        <v>12</v>
      </c>
      <c r="GH17" s="71">
        <v>17</v>
      </c>
      <c r="GI17" s="72">
        <v>29</v>
      </c>
      <c r="GJ17" s="244"/>
      <c r="GK17" s="71">
        <v>25</v>
      </c>
      <c r="GL17" s="71">
        <v>17</v>
      </c>
      <c r="GM17" s="71">
        <v>13</v>
      </c>
      <c r="GN17" s="71">
        <v>14</v>
      </c>
      <c r="GO17" s="71">
        <v>15</v>
      </c>
      <c r="GP17" s="72">
        <v>84</v>
      </c>
      <c r="GQ17" s="73">
        <v>113</v>
      </c>
      <c r="GR17" s="123">
        <v>51</v>
      </c>
      <c r="GS17" s="82">
        <v>59</v>
      </c>
      <c r="GT17" s="83">
        <v>110</v>
      </c>
      <c r="GU17" s="241"/>
      <c r="GV17" s="82">
        <v>80</v>
      </c>
      <c r="GW17" s="82">
        <v>73</v>
      </c>
      <c r="GX17" s="82">
        <v>59</v>
      </c>
      <c r="GY17" s="82">
        <v>35</v>
      </c>
      <c r="GZ17" s="82">
        <v>34</v>
      </c>
      <c r="HA17" s="84">
        <v>281</v>
      </c>
      <c r="HB17" s="85">
        <v>391</v>
      </c>
      <c r="HC17" s="70">
        <v>1</v>
      </c>
      <c r="HD17" s="71">
        <v>0</v>
      </c>
      <c r="HE17" s="72">
        <v>1</v>
      </c>
      <c r="HF17" s="244"/>
      <c r="HG17" s="71">
        <v>2</v>
      </c>
      <c r="HH17" s="71">
        <v>2</v>
      </c>
      <c r="HI17" s="71">
        <v>0</v>
      </c>
      <c r="HJ17" s="71">
        <v>0</v>
      </c>
      <c r="HK17" s="71">
        <v>0</v>
      </c>
      <c r="HL17" s="72">
        <v>4</v>
      </c>
      <c r="HM17" s="73">
        <v>5</v>
      </c>
      <c r="HN17" s="70">
        <v>4</v>
      </c>
      <c r="HO17" s="71">
        <v>3</v>
      </c>
      <c r="HP17" s="72">
        <v>7</v>
      </c>
      <c r="HQ17" s="244"/>
      <c r="HR17" s="71">
        <v>7</v>
      </c>
      <c r="HS17" s="71">
        <v>1</v>
      </c>
      <c r="HT17" s="71">
        <v>4</v>
      </c>
      <c r="HU17" s="71">
        <v>0</v>
      </c>
      <c r="HV17" s="71">
        <v>4</v>
      </c>
      <c r="HW17" s="72">
        <v>16</v>
      </c>
      <c r="HX17" s="73">
        <v>23</v>
      </c>
      <c r="HY17" s="70">
        <v>2</v>
      </c>
      <c r="HZ17" s="71">
        <v>2</v>
      </c>
      <c r="IA17" s="72">
        <v>4</v>
      </c>
      <c r="IB17" s="244"/>
      <c r="IC17" s="71">
        <v>7</v>
      </c>
      <c r="ID17" s="71">
        <v>7</v>
      </c>
      <c r="IE17" s="71">
        <v>7</v>
      </c>
      <c r="IF17" s="71">
        <v>5</v>
      </c>
      <c r="IG17" s="71">
        <v>1</v>
      </c>
      <c r="IH17" s="72">
        <v>27</v>
      </c>
      <c r="II17" s="73">
        <v>31</v>
      </c>
      <c r="IJ17" s="70">
        <v>12</v>
      </c>
      <c r="IK17" s="71">
        <v>14</v>
      </c>
      <c r="IL17" s="72">
        <v>26</v>
      </c>
      <c r="IM17" s="244"/>
      <c r="IN17" s="71">
        <v>19</v>
      </c>
      <c r="IO17" s="71">
        <v>13</v>
      </c>
      <c r="IP17" s="71">
        <v>12</v>
      </c>
      <c r="IQ17" s="71">
        <v>5</v>
      </c>
      <c r="IR17" s="71">
        <v>8</v>
      </c>
      <c r="IS17" s="72">
        <v>57</v>
      </c>
      <c r="IT17" s="73">
        <v>83</v>
      </c>
      <c r="IU17" s="70">
        <v>19</v>
      </c>
      <c r="IV17" s="71">
        <v>20</v>
      </c>
      <c r="IW17" s="72">
        <v>39</v>
      </c>
      <c r="IX17" s="244"/>
      <c r="IY17" s="71">
        <v>23</v>
      </c>
      <c r="IZ17" s="71">
        <v>25</v>
      </c>
      <c r="JA17" s="71">
        <v>13</v>
      </c>
      <c r="JB17" s="71">
        <v>9</v>
      </c>
      <c r="JC17" s="71">
        <v>6</v>
      </c>
      <c r="JD17" s="72">
        <v>76</v>
      </c>
      <c r="JE17" s="73">
        <v>115</v>
      </c>
      <c r="JF17" s="70">
        <v>13</v>
      </c>
      <c r="JG17" s="71">
        <v>20</v>
      </c>
      <c r="JH17" s="72">
        <v>33</v>
      </c>
      <c r="JI17" s="244"/>
      <c r="JJ17" s="71">
        <v>22</v>
      </c>
      <c r="JK17" s="71">
        <v>25</v>
      </c>
      <c r="JL17" s="71">
        <v>23</v>
      </c>
      <c r="JM17" s="71">
        <v>16</v>
      </c>
      <c r="JN17" s="71">
        <v>15</v>
      </c>
      <c r="JO17" s="72">
        <v>101</v>
      </c>
      <c r="JP17" s="73">
        <v>134</v>
      </c>
      <c r="JQ17" s="70">
        <v>0</v>
      </c>
      <c r="JR17" s="71">
        <v>0</v>
      </c>
      <c r="JS17" s="72">
        <v>0</v>
      </c>
      <c r="JT17" s="244"/>
      <c r="JU17" s="71">
        <v>0</v>
      </c>
      <c r="JV17" s="71">
        <v>0</v>
      </c>
      <c r="JW17" s="71">
        <v>0</v>
      </c>
      <c r="JX17" s="71">
        <v>0</v>
      </c>
      <c r="JY17" s="71">
        <v>0</v>
      </c>
      <c r="JZ17" s="72">
        <v>0</v>
      </c>
      <c r="KA17" s="73">
        <v>0</v>
      </c>
      <c r="KB17" s="70">
        <v>51</v>
      </c>
      <c r="KC17" s="71">
        <v>59</v>
      </c>
      <c r="KD17" s="72">
        <v>110</v>
      </c>
      <c r="KE17" s="244"/>
      <c r="KF17" s="71">
        <v>80</v>
      </c>
      <c r="KG17" s="71">
        <v>73</v>
      </c>
      <c r="KH17" s="71">
        <v>59</v>
      </c>
      <c r="KI17" s="71">
        <v>35</v>
      </c>
      <c r="KJ17" s="71">
        <v>34</v>
      </c>
      <c r="KK17" s="72">
        <v>281</v>
      </c>
      <c r="KL17" s="73">
        <v>391</v>
      </c>
    </row>
    <row r="18" spans="1:298" ht="19.5" customHeight="1" x14ac:dyDescent="0.2">
      <c r="A18" s="126" t="s">
        <v>15</v>
      </c>
      <c r="B18" s="316">
        <v>7</v>
      </c>
      <c r="C18" s="82">
        <v>9</v>
      </c>
      <c r="D18" s="83">
        <v>16</v>
      </c>
      <c r="E18" s="241"/>
      <c r="F18" s="82">
        <v>19</v>
      </c>
      <c r="G18" s="82">
        <v>16</v>
      </c>
      <c r="H18" s="82">
        <v>7</v>
      </c>
      <c r="I18" s="82">
        <v>13</v>
      </c>
      <c r="J18" s="82">
        <v>8</v>
      </c>
      <c r="K18" s="84">
        <v>63</v>
      </c>
      <c r="L18" s="85">
        <v>79</v>
      </c>
      <c r="M18" s="70">
        <v>2</v>
      </c>
      <c r="N18" s="71">
        <v>2</v>
      </c>
      <c r="O18" s="72">
        <v>4</v>
      </c>
      <c r="P18" s="244"/>
      <c r="Q18" s="71">
        <v>1</v>
      </c>
      <c r="R18" s="71">
        <v>1</v>
      </c>
      <c r="S18" s="71">
        <v>1</v>
      </c>
      <c r="T18" s="71">
        <v>3</v>
      </c>
      <c r="U18" s="71">
        <v>0</v>
      </c>
      <c r="V18" s="72">
        <v>6</v>
      </c>
      <c r="W18" s="73">
        <v>10</v>
      </c>
      <c r="X18" s="70">
        <v>0</v>
      </c>
      <c r="Y18" s="71">
        <v>0</v>
      </c>
      <c r="Z18" s="72">
        <v>0</v>
      </c>
      <c r="AA18" s="244"/>
      <c r="AB18" s="71">
        <v>2</v>
      </c>
      <c r="AC18" s="71">
        <v>0</v>
      </c>
      <c r="AD18" s="71">
        <v>3</v>
      </c>
      <c r="AE18" s="71">
        <v>2</v>
      </c>
      <c r="AF18" s="71">
        <v>1</v>
      </c>
      <c r="AG18" s="72">
        <v>8</v>
      </c>
      <c r="AH18" s="73">
        <v>8</v>
      </c>
      <c r="AI18" s="70">
        <v>0</v>
      </c>
      <c r="AJ18" s="71">
        <v>2</v>
      </c>
      <c r="AK18" s="72">
        <v>2</v>
      </c>
      <c r="AL18" s="244"/>
      <c r="AM18" s="71">
        <v>4</v>
      </c>
      <c r="AN18" s="71">
        <v>1</v>
      </c>
      <c r="AO18" s="71">
        <v>0</v>
      </c>
      <c r="AP18" s="71">
        <v>1</v>
      </c>
      <c r="AQ18" s="71">
        <v>0</v>
      </c>
      <c r="AR18" s="72">
        <v>6</v>
      </c>
      <c r="AS18" s="73">
        <v>8</v>
      </c>
      <c r="AT18" s="70">
        <v>2</v>
      </c>
      <c r="AU18" s="71">
        <v>1</v>
      </c>
      <c r="AV18" s="72">
        <v>3</v>
      </c>
      <c r="AW18" s="244"/>
      <c r="AX18" s="71">
        <v>2</v>
      </c>
      <c r="AY18" s="71">
        <v>3</v>
      </c>
      <c r="AZ18" s="71">
        <v>2</v>
      </c>
      <c r="BA18" s="71">
        <v>2</v>
      </c>
      <c r="BB18" s="71">
        <v>3</v>
      </c>
      <c r="BC18" s="72">
        <v>12</v>
      </c>
      <c r="BD18" s="73">
        <v>15</v>
      </c>
      <c r="BE18" s="70">
        <v>1</v>
      </c>
      <c r="BF18" s="71">
        <v>3</v>
      </c>
      <c r="BG18" s="72">
        <v>4</v>
      </c>
      <c r="BH18" s="244"/>
      <c r="BI18" s="71">
        <v>6</v>
      </c>
      <c r="BJ18" s="71">
        <v>5</v>
      </c>
      <c r="BK18" s="71">
        <v>0</v>
      </c>
      <c r="BL18" s="71">
        <v>2</v>
      </c>
      <c r="BM18" s="71">
        <v>3</v>
      </c>
      <c r="BN18" s="72">
        <v>16</v>
      </c>
      <c r="BO18" s="73">
        <v>20</v>
      </c>
      <c r="BP18" s="70">
        <v>2</v>
      </c>
      <c r="BQ18" s="71">
        <v>1</v>
      </c>
      <c r="BR18" s="72">
        <v>3</v>
      </c>
      <c r="BS18" s="244"/>
      <c r="BT18" s="71">
        <v>4</v>
      </c>
      <c r="BU18" s="71">
        <v>6</v>
      </c>
      <c r="BV18" s="71">
        <v>1</v>
      </c>
      <c r="BW18" s="71">
        <v>3</v>
      </c>
      <c r="BX18" s="71">
        <v>1</v>
      </c>
      <c r="BY18" s="72">
        <v>15</v>
      </c>
      <c r="BZ18" s="73">
        <v>18</v>
      </c>
      <c r="CA18" s="70">
        <v>0</v>
      </c>
      <c r="CB18" s="71">
        <v>0</v>
      </c>
      <c r="CC18" s="72">
        <v>0</v>
      </c>
      <c r="CD18" s="244"/>
      <c r="CE18" s="71">
        <v>0</v>
      </c>
      <c r="CF18" s="71">
        <v>0</v>
      </c>
      <c r="CG18" s="71">
        <v>0</v>
      </c>
      <c r="CH18" s="71">
        <v>0</v>
      </c>
      <c r="CI18" s="71">
        <v>0</v>
      </c>
      <c r="CJ18" s="72">
        <v>0</v>
      </c>
      <c r="CK18" s="73">
        <v>0</v>
      </c>
      <c r="CL18" s="70">
        <v>7</v>
      </c>
      <c r="CM18" s="71">
        <v>9</v>
      </c>
      <c r="CN18" s="72">
        <v>16</v>
      </c>
      <c r="CO18" s="244"/>
      <c r="CP18" s="71">
        <v>19</v>
      </c>
      <c r="CQ18" s="71">
        <v>16</v>
      </c>
      <c r="CR18" s="71">
        <v>7</v>
      </c>
      <c r="CS18" s="71">
        <v>13</v>
      </c>
      <c r="CT18" s="71">
        <v>8</v>
      </c>
      <c r="CU18" s="72">
        <v>63</v>
      </c>
      <c r="CV18" s="73">
        <v>79</v>
      </c>
      <c r="CW18" s="123">
        <v>2</v>
      </c>
      <c r="CX18" s="82">
        <v>13</v>
      </c>
      <c r="CY18" s="83">
        <v>15</v>
      </c>
      <c r="CZ18" s="241"/>
      <c r="DA18" s="82">
        <v>11</v>
      </c>
      <c r="DB18" s="82">
        <v>7</v>
      </c>
      <c r="DC18" s="82">
        <v>6</v>
      </c>
      <c r="DD18" s="82">
        <v>4</v>
      </c>
      <c r="DE18" s="82">
        <v>1</v>
      </c>
      <c r="DF18" s="84">
        <v>29</v>
      </c>
      <c r="DG18" s="85">
        <v>44</v>
      </c>
      <c r="DH18" s="70">
        <v>0</v>
      </c>
      <c r="DI18" s="71">
        <v>0</v>
      </c>
      <c r="DJ18" s="72">
        <v>0</v>
      </c>
      <c r="DK18" s="244"/>
      <c r="DL18" s="71">
        <v>0</v>
      </c>
      <c r="DM18" s="71">
        <v>0</v>
      </c>
      <c r="DN18" s="71">
        <v>1</v>
      </c>
      <c r="DO18" s="71">
        <v>0</v>
      </c>
      <c r="DP18" s="71">
        <v>0</v>
      </c>
      <c r="DQ18" s="72">
        <v>1</v>
      </c>
      <c r="DR18" s="73">
        <v>1</v>
      </c>
      <c r="DS18" s="70">
        <v>0</v>
      </c>
      <c r="DT18" s="71">
        <v>2</v>
      </c>
      <c r="DU18" s="72">
        <v>2</v>
      </c>
      <c r="DV18" s="244"/>
      <c r="DW18" s="71">
        <v>1</v>
      </c>
      <c r="DX18" s="71">
        <v>0</v>
      </c>
      <c r="DY18" s="71">
        <v>0</v>
      </c>
      <c r="DZ18" s="71">
        <v>0</v>
      </c>
      <c r="EA18" s="71">
        <v>0</v>
      </c>
      <c r="EB18" s="72">
        <v>1</v>
      </c>
      <c r="EC18" s="73">
        <v>3</v>
      </c>
      <c r="ED18" s="70">
        <v>0</v>
      </c>
      <c r="EE18" s="71">
        <v>3</v>
      </c>
      <c r="EF18" s="72">
        <v>3</v>
      </c>
      <c r="EG18" s="244"/>
      <c r="EH18" s="71">
        <v>2</v>
      </c>
      <c r="EI18" s="71">
        <v>1</v>
      </c>
      <c r="EJ18" s="71">
        <v>2</v>
      </c>
      <c r="EK18" s="71">
        <v>0</v>
      </c>
      <c r="EL18" s="71">
        <v>1</v>
      </c>
      <c r="EM18" s="72">
        <v>6</v>
      </c>
      <c r="EN18" s="73">
        <v>9</v>
      </c>
      <c r="EO18" s="70">
        <v>0</v>
      </c>
      <c r="EP18" s="71">
        <v>5</v>
      </c>
      <c r="EQ18" s="72">
        <v>5</v>
      </c>
      <c r="ER18" s="244"/>
      <c r="ES18" s="71">
        <v>2</v>
      </c>
      <c r="ET18" s="71">
        <v>1</v>
      </c>
      <c r="EU18" s="71">
        <v>0</v>
      </c>
      <c r="EV18" s="71">
        <v>0</v>
      </c>
      <c r="EW18" s="71">
        <v>0</v>
      </c>
      <c r="EX18" s="72">
        <v>3</v>
      </c>
      <c r="EY18" s="73">
        <v>8</v>
      </c>
      <c r="EZ18" s="70">
        <v>0</v>
      </c>
      <c r="FA18" s="71">
        <v>1</v>
      </c>
      <c r="FB18" s="72">
        <v>1</v>
      </c>
      <c r="FC18" s="244"/>
      <c r="FD18" s="71">
        <v>5</v>
      </c>
      <c r="FE18" s="71">
        <v>1</v>
      </c>
      <c r="FF18" s="71">
        <v>0</v>
      </c>
      <c r="FG18" s="71">
        <v>0</v>
      </c>
      <c r="FH18" s="71">
        <v>0</v>
      </c>
      <c r="FI18" s="72">
        <v>6</v>
      </c>
      <c r="FJ18" s="73">
        <v>7</v>
      </c>
      <c r="FK18" s="70">
        <v>2</v>
      </c>
      <c r="FL18" s="71">
        <v>2</v>
      </c>
      <c r="FM18" s="72">
        <v>4</v>
      </c>
      <c r="FN18" s="244"/>
      <c r="FO18" s="71">
        <v>1</v>
      </c>
      <c r="FP18" s="71">
        <v>4</v>
      </c>
      <c r="FQ18" s="71">
        <v>3</v>
      </c>
      <c r="FR18" s="71">
        <v>4</v>
      </c>
      <c r="FS18" s="71">
        <v>0</v>
      </c>
      <c r="FT18" s="72">
        <v>12</v>
      </c>
      <c r="FU18" s="73">
        <v>16</v>
      </c>
      <c r="FV18" s="70">
        <v>0</v>
      </c>
      <c r="FW18" s="71">
        <v>0</v>
      </c>
      <c r="FX18" s="72">
        <v>0</v>
      </c>
      <c r="FY18" s="244"/>
      <c r="FZ18" s="71">
        <v>0</v>
      </c>
      <c r="GA18" s="71">
        <v>0</v>
      </c>
      <c r="GB18" s="71">
        <v>0</v>
      </c>
      <c r="GC18" s="71">
        <v>0</v>
      </c>
      <c r="GD18" s="71">
        <v>0</v>
      </c>
      <c r="GE18" s="72">
        <v>0</v>
      </c>
      <c r="GF18" s="73">
        <v>0</v>
      </c>
      <c r="GG18" s="70">
        <v>2</v>
      </c>
      <c r="GH18" s="71">
        <v>13</v>
      </c>
      <c r="GI18" s="72">
        <v>15</v>
      </c>
      <c r="GJ18" s="244"/>
      <c r="GK18" s="71">
        <v>11</v>
      </c>
      <c r="GL18" s="71">
        <v>7</v>
      </c>
      <c r="GM18" s="71">
        <v>6</v>
      </c>
      <c r="GN18" s="71">
        <v>4</v>
      </c>
      <c r="GO18" s="71">
        <v>1</v>
      </c>
      <c r="GP18" s="72">
        <v>29</v>
      </c>
      <c r="GQ18" s="73">
        <v>44</v>
      </c>
      <c r="GR18" s="123">
        <v>9</v>
      </c>
      <c r="GS18" s="82">
        <v>22</v>
      </c>
      <c r="GT18" s="83">
        <v>31</v>
      </c>
      <c r="GU18" s="241"/>
      <c r="GV18" s="82">
        <v>30</v>
      </c>
      <c r="GW18" s="82">
        <v>23</v>
      </c>
      <c r="GX18" s="82">
        <v>13</v>
      </c>
      <c r="GY18" s="82">
        <v>17</v>
      </c>
      <c r="GZ18" s="82">
        <v>9</v>
      </c>
      <c r="HA18" s="84">
        <v>92</v>
      </c>
      <c r="HB18" s="85">
        <v>123</v>
      </c>
      <c r="HC18" s="70">
        <v>2</v>
      </c>
      <c r="HD18" s="71">
        <v>2</v>
      </c>
      <c r="HE18" s="72">
        <v>4</v>
      </c>
      <c r="HF18" s="244"/>
      <c r="HG18" s="71">
        <v>1</v>
      </c>
      <c r="HH18" s="71">
        <v>1</v>
      </c>
      <c r="HI18" s="71">
        <v>2</v>
      </c>
      <c r="HJ18" s="71">
        <v>3</v>
      </c>
      <c r="HK18" s="71">
        <v>0</v>
      </c>
      <c r="HL18" s="72">
        <v>7</v>
      </c>
      <c r="HM18" s="73">
        <v>11</v>
      </c>
      <c r="HN18" s="70">
        <v>0</v>
      </c>
      <c r="HO18" s="71">
        <v>2</v>
      </c>
      <c r="HP18" s="72">
        <v>2</v>
      </c>
      <c r="HQ18" s="244"/>
      <c r="HR18" s="71">
        <v>3</v>
      </c>
      <c r="HS18" s="71">
        <v>0</v>
      </c>
      <c r="HT18" s="71">
        <v>3</v>
      </c>
      <c r="HU18" s="71">
        <v>2</v>
      </c>
      <c r="HV18" s="71">
        <v>1</v>
      </c>
      <c r="HW18" s="72">
        <v>9</v>
      </c>
      <c r="HX18" s="73">
        <v>11</v>
      </c>
      <c r="HY18" s="70">
        <v>0</v>
      </c>
      <c r="HZ18" s="71">
        <v>5</v>
      </c>
      <c r="IA18" s="72">
        <v>5</v>
      </c>
      <c r="IB18" s="244"/>
      <c r="IC18" s="71">
        <v>6</v>
      </c>
      <c r="ID18" s="71">
        <v>2</v>
      </c>
      <c r="IE18" s="71">
        <v>2</v>
      </c>
      <c r="IF18" s="71">
        <v>1</v>
      </c>
      <c r="IG18" s="71">
        <v>1</v>
      </c>
      <c r="IH18" s="72">
        <v>12</v>
      </c>
      <c r="II18" s="73">
        <v>17</v>
      </c>
      <c r="IJ18" s="70">
        <v>2</v>
      </c>
      <c r="IK18" s="71">
        <v>6</v>
      </c>
      <c r="IL18" s="72">
        <v>8</v>
      </c>
      <c r="IM18" s="244"/>
      <c r="IN18" s="71">
        <v>4</v>
      </c>
      <c r="IO18" s="71">
        <v>4</v>
      </c>
      <c r="IP18" s="71">
        <v>2</v>
      </c>
      <c r="IQ18" s="71">
        <v>2</v>
      </c>
      <c r="IR18" s="71">
        <v>3</v>
      </c>
      <c r="IS18" s="72">
        <v>15</v>
      </c>
      <c r="IT18" s="73">
        <v>23</v>
      </c>
      <c r="IU18" s="70">
        <v>1</v>
      </c>
      <c r="IV18" s="71">
        <v>4</v>
      </c>
      <c r="IW18" s="72">
        <v>5</v>
      </c>
      <c r="IX18" s="244"/>
      <c r="IY18" s="71">
        <v>11</v>
      </c>
      <c r="IZ18" s="71">
        <v>6</v>
      </c>
      <c r="JA18" s="71">
        <v>0</v>
      </c>
      <c r="JB18" s="71">
        <v>2</v>
      </c>
      <c r="JC18" s="71">
        <v>3</v>
      </c>
      <c r="JD18" s="72">
        <v>22</v>
      </c>
      <c r="JE18" s="73">
        <v>27</v>
      </c>
      <c r="JF18" s="70">
        <v>4</v>
      </c>
      <c r="JG18" s="71">
        <v>3</v>
      </c>
      <c r="JH18" s="72">
        <v>7</v>
      </c>
      <c r="JI18" s="244"/>
      <c r="JJ18" s="71">
        <v>5</v>
      </c>
      <c r="JK18" s="71">
        <v>10</v>
      </c>
      <c r="JL18" s="71">
        <v>4</v>
      </c>
      <c r="JM18" s="71">
        <v>7</v>
      </c>
      <c r="JN18" s="71">
        <v>1</v>
      </c>
      <c r="JO18" s="72">
        <v>27</v>
      </c>
      <c r="JP18" s="73">
        <v>34</v>
      </c>
      <c r="JQ18" s="70">
        <v>0</v>
      </c>
      <c r="JR18" s="71">
        <v>0</v>
      </c>
      <c r="JS18" s="72">
        <v>0</v>
      </c>
      <c r="JT18" s="244"/>
      <c r="JU18" s="71">
        <v>0</v>
      </c>
      <c r="JV18" s="71">
        <v>0</v>
      </c>
      <c r="JW18" s="71">
        <v>0</v>
      </c>
      <c r="JX18" s="71">
        <v>0</v>
      </c>
      <c r="JY18" s="71">
        <v>0</v>
      </c>
      <c r="JZ18" s="72">
        <v>0</v>
      </c>
      <c r="KA18" s="73">
        <v>0</v>
      </c>
      <c r="KB18" s="70">
        <v>9</v>
      </c>
      <c r="KC18" s="71">
        <v>22</v>
      </c>
      <c r="KD18" s="72">
        <v>31</v>
      </c>
      <c r="KE18" s="244"/>
      <c r="KF18" s="71">
        <v>30</v>
      </c>
      <c r="KG18" s="71">
        <v>23</v>
      </c>
      <c r="KH18" s="71">
        <v>13</v>
      </c>
      <c r="KI18" s="71">
        <v>17</v>
      </c>
      <c r="KJ18" s="71">
        <v>9</v>
      </c>
      <c r="KK18" s="72">
        <v>92</v>
      </c>
      <c r="KL18" s="73">
        <v>123</v>
      </c>
    </row>
    <row r="19" spans="1:298" ht="19.5" customHeight="1" x14ac:dyDescent="0.2">
      <c r="A19" s="126" t="s">
        <v>16</v>
      </c>
      <c r="B19" s="316">
        <v>26</v>
      </c>
      <c r="C19" s="82">
        <v>36</v>
      </c>
      <c r="D19" s="83">
        <v>62</v>
      </c>
      <c r="E19" s="241"/>
      <c r="F19" s="82">
        <v>51</v>
      </c>
      <c r="G19" s="82">
        <v>59</v>
      </c>
      <c r="H19" s="82">
        <v>38</v>
      </c>
      <c r="I19" s="82">
        <v>28</v>
      </c>
      <c r="J19" s="82">
        <v>18</v>
      </c>
      <c r="K19" s="84">
        <v>194</v>
      </c>
      <c r="L19" s="85">
        <v>256</v>
      </c>
      <c r="M19" s="70">
        <v>0</v>
      </c>
      <c r="N19" s="71">
        <v>2</v>
      </c>
      <c r="O19" s="72">
        <v>2</v>
      </c>
      <c r="P19" s="244"/>
      <c r="Q19" s="71">
        <v>0</v>
      </c>
      <c r="R19" s="71">
        <v>2</v>
      </c>
      <c r="S19" s="71">
        <v>0</v>
      </c>
      <c r="T19" s="71">
        <v>0</v>
      </c>
      <c r="U19" s="71">
        <v>2</v>
      </c>
      <c r="V19" s="72">
        <v>4</v>
      </c>
      <c r="W19" s="73">
        <v>6</v>
      </c>
      <c r="X19" s="70">
        <v>4</v>
      </c>
      <c r="Y19" s="71">
        <v>5</v>
      </c>
      <c r="Z19" s="72">
        <v>9</v>
      </c>
      <c r="AA19" s="244"/>
      <c r="AB19" s="71">
        <v>5</v>
      </c>
      <c r="AC19" s="71">
        <v>9</v>
      </c>
      <c r="AD19" s="71">
        <v>7</v>
      </c>
      <c r="AE19" s="71">
        <v>4</v>
      </c>
      <c r="AF19" s="71">
        <v>1</v>
      </c>
      <c r="AG19" s="72">
        <v>26</v>
      </c>
      <c r="AH19" s="73">
        <v>35</v>
      </c>
      <c r="AI19" s="70">
        <v>4</v>
      </c>
      <c r="AJ19" s="71">
        <v>5</v>
      </c>
      <c r="AK19" s="72">
        <v>9</v>
      </c>
      <c r="AL19" s="244"/>
      <c r="AM19" s="71">
        <v>8</v>
      </c>
      <c r="AN19" s="71">
        <v>7</v>
      </c>
      <c r="AO19" s="71">
        <v>2</v>
      </c>
      <c r="AP19" s="71">
        <v>5</v>
      </c>
      <c r="AQ19" s="71">
        <v>4</v>
      </c>
      <c r="AR19" s="72">
        <v>26</v>
      </c>
      <c r="AS19" s="73">
        <v>35</v>
      </c>
      <c r="AT19" s="70">
        <v>7</v>
      </c>
      <c r="AU19" s="71">
        <v>6</v>
      </c>
      <c r="AV19" s="72">
        <v>13</v>
      </c>
      <c r="AW19" s="244"/>
      <c r="AX19" s="71">
        <v>13</v>
      </c>
      <c r="AY19" s="71">
        <v>16</v>
      </c>
      <c r="AZ19" s="71">
        <v>12</v>
      </c>
      <c r="BA19" s="71">
        <v>3</v>
      </c>
      <c r="BB19" s="71">
        <v>7</v>
      </c>
      <c r="BC19" s="72">
        <v>51</v>
      </c>
      <c r="BD19" s="73">
        <v>64</v>
      </c>
      <c r="BE19" s="70">
        <v>7</v>
      </c>
      <c r="BF19" s="71">
        <v>13</v>
      </c>
      <c r="BG19" s="72">
        <v>20</v>
      </c>
      <c r="BH19" s="244"/>
      <c r="BI19" s="71">
        <v>9</v>
      </c>
      <c r="BJ19" s="71">
        <v>12</v>
      </c>
      <c r="BK19" s="71">
        <v>8</v>
      </c>
      <c r="BL19" s="71">
        <v>4</v>
      </c>
      <c r="BM19" s="71">
        <v>3</v>
      </c>
      <c r="BN19" s="72">
        <v>36</v>
      </c>
      <c r="BO19" s="73">
        <v>56</v>
      </c>
      <c r="BP19" s="70">
        <v>4</v>
      </c>
      <c r="BQ19" s="71">
        <v>5</v>
      </c>
      <c r="BR19" s="72">
        <v>9</v>
      </c>
      <c r="BS19" s="244"/>
      <c r="BT19" s="71">
        <v>16</v>
      </c>
      <c r="BU19" s="71">
        <v>13</v>
      </c>
      <c r="BV19" s="71">
        <v>9</v>
      </c>
      <c r="BW19" s="71">
        <v>12</v>
      </c>
      <c r="BX19" s="71">
        <v>1</v>
      </c>
      <c r="BY19" s="72">
        <v>51</v>
      </c>
      <c r="BZ19" s="73">
        <v>60</v>
      </c>
      <c r="CA19" s="70">
        <v>0</v>
      </c>
      <c r="CB19" s="71">
        <v>0</v>
      </c>
      <c r="CC19" s="72">
        <v>0</v>
      </c>
      <c r="CD19" s="244"/>
      <c r="CE19" s="71">
        <v>0</v>
      </c>
      <c r="CF19" s="71">
        <v>0</v>
      </c>
      <c r="CG19" s="71">
        <v>0</v>
      </c>
      <c r="CH19" s="71">
        <v>0</v>
      </c>
      <c r="CI19" s="71">
        <v>0</v>
      </c>
      <c r="CJ19" s="72">
        <v>0</v>
      </c>
      <c r="CK19" s="73">
        <v>0</v>
      </c>
      <c r="CL19" s="70">
        <v>26</v>
      </c>
      <c r="CM19" s="71">
        <v>36</v>
      </c>
      <c r="CN19" s="72">
        <v>62</v>
      </c>
      <c r="CO19" s="244"/>
      <c r="CP19" s="71">
        <v>51</v>
      </c>
      <c r="CQ19" s="71">
        <v>59</v>
      </c>
      <c r="CR19" s="71">
        <v>38</v>
      </c>
      <c r="CS19" s="71">
        <v>28</v>
      </c>
      <c r="CT19" s="71">
        <v>18</v>
      </c>
      <c r="CU19" s="72">
        <v>194</v>
      </c>
      <c r="CV19" s="73">
        <v>256</v>
      </c>
      <c r="CW19" s="123">
        <v>13</v>
      </c>
      <c r="CX19" s="82">
        <v>12</v>
      </c>
      <c r="CY19" s="83">
        <v>25</v>
      </c>
      <c r="CZ19" s="241"/>
      <c r="DA19" s="82">
        <v>17</v>
      </c>
      <c r="DB19" s="82">
        <v>27</v>
      </c>
      <c r="DC19" s="82">
        <v>13</v>
      </c>
      <c r="DD19" s="82">
        <v>18</v>
      </c>
      <c r="DE19" s="82">
        <v>10</v>
      </c>
      <c r="DF19" s="84">
        <v>85</v>
      </c>
      <c r="DG19" s="85">
        <v>110</v>
      </c>
      <c r="DH19" s="70">
        <v>0</v>
      </c>
      <c r="DI19" s="71">
        <v>0</v>
      </c>
      <c r="DJ19" s="72">
        <v>0</v>
      </c>
      <c r="DK19" s="244"/>
      <c r="DL19" s="71">
        <v>0</v>
      </c>
      <c r="DM19" s="71">
        <v>0</v>
      </c>
      <c r="DN19" s="71">
        <v>0</v>
      </c>
      <c r="DO19" s="71">
        <v>1</v>
      </c>
      <c r="DP19" s="71">
        <v>0</v>
      </c>
      <c r="DQ19" s="72">
        <v>1</v>
      </c>
      <c r="DR19" s="73">
        <v>1</v>
      </c>
      <c r="DS19" s="70">
        <v>2</v>
      </c>
      <c r="DT19" s="71">
        <v>2</v>
      </c>
      <c r="DU19" s="72">
        <v>4</v>
      </c>
      <c r="DV19" s="244"/>
      <c r="DW19" s="71">
        <v>0</v>
      </c>
      <c r="DX19" s="71">
        <v>5</v>
      </c>
      <c r="DY19" s="71">
        <v>0</v>
      </c>
      <c r="DZ19" s="71">
        <v>1</v>
      </c>
      <c r="EA19" s="71">
        <v>0</v>
      </c>
      <c r="EB19" s="72">
        <v>6</v>
      </c>
      <c r="EC19" s="73">
        <v>10</v>
      </c>
      <c r="ED19" s="70">
        <v>3</v>
      </c>
      <c r="EE19" s="71">
        <v>1</v>
      </c>
      <c r="EF19" s="72">
        <v>4</v>
      </c>
      <c r="EG19" s="244"/>
      <c r="EH19" s="71">
        <v>1</v>
      </c>
      <c r="EI19" s="71">
        <v>2</v>
      </c>
      <c r="EJ19" s="71">
        <v>0</v>
      </c>
      <c r="EK19" s="71">
        <v>3</v>
      </c>
      <c r="EL19" s="71">
        <v>0</v>
      </c>
      <c r="EM19" s="72">
        <v>6</v>
      </c>
      <c r="EN19" s="73">
        <v>10</v>
      </c>
      <c r="EO19" s="70">
        <v>5</v>
      </c>
      <c r="EP19" s="71">
        <v>2</v>
      </c>
      <c r="EQ19" s="72">
        <v>7</v>
      </c>
      <c r="ER19" s="244"/>
      <c r="ES19" s="71">
        <v>4</v>
      </c>
      <c r="ET19" s="71">
        <v>7</v>
      </c>
      <c r="EU19" s="71">
        <v>1</v>
      </c>
      <c r="EV19" s="71">
        <v>0</v>
      </c>
      <c r="EW19" s="71">
        <v>1</v>
      </c>
      <c r="EX19" s="72">
        <v>13</v>
      </c>
      <c r="EY19" s="73">
        <v>20</v>
      </c>
      <c r="EZ19" s="70">
        <v>2</v>
      </c>
      <c r="FA19" s="71">
        <v>6</v>
      </c>
      <c r="FB19" s="72">
        <v>8</v>
      </c>
      <c r="FC19" s="244"/>
      <c r="FD19" s="71">
        <v>7</v>
      </c>
      <c r="FE19" s="71">
        <v>6</v>
      </c>
      <c r="FF19" s="71">
        <v>4</v>
      </c>
      <c r="FG19" s="71">
        <v>3</v>
      </c>
      <c r="FH19" s="71">
        <v>4</v>
      </c>
      <c r="FI19" s="72">
        <v>24</v>
      </c>
      <c r="FJ19" s="73">
        <v>32</v>
      </c>
      <c r="FK19" s="70">
        <v>1</v>
      </c>
      <c r="FL19" s="71">
        <v>1</v>
      </c>
      <c r="FM19" s="72">
        <v>2</v>
      </c>
      <c r="FN19" s="244"/>
      <c r="FO19" s="71">
        <v>5</v>
      </c>
      <c r="FP19" s="71">
        <v>7</v>
      </c>
      <c r="FQ19" s="71">
        <v>8</v>
      </c>
      <c r="FR19" s="71">
        <v>10</v>
      </c>
      <c r="FS19" s="71">
        <v>5</v>
      </c>
      <c r="FT19" s="72">
        <v>35</v>
      </c>
      <c r="FU19" s="73">
        <v>37</v>
      </c>
      <c r="FV19" s="70">
        <v>0</v>
      </c>
      <c r="FW19" s="71">
        <v>0</v>
      </c>
      <c r="FX19" s="72">
        <v>0</v>
      </c>
      <c r="FY19" s="244"/>
      <c r="FZ19" s="71">
        <v>0</v>
      </c>
      <c r="GA19" s="71">
        <v>0</v>
      </c>
      <c r="GB19" s="71">
        <v>0</v>
      </c>
      <c r="GC19" s="71">
        <v>0</v>
      </c>
      <c r="GD19" s="71">
        <v>0</v>
      </c>
      <c r="GE19" s="72">
        <v>0</v>
      </c>
      <c r="GF19" s="73">
        <v>0</v>
      </c>
      <c r="GG19" s="70">
        <v>13</v>
      </c>
      <c r="GH19" s="71">
        <v>12</v>
      </c>
      <c r="GI19" s="72">
        <v>25</v>
      </c>
      <c r="GJ19" s="244"/>
      <c r="GK19" s="71">
        <v>17</v>
      </c>
      <c r="GL19" s="71">
        <v>27</v>
      </c>
      <c r="GM19" s="71">
        <v>13</v>
      </c>
      <c r="GN19" s="71">
        <v>18</v>
      </c>
      <c r="GO19" s="71">
        <v>10</v>
      </c>
      <c r="GP19" s="72">
        <v>85</v>
      </c>
      <c r="GQ19" s="73">
        <v>110</v>
      </c>
      <c r="GR19" s="123">
        <v>39</v>
      </c>
      <c r="GS19" s="82">
        <v>48</v>
      </c>
      <c r="GT19" s="83">
        <v>87</v>
      </c>
      <c r="GU19" s="241"/>
      <c r="GV19" s="82">
        <v>68</v>
      </c>
      <c r="GW19" s="82">
        <v>86</v>
      </c>
      <c r="GX19" s="82">
        <v>51</v>
      </c>
      <c r="GY19" s="82">
        <v>46</v>
      </c>
      <c r="GZ19" s="82">
        <v>28</v>
      </c>
      <c r="HA19" s="84">
        <v>279</v>
      </c>
      <c r="HB19" s="85">
        <v>366</v>
      </c>
      <c r="HC19" s="70">
        <v>0</v>
      </c>
      <c r="HD19" s="71">
        <v>2</v>
      </c>
      <c r="HE19" s="72">
        <v>2</v>
      </c>
      <c r="HF19" s="244"/>
      <c r="HG19" s="71">
        <v>0</v>
      </c>
      <c r="HH19" s="71">
        <v>2</v>
      </c>
      <c r="HI19" s="71">
        <v>0</v>
      </c>
      <c r="HJ19" s="71">
        <v>1</v>
      </c>
      <c r="HK19" s="71">
        <v>2</v>
      </c>
      <c r="HL19" s="72">
        <v>5</v>
      </c>
      <c r="HM19" s="73">
        <v>7</v>
      </c>
      <c r="HN19" s="70">
        <v>6</v>
      </c>
      <c r="HO19" s="71">
        <v>7</v>
      </c>
      <c r="HP19" s="72">
        <v>13</v>
      </c>
      <c r="HQ19" s="244"/>
      <c r="HR19" s="71">
        <v>5</v>
      </c>
      <c r="HS19" s="71">
        <v>14</v>
      </c>
      <c r="HT19" s="71">
        <v>7</v>
      </c>
      <c r="HU19" s="71">
        <v>5</v>
      </c>
      <c r="HV19" s="71">
        <v>1</v>
      </c>
      <c r="HW19" s="72">
        <v>32</v>
      </c>
      <c r="HX19" s="73">
        <v>45</v>
      </c>
      <c r="HY19" s="70">
        <v>7</v>
      </c>
      <c r="HZ19" s="71">
        <v>6</v>
      </c>
      <c r="IA19" s="72">
        <v>13</v>
      </c>
      <c r="IB19" s="244"/>
      <c r="IC19" s="71">
        <v>9</v>
      </c>
      <c r="ID19" s="71">
        <v>9</v>
      </c>
      <c r="IE19" s="71">
        <v>2</v>
      </c>
      <c r="IF19" s="71">
        <v>8</v>
      </c>
      <c r="IG19" s="71">
        <v>4</v>
      </c>
      <c r="IH19" s="72">
        <v>32</v>
      </c>
      <c r="II19" s="73">
        <v>45</v>
      </c>
      <c r="IJ19" s="70">
        <v>12</v>
      </c>
      <c r="IK19" s="71">
        <v>8</v>
      </c>
      <c r="IL19" s="72">
        <v>20</v>
      </c>
      <c r="IM19" s="244"/>
      <c r="IN19" s="71">
        <v>17</v>
      </c>
      <c r="IO19" s="71">
        <v>23</v>
      </c>
      <c r="IP19" s="71">
        <v>13</v>
      </c>
      <c r="IQ19" s="71">
        <v>3</v>
      </c>
      <c r="IR19" s="71">
        <v>8</v>
      </c>
      <c r="IS19" s="72">
        <v>64</v>
      </c>
      <c r="IT19" s="73">
        <v>84</v>
      </c>
      <c r="IU19" s="70">
        <v>9</v>
      </c>
      <c r="IV19" s="71">
        <v>19</v>
      </c>
      <c r="IW19" s="72">
        <v>28</v>
      </c>
      <c r="IX19" s="244"/>
      <c r="IY19" s="71">
        <v>16</v>
      </c>
      <c r="IZ19" s="71">
        <v>18</v>
      </c>
      <c r="JA19" s="71">
        <v>12</v>
      </c>
      <c r="JB19" s="71">
        <v>7</v>
      </c>
      <c r="JC19" s="71">
        <v>7</v>
      </c>
      <c r="JD19" s="72">
        <v>60</v>
      </c>
      <c r="JE19" s="73">
        <v>88</v>
      </c>
      <c r="JF19" s="70">
        <v>5</v>
      </c>
      <c r="JG19" s="71">
        <v>6</v>
      </c>
      <c r="JH19" s="72">
        <v>11</v>
      </c>
      <c r="JI19" s="244"/>
      <c r="JJ19" s="71">
        <v>21</v>
      </c>
      <c r="JK19" s="71">
        <v>20</v>
      </c>
      <c r="JL19" s="71">
        <v>17</v>
      </c>
      <c r="JM19" s="71">
        <v>22</v>
      </c>
      <c r="JN19" s="71">
        <v>6</v>
      </c>
      <c r="JO19" s="72">
        <v>86</v>
      </c>
      <c r="JP19" s="73">
        <v>97</v>
      </c>
      <c r="JQ19" s="70">
        <v>0</v>
      </c>
      <c r="JR19" s="71">
        <v>0</v>
      </c>
      <c r="JS19" s="72">
        <v>0</v>
      </c>
      <c r="JT19" s="244"/>
      <c r="JU19" s="71">
        <v>0</v>
      </c>
      <c r="JV19" s="71">
        <v>0</v>
      </c>
      <c r="JW19" s="71">
        <v>0</v>
      </c>
      <c r="JX19" s="71">
        <v>0</v>
      </c>
      <c r="JY19" s="71">
        <v>0</v>
      </c>
      <c r="JZ19" s="72">
        <v>0</v>
      </c>
      <c r="KA19" s="73">
        <v>0</v>
      </c>
      <c r="KB19" s="70">
        <v>39</v>
      </c>
      <c r="KC19" s="71">
        <v>48</v>
      </c>
      <c r="KD19" s="72">
        <v>87</v>
      </c>
      <c r="KE19" s="244"/>
      <c r="KF19" s="71">
        <v>68</v>
      </c>
      <c r="KG19" s="71">
        <v>86</v>
      </c>
      <c r="KH19" s="71">
        <v>51</v>
      </c>
      <c r="KI19" s="71">
        <v>46</v>
      </c>
      <c r="KJ19" s="71">
        <v>28</v>
      </c>
      <c r="KK19" s="72">
        <v>279</v>
      </c>
      <c r="KL19" s="73">
        <v>366</v>
      </c>
    </row>
    <row r="20" spans="1:298" ht="19.5" customHeight="1" x14ac:dyDescent="0.2">
      <c r="A20" s="126" t="s">
        <v>17</v>
      </c>
      <c r="B20" s="316">
        <v>45</v>
      </c>
      <c r="C20" s="82">
        <v>47</v>
      </c>
      <c r="D20" s="83">
        <v>92</v>
      </c>
      <c r="E20" s="241"/>
      <c r="F20" s="82">
        <v>69</v>
      </c>
      <c r="G20" s="82">
        <v>87</v>
      </c>
      <c r="H20" s="82">
        <v>57</v>
      </c>
      <c r="I20" s="82">
        <v>38</v>
      </c>
      <c r="J20" s="82">
        <v>22</v>
      </c>
      <c r="K20" s="84">
        <v>273</v>
      </c>
      <c r="L20" s="85">
        <v>365</v>
      </c>
      <c r="M20" s="70">
        <v>3</v>
      </c>
      <c r="N20" s="71">
        <v>3</v>
      </c>
      <c r="O20" s="72">
        <v>6</v>
      </c>
      <c r="P20" s="244"/>
      <c r="Q20" s="71">
        <v>2</v>
      </c>
      <c r="R20" s="71">
        <v>7</v>
      </c>
      <c r="S20" s="71">
        <v>4</v>
      </c>
      <c r="T20" s="71">
        <v>3</v>
      </c>
      <c r="U20" s="71">
        <v>1</v>
      </c>
      <c r="V20" s="72">
        <v>17</v>
      </c>
      <c r="W20" s="73">
        <v>23</v>
      </c>
      <c r="X20" s="70">
        <v>6</v>
      </c>
      <c r="Y20" s="71">
        <v>6</v>
      </c>
      <c r="Z20" s="72">
        <v>12</v>
      </c>
      <c r="AA20" s="244"/>
      <c r="AB20" s="71">
        <v>7</v>
      </c>
      <c r="AC20" s="71">
        <v>9</v>
      </c>
      <c r="AD20" s="71">
        <v>9</v>
      </c>
      <c r="AE20" s="71">
        <v>4</v>
      </c>
      <c r="AF20" s="71">
        <v>4</v>
      </c>
      <c r="AG20" s="72">
        <v>33</v>
      </c>
      <c r="AH20" s="73">
        <v>45</v>
      </c>
      <c r="AI20" s="70">
        <v>9</v>
      </c>
      <c r="AJ20" s="71">
        <v>4</v>
      </c>
      <c r="AK20" s="72">
        <v>13</v>
      </c>
      <c r="AL20" s="244"/>
      <c r="AM20" s="71">
        <v>9</v>
      </c>
      <c r="AN20" s="71">
        <v>12</v>
      </c>
      <c r="AO20" s="71">
        <v>8</v>
      </c>
      <c r="AP20" s="71">
        <v>6</v>
      </c>
      <c r="AQ20" s="71">
        <v>2</v>
      </c>
      <c r="AR20" s="72">
        <v>37</v>
      </c>
      <c r="AS20" s="73">
        <v>50</v>
      </c>
      <c r="AT20" s="70">
        <v>7</v>
      </c>
      <c r="AU20" s="71">
        <v>9</v>
      </c>
      <c r="AV20" s="72">
        <v>16</v>
      </c>
      <c r="AW20" s="244"/>
      <c r="AX20" s="71">
        <v>21</v>
      </c>
      <c r="AY20" s="71">
        <v>18</v>
      </c>
      <c r="AZ20" s="71">
        <v>14</v>
      </c>
      <c r="BA20" s="71">
        <v>8</v>
      </c>
      <c r="BB20" s="71">
        <v>3</v>
      </c>
      <c r="BC20" s="72">
        <v>64</v>
      </c>
      <c r="BD20" s="73">
        <v>80</v>
      </c>
      <c r="BE20" s="70">
        <v>9</v>
      </c>
      <c r="BF20" s="71">
        <v>14</v>
      </c>
      <c r="BG20" s="72">
        <v>23</v>
      </c>
      <c r="BH20" s="244"/>
      <c r="BI20" s="71">
        <v>14</v>
      </c>
      <c r="BJ20" s="71">
        <v>25</v>
      </c>
      <c r="BK20" s="71">
        <v>10</v>
      </c>
      <c r="BL20" s="71">
        <v>12</v>
      </c>
      <c r="BM20" s="71">
        <v>8</v>
      </c>
      <c r="BN20" s="72">
        <v>69</v>
      </c>
      <c r="BO20" s="73">
        <v>92</v>
      </c>
      <c r="BP20" s="70">
        <v>11</v>
      </c>
      <c r="BQ20" s="71">
        <v>11</v>
      </c>
      <c r="BR20" s="72">
        <v>22</v>
      </c>
      <c r="BS20" s="244"/>
      <c r="BT20" s="71">
        <v>16</v>
      </c>
      <c r="BU20" s="71">
        <v>16</v>
      </c>
      <c r="BV20" s="71">
        <v>12</v>
      </c>
      <c r="BW20" s="71">
        <v>5</v>
      </c>
      <c r="BX20" s="71">
        <v>4</v>
      </c>
      <c r="BY20" s="72">
        <v>53</v>
      </c>
      <c r="BZ20" s="73">
        <v>75</v>
      </c>
      <c r="CA20" s="70">
        <v>0</v>
      </c>
      <c r="CB20" s="71">
        <v>0</v>
      </c>
      <c r="CC20" s="72">
        <v>0</v>
      </c>
      <c r="CD20" s="244"/>
      <c r="CE20" s="71">
        <v>0</v>
      </c>
      <c r="CF20" s="71">
        <v>0</v>
      </c>
      <c r="CG20" s="71">
        <v>0</v>
      </c>
      <c r="CH20" s="71">
        <v>0</v>
      </c>
      <c r="CI20" s="71">
        <v>0</v>
      </c>
      <c r="CJ20" s="72">
        <v>0</v>
      </c>
      <c r="CK20" s="73">
        <v>0</v>
      </c>
      <c r="CL20" s="70">
        <v>45</v>
      </c>
      <c r="CM20" s="71">
        <v>47</v>
      </c>
      <c r="CN20" s="72">
        <v>92</v>
      </c>
      <c r="CO20" s="244"/>
      <c r="CP20" s="71">
        <v>69</v>
      </c>
      <c r="CQ20" s="71">
        <v>87</v>
      </c>
      <c r="CR20" s="71">
        <v>57</v>
      </c>
      <c r="CS20" s="71">
        <v>38</v>
      </c>
      <c r="CT20" s="71">
        <v>22</v>
      </c>
      <c r="CU20" s="72">
        <v>273</v>
      </c>
      <c r="CV20" s="73">
        <v>365</v>
      </c>
      <c r="CW20" s="123">
        <v>23</v>
      </c>
      <c r="CX20" s="82">
        <v>17</v>
      </c>
      <c r="CY20" s="83">
        <v>40</v>
      </c>
      <c r="CZ20" s="241"/>
      <c r="DA20" s="82">
        <v>35</v>
      </c>
      <c r="DB20" s="82">
        <v>29</v>
      </c>
      <c r="DC20" s="82">
        <v>32</v>
      </c>
      <c r="DD20" s="82">
        <v>17</v>
      </c>
      <c r="DE20" s="82">
        <v>22</v>
      </c>
      <c r="DF20" s="84">
        <v>135</v>
      </c>
      <c r="DG20" s="85">
        <v>175</v>
      </c>
      <c r="DH20" s="70">
        <v>1</v>
      </c>
      <c r="DI20" s="71">
        <v>0</v>
      </c>
      <c r="DJ20" s="72">
        <v>1</v>
      </c>
      <c r="DK20" s="244"/>
      <c r="DL20" s="71">
        <v>0</v>
      </c>
      <c r="DM20" s="71">
        <v>1</v>
      </c>
      <c r="DN20" s="71">
        <v>0</v>
      </c>
      <c r="DO20" s="71">
        <v>0</v>
      </c>
      <c r="DP20" s="71">
        <v>1</v>
      </c>
      <c r="DQ20" s="72">
        <v>2</v>
      </c>
      <c r="DR20" s="73">
        <v>3</v>
      </c>
      <c r="DS20" s="70">
        <v>2</v>
      </c>
      <c r="DT20" s="71">
        <v>0</v>
      </c>
      <c r="DU20" s="72">
        <v>2</v>
      </c>
      <c r="DV20" s="244"/>
      <c r="DW20" s="71">
        <v>4</v>
      </c>
      <c r="DX20" s="71">
        <v>3</v>
      </c>
      <c r="DY20" s="71">
        <v>2</v>
      </c>
      <c r="DZ20" s="71">
        <v>1</v>
      </c>
      <c r="EA20" s="71">
        <v>1</v>
      </c>
      <c r="EB20" s="72">
        <v>11</v>
      </c>
      <c r="EC20" s="73">
        <v>13</v>
      </c>
      <c r="ED20" s="70">
        <v>4</v>
      </c>
      <c r="EE20" s="71">
        <v>2</v>
      </c>
      <c r="EF20" s="72">
        <v>6</v>
      </c>
      <c r="EG20" s="244"/>
      <c r="EH20" s="71">
        <v>5</v>
      </c>
      <c r="EI20" s="71">
        <v>1</v>
      </c>
      <c r="EJ20" s="71">
        <v>2</v>
      </c>
      <c r="EK20" s="71">
        <v>1</v>
      </c>
      <c r="EL20" s="71">
        <v>0</v>
      </c>
      <c r="EM20" s="72">
        <v>9</v>
      </c>
      <c r="EN20" s="73">
        <v>15</v>
      </c>
      <c r="EO20" s="70">
        <v>6</v>
      </c>
      <c r="EP20" s="71">
        <v>8</v>
      </c>
      <c r="EQ20" s="72">
        <v>14</v>
      </c>
      <c r="ER20" s="244"/>
      <c r="ES20" s="71">
        <v>10</v>
      </c>
      <c r="ET20" s="71">
        <v>4</v>
      </c>
      <c r="EU20" s="71">
        <v>7</v>
      </c>
      <c r="EV20" s="71">
        <v>3</v>
      </c>
      <c r="EW20" s="71">
        <v>5</v>
      </c>
      <c r="EX20" s="72">
        <v>29</v>
      </c>
      <c r="EY20" s="73">
        <v>43</v>
      </c>
      <c r="EZ20" s="70">
        <v>6</v>
      </c>
      <c r="FA20" s="71">
        <v>6</v>
      </c>
      <c r="FB20" s="72">
        <v>12</v>
      </c>
      <c r="FC20" s="244"/>
      <c r="FD20" s="71">
        <v>7</v>
      </c>
      <c r="FE20" s="71">
        <v>5</v>
      </c>
      <c r="FF20" s="71">
        <v>10</v>
      </c>
      <c r="FG20" s="71">
        <v>2</v>
      </c>
      <c r="FH20" s="71">
        <v>4</v>
      </c>
      <c r="FI20" s="72">
        <v>28</v>
      </c>
      <c r="FJ20" s="73">
        <v>40</v>
      </c>
      <c r="FK20" s="70">
        <v>4</v>
      </c>
      <c r="FL20" s="71">
        <v>1</v>
      </c>
      <c r="FM20" s="72">
        <v>5</v>
      </c>
      <c r="FN20" s="244"/>
      <c r="FO20" s="71">
        <v>9</v>
      </c>
      <c r="FP20" s="71">
        <v>15</v>
      </c>
      <c r="FQ20" s="71">
        <v>11</v>
      </c>
      <c r="FR20" s="71">
        <v>10</v>
      </c>
      <c r="FS20" s="71">
        <v>11</v>
      </c>
      <c r="FT20" s="72">
        <v>56</v>
      </c>
      <c r="FU20" s="73">
        <v>61</v>
      </c>
      <c r="FV20" s="70">
        <v>0</v>
      </c>
      <c r="FW20" s="71">
        <v>0</v>
      </c>
      <c r="FX20" s="72">
        <v>0</v>
      </c>
      <c r="FY20" s="244"/>
      <c r="FZ20" s="71">
        <v>0</v>
      </c>
      <c r="GA20" s="71">
        <v>0</v>
      </c>
      <c r="GB20" s="71">
        <v>0</v>
      </c>
      <c r="GC20" s="71">
        <v>0</v>
      </c>
      <c r="GD20" s="71">
        <v>0</v>
      </c>
      <c r="GE20" s="72">
        <v>0</v>
      </c>
      <c r="GF20" s="73">
        <v>0</v>
      </c>
      <c r="GG20" s="70">
        <v>23</v>
      </c>
      <c r="GH20" s="71">
        <v>17</v>
      </c>
      <c r="GI20" s="72">
        <v>40</v>
      </c>
      <c r="GJ20" s="244"/>
      <c r="GK20" s="71">
        <v>35</v>
      </c>
      <c r="GL20" s="71">
        <v>29</v>
      </c>
      <c r="GM20" s="71">
        <v>32</v>
      </c>
      <c r="GN20" s="71">
        <v>17</v>
      </c>
      <c r="GO20" s="71">
        <v>22</v>
      </c>
      <c r="GP20" s="72">
        <v>135</v>
      </c>
      <c r="GQ20" s="73">
        <v>175</v>
      </c>
      <c r="GR20" s="123">
        <v>68</v>
      </c>
      <c r="GS20" s="82">
        <v>64</v>
      </c>
      <c r="GT20" s="83">
        <v>132</v>
      </c>
      <c r="GU20" s="241"/>
      <c r="GV20" s="82">
        <v>104</v>
      </c>
      <c r="GW20" s="82">
        <v>116</v>
      </c>
      <c r="GX20" s="82">
        <v>89</v>
      </c>
      <c r="GY20" s="82">
        <v>55</v>
      </c>
      <c r="GZ20" s="82">
        <v>44</v>
      </c>
      <c r="HA20" s="84">
        <v>408</v>
      </c>
      <c r="HB20" s="85">
        <v>540</v>
      </c>
      <c r="HC20" s="70">
        <v>4</v>
      </c>
      <c r="HD20" s="71">
        <v>3</v>
      </c>
      <c r="HE20" s="72">
        <v>7</v>
      </c>
      <c r="HF20" s="244"/>
      <c r="HG20" s="71">
        <v>2</v>
      </c>
      <c r="HH20" s="71">
        <v>8</v>
      </c>
      <c r="HI20" s="71">
        <v>4</v>
      </c>
      <c r="HJ20" s="71">
        <v>3</v>
      </c>
      <c r="HK20" s="71">
        <v>2</v>
      </c>
      <c r="HL20" s="72">
        <v>19</v>
      </c>
      <c r="HM20" s="73">
        <v>26</v>
      </c>
      <c r="HN20" s="70">
        <v>8</v>
      </c>
      <c r="HO20" s="71">
        <v>6</v>
      </c>
      <c r="HP20" s="72">
        <v>14</v>
      </c>
      <c r="HQ20" s="244"/>
      <c r="HR20" s="71">
        <v>11</v>
      </c>
      <c r="HS20" s="71">
        <v>12</v>
      </c>
      <c r="HT20" s="71">
        <v>11</v>
      </c>
      <c r="HU20" s="71">
        <v>5</v>
      </c>
      <c r="HV20" s="71">
        <v>5</v>
      </c>
      <c r="HW20" s="72">
        <v>44</v>
      </c>
      <c r="HX20" s="73">
        <v>58</v>
      </c>
      <c r="HY20" s="70">
        <v>13</v>
      </c>
      <c r="HZ20" s="71">
        <v>6</v>
      </c>
      <c r="IA20" s="72">
        <v>19</v>
      </c>
      <c r="IB20" s="244"/>
      <c r="IC20" s="71">
        <v>14</v>
      </c>
      <c r="ID20" s="71">
        <v>13</v>
      </c>
      <c r="IE20" s="71">
        <v>10</v>
      </c>
      <c r="IF20" s="71">
        <v>7</v>
      </c>
      <c r="IG20" s="71">
        <v>2</v>
      </c>
      <c r="IH20" s="72">
        <v>46</v>
      </c>
      <c r="II20" s="73">
        <v>65</v>
      </c>
      <c r="IJ20" s="70">
        <v>13</v>
      </c>
      <c r="IK20" s="71">
        <v>17</v>
      </c>
      <c r="IL20" s="72">
        <v>30</v>
      </c>
      <c r="IM20" s="244"/>
      <c r="IN20" s="71">
        <v>31</v>
      </c>
      <c r="IO20" s="71">
        <v>22</v>
      </c>
      <c r="IP20" s="71">
        <v>21</v>
      </c>
      <c r="IQ20" s="71">
        <v>11</v>
      </c>
      <c r="IR20" s="71">
        <v>8</v>
      </c>
      <c r="IS20" s="72">
        <v>93</v>
      </c>
      <c r="IT20" s="73">
        <v>123</v>
      </c>
      <c r="IU20" s="70">
        <v>15</v>
      </c>
      <c r="IV20" s="71">
        <v>20</v>
      </c>
      <c r="IW20" s="72">
        <v>35</v>
      </c>
      <c r="IX20" s="244"/>
      <c r="IY20" s="71">
        <v>21</v>
      </c>
      <c r="IZ20" s="71">
        <v>30</v>
      </c>
      <c r="JA20" s="71">
        <v>20</v>
      </c>
      <c r="JB20" s="71">
        <v>14</v>
      </c>
      <c r="JC20" s="71">
        <v>12</v>
      </c>
      <c r="JD20" s="72">
        <v>97</v>
      </c>
      <c r="JE20" s="73">
        <v>132</v>
      </c>
      <c r="JF20" s="70">
        <v>15</v>
      </c>
      <c r="JG20" s="71">
        <v>12</v>
      </c>
      <c r="JH20" s="72">
        <v>27</v>
      </c>
      <c r="JI20" s="244"/>
      <c r="JJ20" s="71">
        <v>25</v>
      </c>
      <c r="JK20" s="71">
        <v>31</v>
      </c>
      <c r="JL20" s="71">
        <v>23</v>
      </c>
      <c r="JM20" s="71">
        <v>15</v>
      </c>
      <c r="JN20" s="71">
        <v>15</v>
      </c>
      <c r="JO20" s="72">
        <v>109</v>
      </c>
      <c r="JP20" s="73">
        <v>136</v>
      </c>
      <c r="JQ20" s="70">
        <v>0</v>
      </c>
      <c r="JR20" s="71">
        <v>0</v>
      </c>
      <c r="JS20" s="72">
        <v>0</v>
      </c>
      <c r="JT20" s="244"/>
      <c r="JU20" s="71">
        <v>0</v>
      </c>
      <c r="JV20" s="71">
        <v>0</v>
      </c>
      <c r="JW20" s="71">
        <v>0</v>
      </c>
      <c r="JX20" s="71">
        <v>0</v>
      </c>
      <c r="JY20" s="71">
        <v>0</v>
      </c>
      <c r="JZ20" s="72">
        <v>0</v>
      </c>
      <c r="KA20" s="73">
        <v>0</v>
      </c>
      <c r="KB20" s="70">
        <v>68</v>
      </c>
      <c r="KC20" s="71">
        <v>64</v>
      </c>
      <c r="KD20" s="72">
        <v>132</v>
      </c>
      <c r="KE20" s="244"/>
      <c r="KF20" s="71">
        <v>104</v>
      </c>
      <c r="KG20" s="71">
        <v>116</v>
      </c>
      <c r="KH20" s="71">
        <v>89</v>
      </c>
      <c r="KI20" s="71">
        <v>55</v>
      </c>
      <c r="KJ20" s="71">
        <v>44</v>
      </c>
      <c r="KK20" s="72">
        <v>408</v>
      </c>
      <c r="KL20" s="73">
        <v>540</v>
      </c>
    </row>
    <row r="21" spans="1:298" ht="19.5" customHeight="1" x14ac:dyDescent="0.2">
      <c r="A21" s="126" t="s">
        <v>18</v>
      </c>
      <c r="B21" s="316">
        <v>60</v>
      </c>
      <c r="C21" s="82">
        <v>52</v>
      </c>
      <c r="D21" s="83">
        <v>112</v>
      </c>
      <c r="E21" s="241"/>
      <c r="F21" s="82">
        <v>111</v>
      </c>
      <c r="G21" s="82">
        <v>88</v>
      </c>
      <c r="H21" s="82">
        <v>48</v>
      </c>
      <c r="I21" s="82">
        <v>53</v>
      </c>
      <c r="J21" s="82">
        <v>32</v>
      </c>
      <c r="K21" s="84">
        <v>332</v>
      </c>
      <c r="L21" s="85">
        <v>444</v>
      </c>
      <c r="M21" s="70">
        <v>2</v>
      </c>
      <c r="N21" s="71">
        <v>5</v>
      </c>
      <c r="O21" s="72">
        <v>7</v>
      </c>
      <c r="P21" s="244"/>
      <c r="Q21" s="71">
        <v>4</v>
      </c>
      <c r="R21" s="71">
        <v>3</v>
      </c>
      <c r="S21" s="71">
        <v>5</v>
      </c>
      <c r="T21" s="71">
        <v>3</v>
      </c>
      <c r="U21" s="71">
        <v>0</v>
      </c>
      <c r="V21" s="72">
        <v>15</v>
      </c>
      <c r="W21" s="73">
        <v>22</v>
      </c>
      <c r="X21" s="70">
        <v>10</v>
      </c>
      <c r="Y21" s="71">
        <v>4</v>
      </c>
      <c r="Z21" s="72">
        <v>14</v>
      </c>
      <c r="AA21" s="244"/>
      <c r="AB21" s="71">
        <v>11</v>
      </c>
      <c r="AC21" s="71">
        <v>14</v>
      </c>
      <c r="AD21" s="71">
        <v>6</v>
      </c>
      <c r="AE21" s="71">
        <v>5</v>
      </c>
      <c r="AF21" s="71">
        <v>4</v>
      </c>
      <c r="AG21" s="72">
        <v>40</v>
      </c>
      <c r="AH21" s="73">
        <v>54</v>
      </c>
      <c r="AI21" s="70">
        <v>9</v>
      </c>
      <c r="AJ21" s="71">
        <v>4</v>
      </c>
      <c r="AK21" s="72">
        <v>13</v>
      </c>
      <c r="AL21" s="244"/>
      <c r="AM21" s="71">
        <v>16</v>
      </c>
      <c r="AN21" s="71">
        <v>11</v>
      </c>
      <c r="AO21" s="71">
        <v>7</v>
      </c>
      <c r="AP21" s="71">
        <v>7</v>
      </c>
      <c r="AQ21" s="71">
        <v>8</v>
      </c>
      <c r="AR21" s="72">
        <v>49</v>
      </c>
      <c r="AS21" s="73">
        <v>62</v>
      </c>
      <c r="AT21" s="70">
        <v>13</v>
      </c>
      <c r="AU21" s="71">
        <v>10</v>
      </c>
      <c r="AV21" s="72">
        <v>23</v>
      </c>
      <c r="AW21" s="244"/>
      <c r="AX21" s="71">
        <v>23</v>
      </c>
      <c r="AY21" s="71">
        <v>24</v>
      </c>
      <c r="AZ21" s="71">
        <v>10</v>
      </c>
      <c r="BA21" s="71">
        <v>15</v>
      </c>
      <c r="BB21" s="71">
        <v>5</v>
      </c>
      <c r="BC21" s="72">
        <v>77</v>
      </c>
      <c r="BD21" s="73">
        <v>100</v>
      </c>
      <c r="BE21" s="70">
        <v>14</v>
      </c>
      <c r="BF21" s="71">
        <v>15</v>
      </c>
      <c r="BG21" s="72">
        <v>29</v>
      </c>
      <c r="BH21" s="244"/>
      <c r="BI21" s="71">
        <v>31</v>
      </c>
      <c r="BJ21" s="71">
        <v>17</v>
      </c>
      <c r="BK21" s="71">
        <v>9</v>
      </c>
      <c r="BL21" s="71">
        <v>8</v>
      </c>
      <c r="BM21" s="71">
        <v>9</v>
      </c>
      <c r="BN21" s="72">
        <v>74</v>
      </c>
      <c r="BO21" s="73">
        <v>103</v>
      </c>
      <c r="BP21" s="70">
        <v>12</v>
      </c>
      <c r="BQ21" s="71">
        <v>14</v>
      </c>
      <c r="BR21" s="72">
        <v>26</v>
      </c>
      <c r="BS21" s="244"/>
      <c r="BT21" s="71">
        <v>26</v>
      </c>
      <c r="BU21" s="71">
        <v>19</v>
      </c>
      <c r="BV21" s="71">
        <v>11</v>
      </c>
      <c r="BW21" s="71">
        <v>15</v>
      </c>
      <c r="BX21" s="71">
        <v>6</v>
      </c>
      <c r="BY21" s="72">
        <v>77</v>
      </c>
      <c r="BZ21" s="73">
        <v>103</v>
      </c>
      <c r="CA21" s="70">
        <v>0</v>
      </c>
      <c r="CB21" s="71">
        <v>0</v>
      </c>
      <c r="CC21" s="72">
        <v>0</v>
      </c>
      <c r="CD21" s="244"/>
      <c r="CE21" s="71">
        <v>0</v>
      </c>
      <c r="CF21" s="71">
        <v>0</v>
      </c>
      <c r="CG21" s="71">
        <v>0</v>
      </c>
      <c r="CH21" s="71">
        <v>0</v>
      </c>
      <c r="CI21" s="71">
        <v>0</v>
      </c>
      <c r="CJ21" s="72">
        <v>0</v>
      </c>
      <c r="CK21" s="73">
        <v>0</v>
      </c>
      <c r="CL21" s="70">
        <v>60</v>
      </c>
      <c r="CM21" s="71">
        <v>52</v>
      </c>
      <c r="CN21" s="72">
        <v>112</v>
      </c>
      <c r="CO21" s="244"/>
      <c r="CP21" s="71">
        <v>111</v>
      </c>
      <c r="CQ21" s="71">
        <v>88</v>
      </c>
      <c r="CR21" s="71">
        <v>48</v>
      </c>
      <c r="CS21" s="71">
        <v>53</v>
      </c>
      <c r="CT21" s="71">
        <v>32</v>
      </c>
      <c r="CU21" s="72">
        <v>332</v>
      </c>
      <c r="CV21" s="73">
        <v>444</v>
      </c>
      <c r="CW21" s="123">
        <v>25</v>
      </c>
      <c r="CX21" s="82">
        <v>29</v>
      </c>
      <c r="CY21" s="83">
        <v>54</v>
      </c>
      <c r="CZ21" s="241"/>
      <c r="DA21" s="82">
        <v>35</v>
      </c>
      <c r="DB21" s="82">
        <v>50</v>
      </c>
      <c r="DC21" s="82">
        <v>32</v>
      </c>
      <c r="DD21" s="82">
        <v>30</v>
      </c>
      <c r="DE21" s="82">
        <v>23</v>
      </c>
      <c r="DF21" s="84">
        <v>170</v>
      </c>
      <c r="DG21" s="85">
        <v>224</v>
      </c>
      <c r="DH21" s="70">
        <v>1</v>
      </c>
      <c r="DI21" s="71">
        <v>2</v>
      </c>
      <c r="DJ21" s="72">
        <v>3</v>
      </c>
      <c r="DK21" s="244"/>
      <c r="DL21" s="71">
        <v>1</v>
      </c>
      <c r="DM21" s="71">
        <v>0</v>
      </c>
      <c r="DN21" s="71">
        <v>1</v>
      </c>
      <c r="DO21" s="71">
        <v>0</v>
      </c>
      <c r="DP21" s="71">
        <v>2</v>
      </c>
      <c r="DQ21" s="72">
        <v>4</v>
      </c>
      <c r="DR21" s="73">
        <v>7</v>
      </c>
      <c r="DS21" s="70">
        <v>3</v>
      </c>
      <c r="DT21" s="71">
        <v>5</v>
      </c>
      <c r="DU21" s="72">
        <v>8</v>
      </c>
      <c r="DV21" s="244"/>
      <c r="DW21" s="71">
        <v>1</v>
      </c>
      <c r="DX21" s="71">
        <v>3</v>
      </c>
      <c r="DY21" s="71">
        <v>1</v>
      </c>
      <c r="DZ21" s="71">
        <v>0</v>
      </c>
      <c r="EA21" s="71">
        <v>0</v>
      </c>
      <c r="EB21" s="72">
        <v>5</v>
      </c>
      <c r="EC21" s="73">
        <v>13</v>
      </c>
      <c r="ED21" s="70">
        <v>8</v>
      </c>
      <c r="EE21" s="71">
        <v>6</v>
      </c>
      <c r="EF21" s="72">
        <v>14</v>
      </c>
      <c r="EG21" s="244"/>
      <c r="EH21" s="71">
        <v>4</v>
      </c>
      <c r="EI21" s="71">
        <v>2</v>
      </c>
      <c r="EJ21" s="71">
        <v>4</v>
      </c>
      <c r="EK21" s="71">
        <v>2</v>
      </c>
      <c r="EL21" s="71">
        <v>1</v>
      </c>
      <c r="EM21" s="72">
        <v>13</v>
      </c>
      <c r="EN21" s="73">
        <v>27</v>
      </c>
      <c r="EO21" s="70">
        <v>8</v>
      </c>
      <c r="EP21" s="71">
        <v>3</v>
      </c>
      <c r="EQ21" s="72">
        <v>11</v>
      </c>
      <c r="ER21" s="244"/>
      <c r="ES21" s="71">
        <v>8</v>
      </c>
      <c r="ET21" s="71">
        <v>10</v>
      </c>
      <c r="EU21" s="71">
        <v>5</v>
      </c>
      <c r="EV21" s="71">
        <v>5</v>
      </c>
      <c r="EW21" s="71">
        <v>5</v>
      </c>
      <c r="EX21" s="72">
        <v>33</v>
      </c>
      <c r="EY21" s="73">
        <v>44</v>
      </c>
      <c r="EZ21" s="70">
        <v>4</v>
      </c>
      <c r="FA21" s="71">
        <v>10</v>
      </c>
      <c r="FB21" s="72">
        <v>14</v>
      </c>
      <c r="FC21" s="244"/>
      <c r="FD21" s="71">
        <v>16</v>
      </c>
      <c r="FE21" s="71">
        <v>16</v>
      </c>
      <c r="FF21" s="71">
        <v>6</v>
      </c>
      <c r="FG21" s="71">
        <v>7</v>
      </c>
      <c r="FH21" s="71">
        <v>3</v>
      </c>
      <c r="FI21" s="72">
        <v>48</v>
      </c>
      <c r="FJ21" s="73">
        <v>62</v>
      </c>
      <c r="FK21" s="70">
        <v>1</v>
      </c>
      <c r="FL21" s="71">
        <v>3</v>
      </c>
      <c r="FM21" s="72">
        <v>4</v>
      </c>
      <c r="FN21" s="244"/>
      <c r="FO21" s="71">
        <v>5</v>
      </c>
      <c r="FP21" s="71">
        <v>19</v>
      </c>
      <c r="FQ21" s="71">
        <v>15</v>
      </c>
      <c r="FR21" s="71">
        <v>16</v>
      </c>
      <c r="FS21" s="71">
        <v>12</v>
      </c>
      <c r="FT21" s="72">
        <v>67</v>
      </c>
      <c r="FU21" s="73">
        <v>71</v>
      </c>
      <c r="FV21" s="70">
        <v>0</v>
      </c>
      <c r="FW21" s="71">
        <v>0</v>
      </c>
      <c r="FX21" s="72">
        <v>0</v>
      </c>
      <c r="FY21" s="244"/>
      <c r="FZ21" s="71">
        <v>0</v>
      </c>
      <c r="GA21" s="71">
        <v>0</v>
      </c>
      <c r="GB21" s="71">
        <v>0</v>
      </c>
      <c r="GC21" s="71">
        <v>0</v>
      </c>
      <c r="GD21" s="71">
        <v>0</v>
      </c>
      <c r="GE21" s="72">
        <v>0</v>
      </c>
      <c r="GF21" s="73">
        <v>0</v>
      </c>
      <c r="GG21" s="70">
        <v>25</v>
      </c>
      <c r="GH21" s="71">
        <v>29</v>
      </c>
      <c r="GI21" s="72">
        <v>54</v>
      </c>
      <c r="GJ21" s="244"/>
      <c r="GK21" s="71">
        <v>35</v>
      </c>
      <c r="GL21" s="71">
        <v>50</v>
      </c>
      <c r="GM21" s="71">
        <v>32</v>
      </c>
      <c r="GN21" s="71">
        <v>30</v>
      </c>
      <c r="GO21" s="71">
        <v>23</v>
      </c>
      <c r="GP21" s="72">
        <v>170</v>
      </c>
      <c r="GQ21" s="73">
        <v>224</v>
      </c>
      <c r="GR21" s="123">
        <v>85</v>
      </c>
      <c r="GS21" s="82">
        <v>81</v>
      </c>
      <c r="GT21" s="83">
        <v>166</v>
      </c>
      <c r="GU21" s="241"/>
      <c r="GV21" s="82">
        <v>146</v>
      </c>
      <c r="GW21" s="82">
        <v>138</v>
      </c>
      <c r="GX21" s="82">
        <v>80</v>
      </c>
      <c r="GY21" s="82">
        <v>83</v>
      </c>
      <c r="GZ21" s="82">
        <v>55</v>
      </c>
      <c r="HA21" s="84">
        <v>502</v>
      </c>
      <c r="HB21" s="85">
        <v>668</v>
      </c>
      <c r="HC21" s="70">
        <v>3</v>
      </c>
      <c r="HD21" s="71">
        <v>7</v>
      </c>
      <c r="HE21" s="72">
        <v>10</v>
      </c>
      <c r="HF21" s="244"/>
      <c r="HG21" s="71">
        <v>5</v>
      </c>
      <c r="HH21" s="71">
        <v>3</v>
      </c>
      <c r="HI21" s="71">
        <v>6</v>
      </c>
      <c r="HJ21" s="71">
        <v>3</v>
      </c>
      <c r="HK21" s="71">
        <v>2</v>
      </c>
      <c r="HL21" s="72">
        <v>19</v>
      </c>
      <c r="HM21" s="73">
        <v>29</v>
      </c>
      <c r="HN21" s="70">
        <v>13</v>
      </c>
      <c r="HO21" s="71">
        <v>9</v>
      </c>
      <c r="HP21" s="72">
        <v>22</v>
      </c>
      <c r="HQ21" s="244"/>
      <c r="HR21" s="71">
        <v>12</v>
      </c>
      <c r="HS21" s="71">
        <v>17</v>
      </c>
      <c r="HT21" s="71">
        <v>7</v>
      </c>
      <c r="HU21" s="71">
        <v>5</v>
      </c>
      <c r="HV21" s="71">
        <v>4</v>
      </c>
      <c r="HW21" s="72">
        <v>45</v>
      </c>
      <c r="HX21" s="73">
        <v>67</v>
      </c>
      <c r="HY21" s="70">
        <v>17</v>
      </c>
      <c r="HZ21" s="71">
        <v>10</v>
      </c>
      <c r="IA21" s="72">
        <v>27</v>
      </c>
      <c r="IB21" s="244"/>
      <c r="IC21" s="71">
        <v>20</v>
      </c>
      <c r="ID21" s="71">
        <v>13</v>
      </c>
      <c r="IE21" s="71">
        <v>11</v>
      </c>
      <c r="IF21" s="71">
        <v>9</v>
      </c>
      <c r="IG21" s="71">
        <v>9</v>
      </c>
      <c r="IH21" s="72">
        <v>62</v>
      </c>
      <c r="II21" s="73">
        <v>89</v>
      </c>
      <c r="IJ21" s="70">
        <v>21</v>
      </c>
      <c r="IK21" s="71">
        <v>13</v>
      </c>
      <c r="IL21" s="72">
        <v>34</v>
      </c>
      <c r="IM21" s="244"/>
      <c r="IN21" s="71">
        <v>31</v>
      </c>
      <c r="IO21" s="71">
        <v>34</v>
      </c>
      <c r="IP21" s="71">
        <v>15</v>
      </c>
      <c r="IQ21" s="71">
        <v>20</v>
      </c>
      <c r="IR21" s="71">
        <v>10</v>
      </c>
      <c r="IS21" s="72">
        <v>110</v>
      </c>
      <c r="IT21" s="73">
        <v>144</v>
      </c>
      <c r="IU21" s="70">
        <v>18</v>
      </c>
      <c r="IV21" s="71">
        <v>25</v>
      </c>
      <c r="IW21" s="72">
        <v>43</v>
      </c>
      <c r="IX21" s="244"/>
      <c r="IY21" s="71">
        <v>47</v>
      </c>
      <c r="IZ21" s="71">
        <v>33</v>
      </c>
      <c r="JA21" s="71">
        <v>15</v>
      </c>
      <c r="JB21" s="71">
        <v>15</v>
      </c>
      <c r="JC21" s="71">
        <v>12</v>
      </c>
      <c r="JD21" s="72">
        <v>122</v>
      </c>
      <c r="JE21" s="73">
        <v>165</v>
      </c>
      <c r="JF21" s="70">
        <v>13</v>
      </c>
      <c r="JG21" s="71">
        <v>17</v>
      </c>
      <c r="JH21" s="72">
        <v>30</v>
      </c>
      <c r="JI21" s="244"/>
      <c r="JJ21" s="71">
        <v>31</v>
      </c>
      <c r="JK21" s="71">
        <v>38</v>
      </c>
      <c r="JL21" s="71">
        <v>26</v>
      </c>
      <c r="JM21" s="71">
        <v>31</v>
      </c>
      <c r="JN21" s="71">
        <v>18</v>
      </c>
      <c r="JO21" s="72">
        <v>144</v>
      </c>
      <c r="JP21" s="73">
        <v>174</v>
      </c>
      <c r="JQ21" s="70">
        <v>0</v>
      </c>
      <c r="JR21" s="71">
        <v>0</v>
      </c>
      <c r="JS21" s="72">
        <v>0</v>
      </c>
      <c r="JT21" s="244"/>
      <c r="JU21" s="71">
        <v>0</v>
      </c>
      <c r="JV21" s="71">
        <v>0</v>
      </c>
      <c r="JW21" s="71">
        <v>0</v>
      </c>
      <c r="JX21" s="71">
        <v>0</v>
      </c>
      <c r="JY21" s="71">
        <v>0</v>
      </c>
      <c r="JZ21" s="72">
        <v>0</v>
      </c>
      <c r="KA21" s="73">
        <v>0</v>
      </c>
      <c r="KB21" s="70">
        <v>85</v>
      </c>
      <c r="KC21" s="71">
        <v>81</v>
      </c>
      <c r="KD21" s="72">
        <v>166</v>
      </c>
      <c r="KE21" s="244"/>
      <c r="KF21" s="71">
        <v>146</v>
      </c>
      <c r="KG21" s="71">
        <v>138</v>
      </c>
      <c r="KH21" s="71">
        <v>80</v>
      </c>
      <c r="KI21" s="71">
        <v>83</v>
      </c>
      <c r="KJ21" s="71">
        <v>55</v>
      </c>
      <c r="KK21" s="72">
        <v>502</v>
      </c>
      <c r="KL21" s="73">
        <v>668</v>
      </c>
    </row>
    <row r="22" spans="1:298" ht="19.5" customHeight="1" x14ac:dyDescent="0.2">
      <c r="A22" s="126" t="s">
        <v>19</v>
      </c>
      <c r="B22" s="316">
        <v>23</v>
      </c>
      <c r="C22" s="82">
        <v>23</v>
      </c>
      <c r="D22" s="83">
        <v>46</v>
      </c>
      <c r="E22" s="241"/>
      <c r="F22" s="82">
        <v>49</v>
      </c>
      <c r="G22" s="82">
        <v>37</v>
      </c>
      <c r="H22" s="82">
        <v>25</v>
      </c>
      <c r="I22" s="82">
        <v>12</v>
      </c>
      <c r="J22" s="82">
        <v>13</v>
      </c>
      <c r="K22" s="84">
        <v>136</v>
      </c>
      <c r="L22" s="85">
        <v>182</v>
      </c>
      <c r="M22" s="86">
        <v>2</v>
      </c>
      <c r="N22" s="71">
        <v>0</v>
      </c>
      <c r="O22" s="72">
        <v>2</v>
      </c>
      <c r="P22" s="244"/>
      <c r="Q22" s="71">
        <v>1</v>
      </c>
      <c r="R22" s="71">
        <v>0</v>
      </c>
      <c r="S22" s="71">
        <v>0</v>
      </c>
      <c r="T22" s="71">
        <v>0</v>
      </c>
      <c r="U22" s="71">
        <v>1</v>
      </c>
      <c r="V22" s="72">
        <v>2</v>
      </c>
      <c r="W22" s="73">
        <v>4</v>
      </c>
      <c r="X22" s="70">
        <v>0</v>
      </c>
      <c r="Y22" s="71">
        <v>0</v>
      </c>
      <c r="Z22" s="72">
        <v>0</v>
      </c>
      <c r="AA22" s="244"/>
      <c r="AB22" s="71">
        <v>3</v>
      </c>
      <c r="AC22" s="71">
        <v>10</v>
      </c>
      <c r="AD22" s="71">
        <v>2</v>
      </c>
      <c r="AE22" s="71">
        <v>4</v>
      </c>
      <c r="AF22" s="71">
        <v>1</v>
      </c>
      <c r="AG22" s="72">
        <v>20</v>
      </c>
      <c r="AH22" s="73">
        <v>20</v>
      </c>
      <c r="AI22" s="86">
        <v>5</v>
      </c>
      <c r="AJ22" s="71">
        <v>1</v>
      </c>
      <c r="AK22" s="72">
        <v>6</v>
      </c>
      <c r="AL22" s="244"/>
      <c r="AM22" s="71">
        <v>4</v>
      </c>
      <c r="AN22" s="71">
        <v>3</v>
      </c>
      <c r="AO22" s="71">
        <v>0</v>
      </c>
      <c r="AP22" s="71">
        <v>2</v>
      </c>
      <c r="AQ22" s="71">
        <v>0</v>
      </c>
      <c r="AR22" s="72">
        <v>9</v>
      </c>
      <c r="AS22" s="73">
        <v>15</v>
      </c>
      <c r="AT22" s="70">
        <v>4</v>
      </c>
      <c r="AU22" s="71">
        <v>5</v>
      </c>
      <c r="AV22" s="72">
        <v>9</v>
      </c>
      <c r="AW22" s="244"/>
      <c r="AX22" s="71">
        <v>13</v>
      </c>
      <c r="AY22" s="71">
        <v>3</v>
      </c>
      <c r="AZ22" s="71">
        <v>6</v>
      </c>
      <c r="BA22" s="71">
        <v>2</v>
      </c>
      <c r="BB22" s="71">
        <v>2</v>
      </c>
      <c r="BC22" s="72">
        <v>26</v>
      </c>
      <c r="BD22" s="73">
        <v>35</v>
      </c>
      <c r="BE22" s="86">
        <v>9</v>
      </c>
      <c r="BF22" s="71">
        <v>7</v>
      </c>
      <c r="BG22" s="72">
        <v>16</v>
      </c>
      <c r="BH22" s="244"/>
      <c r="BI22" s="71">
        <v>13</v>
      </c>
      <c r="BJ22" s="71">
        <v>9</v>
      </c>
      <c r="BK22" s="71">
        <v>7</v>
      </c>
      <c r="BL22" s="71">
        <v>2</v>
      </c>
      <c r="BM22" s="71">
        <v>4</v>
      </c>
      <c r="BN22" s="72">
        <v>35</v>
      </c>
      <c r="BO22" s="73">
        <v>51</v>
      </c>
      <c r="BP22" s="70">
        <v>3</v>
      </c>
      <c r="BQ22" s="71">
        <v>10</v>
      </c>
      <c r="BR22" s="72">
        <v>13</v>
      </c>
      <c r="BS22" s="244"/>
      <c r="BT22" s="71">
        <v>15</v>
      </c>
      <c r="BU22" s="71">
        <v>12</v>
      </c>
      <c r="BV22" s="71">
        <v>10</v>
      </c>
      <c r="BW22" s="71">
        <v>2</v>
      </c>
      <c r="BX22" s="71">
        <v>5</v>
      </c>
      <c r="BY22" s="72">
        <v>44</v>
      </c>
      <c r="BZ22" s="73">
        <v>57</v>
      </c>
      <c r="CA22" s="70">
        <v>0</v>
      </c>
      <c r="CB22" s="71">
        <v>0</v>
      </c>
      <c r="CC22" s="72">
        <v>0</v>
      </c>
      <c r="CD22" s="244"/>
      <c r="CE22" s="71">
        <v>0</v>
      </c>
      <c r="CF22" s="71">
        <v>0</v>
      </c>
      <c r="CG22" s="71">
        <v>0</v>
      </c>
      <c r="CH22" s="71">
        <v>0</v>
      </c>
      <c r="CI22" s="71">
        <v>0</v>
      </c>
      <c r="CJ22" s="72">
        <v>0</v>
      </c>
      <c r="CK22" s="73">
        <v>0</v>
      </c>
      <c r="CL22" s="70">
        <v>23</v>
      </c>
      <c r="CM22" s="71">
        <v>23</v>
      </c>
      <c r="CN22" s="72">
        <v>46</v>
      </c>
      <c r="CO22" s="244"/>
      <c r="CP22" s="71">
        <v>49</v>
      </c>
      <c r="CQ22" s="71">
        <v>37</v>
      </c>
      <c r="CR22" s="71">
        <v>25</v>
      </c>
      <c r="CS22" s="71">
        <v>12</v>
      </c>
      <c r="CT22" s="71">
        <v>13</v>
      </c>
      <c r="CU22" s="72">
        <v>136</v>
      </c>
      <c r="CV22" s="73">
        <v>182</v>
      </c>
      <c r="CW22" s="123">
        <v>8</v>
      </c>
      <c r="CX22" s="82">
        <v>13</v>
      </c>
      <c r="CY22" s="83">
        <v>21</v>
      </c>
      <c r="CZ22" s="241"/>
      <c r="DA22" s="82">
        <v>17</v>
      </c>
      <c r="DB22" s="82">
        <v>11</v>
      </c>
      <c r="DC22" s="82">
        <v>10</v>
      </c>
      <c r="DD22" s="82">
        <v>8</v>
      </c>
      <c r="DE22" s="82">
        <v>4</v>
      </c>
      <c r="DF22" s="84">
        <v>50</v>
      </c>
      <c r="DG22" s="85">
        <v>71</v>
      </c>
      <c r="DH22" s="86">
        <v>0</v>
      </c>
      <c r="DI22" s="71">
        <v>0</v>
      </c>
      <c r="DJ22" s="72">
        <v>0</v>
      </c>
      <c r="DK22" s="244"/>
      <c r="DL22" s="71">
        <v>1</v>
      </c>
      <c r="DM22" s="71">
        <v>1</v>
      </c>
      <c r="DN22" s="71">
        <v>2</v>
      </c>
      <c r="DO22" s="71">
        <v>0</v>
      </c>
      <c r="DP22" s="71">
        <v>0</v>
      </c>
      <c r="DQ22" s="72">
        <v>4</v>
      </c>
      <c r="DR22" s="73">
        <v>4</v>
      </c>
      <c r="DS22" s="70">
        <v>0</v>
      </c>
      <c r="DT22" s="71">
        <v>0</v>
      </c>
      <c r="DU22" s="72">
        <v>0</v>
      </c>
      <c r="DV22" s="244"/>
      <c r="DW22" s="71">
        <v>2</v>
      </c>
      <c r="DX22" s="71">
        <v>1</v>
      </c>
      <c r="DY22" s="71">
        <v>0</v>
      </c>
      <c r="DZ22" s="71">
        <v>0</v>
      </c>
      <c r="EA22" s="71">
        <v>0</v>
      </c>
      <c r="EB22" s="72">
        <v>3</v>
      </c>
      <c r="EC22" s="73">
        <v>3</v>
      </c>
      <c r="ED22" s="86">
        <v>2</v>
      </c>
      <c r="EE22" s="71">
        <v>2</v>
      </c>
      <c r="EF22" s="72">
        <v>4</v>
      </c>
      <c r="EG22" s="244"/>
      <c r="EH22" s="71">
        <v>1</v>
      </c>
      <c r="EI22" s="71">
        <v>1</v>
      </c>
      <c r="EJ22" s="71">
        <v>0</v>
      </c>
      <c r="EK22" s="71">
        <v>0</v>
      </c>
      <c r="EL22" s="71">
        <v>1</v>
      </c>
      <c r="EM22" s="72">
        <v>3</v>
      </c>
      <c r="EN22" s="73">
        <v>7</v>
      </c>
      <c r="EO22" s="70">
        <v>1</v>
      </c>
      <c r="EP22" s="71">
        <v>4</v>
      </c>
      <c r="EQ22" s="72">
        <v>5</v>
      </c>
      <c r="ER22" s="244"/>
      <c r="ES22" s="71">
        <v>4</v>
      </c>
      <c r="ET22" s="71">
        <v>3</v>
      </c>
      <c r="EU22" s="71">
        <v>1</v>
      </c>
      <c r="EV22" s="71">
        <v>2</v>
      </c>
      <c r="EW22" s="71">
        <v>1</v>
      </c>
      <c r="EX22" s="72">
        <v>11</v>
      </c>
      <c r="EY22" s="73">
        <v>16</v>
      </c>
      <c r="EZ22" s="86">
        <v>1</v>
      </c>
      <c r="FA22" s="71">
        <v>2</v>
      </c>
      <c r="FB22" s="72">
        <v>3</v>
      </c>
      <c r="FC22" s="244"/>
      <c r="FD22" s="71">
        <v>3</v>
      </c>
      <c r="FE22" s="71">
        <v>4</v>
      </c>
      <c r="FF22" s="71">
        <v>4</v>
      </c>
      <c r="FG22" s="71">
        <v>2</v>
      </c>
      <c r="FH22" s="71">
        <v>1</v>
      </c>
      <c r="FI22" s="72">
        <v>14</v>
      </c>
      <c r="FJ22" s="73">
        <v>17</v>
      </c>
      <c r="FK22" s="70">
        <v>4</v>
      </c>
      <c r="FL22" s="71">
        <v>5</v>
      </c>
      <c r="FM22" s="72">
        <v>9</v>
      </c>
      <c r="FN22" s="244"/>
      <c r="FO22" s="71">
        <v>6</v>
      </c>
      <c r="FP22" s="71">
        <v>1</v>
      </c>
      <c r="FQ22" s="71">
        <v>3</v>
      </c>
      <c r="FR22" s="71">
        <v>4</v>
      </c>
      <c r="FS22" s="71">
        <v>1</v>
      </c>
      <c r="FT22" s="72">
        <v>15</v>
      </c>
      <c r="FU22" s="73">
        <v>24</v>
      </c>
      <c r="FV22" s="70">
        <v>0</v>
      </c>
      <c r="FW22" s="71">
        <v>0</v>
      </c>
      <c r="FX22" s="72">
        <v>0</v>
      </c>
      <c r="FY22" s="244"/>
      <c r="FZ22" s="71">
        <v>0</v>
      </c>
      <c r="GA22" s="71">
        <v>0</v>
      </c>
      <c r="GB22" s="71">
        <v>0</v>
      </c>
      <c r="GC22" s="71">
        <v>0</v>
      </c>
      <c r="GD22" s="71">
        <v>0</v>
      </c>
      <c r="GE22" s="72">
        <v>0</v>
      </c>
      <c r="GF22" s="73">
        <v>0</v>
      </c>
      <c r="GG22" s="70">
        <v>8</v>
      </c>
      <c r="GH22" s="71">
        <v>13</v>
      </c>
      <c r="GI22" s="72">
        <v>21</v>
      </c>
      <c r="GJ22" s="244"/>
      <c r="GK22" s="71">
        <v>17</v>
      </c>
      <c r="GL22" s="71">
        <v>11</v>
      </c>
      <c r="GM22" s="71">
        <v>10</v>
      </c>
      <c r="GN22" s="71">
        <v>8</v>
      </c>
      <c r="GO22" s="71">
        <v>4</v>
      </c>
      <c r="GP22" s="72">
        <v>50</v>
      </c>
      <c r="GQ22" s="73">
        <v>71</v>
      </c>
      <c r="GR22" s="123">
        <v>31</v>
      </c>
      <c r="GS22" s="82">
        <v>36</v>
      </c>
      <c r="GT22" s="83">
        <v>67</v>
      </c>
      <c r="GU22" s="241"/>
      <c r="GV22" s="82">
        <v>66</v>
      </c>
      <c r="GW22" s="82">
        <v>48</v>
      </c>
      <c r="GX22" s="82">
        <v>35</v>
      </c>
      <c r="GY22" s="82">
        <v>20</v>
      </c>
      <c r="GZ22" s="82">
        <v>17</v>
      </c>
      <c r="HA22" s="84">
        <v>186</v>
      </c>
      <c r="HB22" s="85">
        <v>253</v>
      </c>
      <c r="HC22" s="86">
        <v>2</v>
      </c>
      <c r="HD22" s="71">
        <v>0</v>
      </c>
      <c r="HE22" s="72">
        <v>2</v>
      </c>
      <c r="HF22" s="244"/>
      <c r="HG22" s="71">
        <v>2</v>
      </c>
      <c r="HH22" s="71">
        <v>1</v>
      </c>
      <c r="HI22" s="71">
        <v>2</v>
      </c>
      <c r="HJ22" s="71">
        <v>0</v>
      </c>
      <c r="HK22" s="71">
        <v>1</v>
      </c>
      <c r="HL22" s="72">
        <v>6</v>
      </c>
      <c r="HM22" s="73">
        <v>8</v>
      </c>
      <c r="HN22" s="70">
        <v>0</v>
      </c>
      <c r="HO22" s="71">
        <v>0</v>
      </c>
      <c r="HP22" s="72">
        <v>0</v>
      </c>
      <c r="HQ22" s="244"/>
      <c r="HR22" s="71">
        <v>5</v>
      </c>
      <c r="HS22" s="71">
        <v>11</v>
      </c>
      <c r="HT22" s="71">
        <v>2</v>
      </c>
      <c r="HU22" s="71">
        <v>4</v>
      </c>
      <c r="HV22" s="71">
        <v>1</v>
      </c>
      <c r="HW22" s="72">
        <v>23</v>
      </c>
      <c r="HX22" s="73">
        <v>23</v>
      </c>
      <c r="HY22" s="86">
        <v>7</v>
      </c>
      <c r="HZ22" s="71">
        <v>3</v>
      </c>
      <c r="IA22" s="72">
        <v>10</v>
      </c>
      <c r="IB22" s="244"/>
      <c r="IC22" s="71">
        <v>5</v>
      </c>
      <c r="ID22" s="71">
        <v>4</v>
      </c>
      <c r="IE22" s="71">
        <v>0</v>
      </c>
      <c r="IF22" s="71">
        <v>2</v>
      </c>
      <c r="IG22" s="71">
        <v>1</v>
      </c>
      <c r="IH22" s="72">
        <v>12</v>
      </c>
      <c r="II22" s="73">
        <v>22</v>
      </c>
      <c r="IJ22" s="70">
        <v>5</v>
      </c>
      <c r="IK22" s="71">
        <v>9</v>
      </c>
      <c r="IL22" s="72">
        <v>14</v>
      </c>
      <c r="IM22" s="244"/>
      <c r="IN22" s="71">
        <v>17</v>
      </c>
      <c r="IO22" s="71">
        <v>6</v>
      </c>
      <c r="IP22" s="71">
        <v>7</v>
      </c>
      <c r="IQ22" s="71">
        <v>4</v>
      </c>
      <c r="IR22" s="71">
        <v>3</v>
      </c>
      <c r="IS22" s="72">
        <v>37</v>
      </c>
      <c r="IT22" s="73">
        <v>51</v>
      </c>
      <c r="IU22" s="86">
        <v>10</v>
      </c>
      <c r="IV22" s="71">
        <v>9</v>
      </c>
      <c r="IW22" s="72">
        <v>19</v>
      </c>
      <c r="IX22" s="244"/>
      <c r="IY22" s="71">
        <v>16</v>
      </c>
      <c r="IZ22" s="71">
        <v>13</v>
      </c>
      <c r="JA22" s="71">
        <v>11</v>
      </c>
      <c r="JB22" s="71">
        <v>4</v>
      </c>
      <c r="JC22" s="71">
        <v>5</v>
      </c>
      <c r="JD22" s="72">
        <v>49</v>
      </c>
      <c r="JE22" s="73">
        <v>68</v>
      </c>
      <c r="JF22" s="70">
        <v>7</v>
      </c>
      <c r="JG22" s="71">
        <v>15</v>
      </c>
      <c r="JH22" s="72">
        <v>22</v>
      </c>
      <c r="JI22" s="244"/>
      <c r="JJ22" s="71">
        <v>21</v>
      </c>
      <c r="JK22" s="71">
        <v>13</v>
      </c>
      <c r="JL22" s="71">
        <v>13</v>
      </c>
      <c r="JM22" s="71">
        <v>6</v>
      </c>
      <c r="JN22" s="71">
        <v>6</v>
      </c>
      <c r="JO22" s="72">
        <v>59</v>
      </c>
      <c r="JP22" s="73">
        <v>81</v>
      </c>
      <c r="JQ22" s="70">
        <v>0</v>
      </c>
      <c r="JR22" s="71">
        <v>0</v>
      </c>
      <c r="JS22" s="72">
        <v>0</v>
      </c>
      <c r="JT22" s="244"/>
      <c r="JU22" s="71">
        <v>0</v>
      </c>
      <c r="JV22" s="71">
        <v>0</v>
      </c>
      <c r="JW22" s="71">
        <v>0</v>
      </c>
      <c r="JX22" s="71">
        <v>0</v>
      </c>
      <c r="JY22" s="71">
        <v>0</v>
      </c>
      <c r="JZ22" s="72">
        <v>0</v>
      </c>
      <c r="KA22" s="73">
        <v>0</v>
      </c>
      <c r="KB22" s="70">
        <v>31</v>
      </c>
      <c r="KC22" s="71">
        <v>36</v>
      </c>
      <c r="KD22" s="72">
        <v>67</v>
      </c>
      <c r="KE22" s="244"/>
      <c r="KF22" s="71">
        <v>66</v>
      </c>
      <c r="KG22" s="71">
        <v>48</v>
      </c>
      <c r="KH22" s="71">
        <v>35</v>
      </c>
      <c r="KI22" s="71">
        <v>20</v>
      </c>
      <c r="KJ22" s="71">
        <v>17</v>
      </c>
      <c r="KK22" s="72">
        <v>186</v>
      </c>
      <c r="KL22" s="73">
        <v>253</v>
      </c>
    </row>
    <row r="23" spans="1:298" ht="19.5" customHeight="1" x14ac:dyDescent="0.2">
      <c r="A23" s="126" t="s">
        <v>20</v>
      </c>
      <c r="B23" s="316">
        <v>30</v>
      </c>
      <c r="C23" s="82">
        <v>42</v>
      </c>
      <c r="D23" s="83">
        <v>72</v>
      </c>
      <c r="E23" s="241"/>
      <c r="F23" s="82">
        <v>65</v>
      </c>
      <c r="G23" s="82">
        <v>40</v>
      </c>
      <c r="H23" s="82">
        <v>30</v>
      </c>
      <c r="I23" s="82">
        <v>24</v>
      </c>
      <c r="J23" s="82">
        <v>14</v>
      </c>
      <c r="K23" s="84">
        <v>173</v>
      </c>
      <c r="L23" s="85">
        <v>245</v>
      </c>
      <c r="M23" s="70">
        <v>2</v>
      </c>
      <c r="N23" s="71">
        <v>0</v>
      </c>
      <c r="O23" s="72">
        <v>2</v>
      </c>
      <c r="P23" s="244"/>
      <c r="Q23" s="71">
        <v>3</v>
      </c>
      <c r="R23" s="71">
        <v>2</v>
      </c>
      <c r="S23" s="71">
        <v>2</v>
      </c>
      <c r="T23" s="71">
        <v>1</v>
      </c>
      <c r="U23" s="71">
        <v>0</v>
      </c>
      <c r="V23" s="72">
        <v>8</v>
      </c>
      <c r="W23" s="73">
        <v>10</v>
      </c>
      <c r="X23" s="70">
        <v>5</v>
      </c>
      <c r="Y23" s="71">
        <v>1</v>
      </c>
      <c r="Z23" s="72">
        <v>6</v>
      </c>
      <c r="AA23" s="244"/>
      <c r="AB23" s="71">
        <v>15</v>
      </c>
      <c r="AC23" s="71">
        <v>7</v>
      </c>
      <c r="AD23" s="71">
        <v>5</v>
      </c>
      <c r="AE23" s="71">
        <v>2</v>
      </c>
      <c r="AF23" s="71">
        <v>1</v>
      </c>
      <c r="AG23" s="72">
        <v>30</v>
      </c>
      <c r="AH23" s="73">
        <v>36</v>
      </c>
      <c r="AI23" s="70">
        <v>5</v>
      </c>
      <c r="AJ23" s="71">
        <v>6</v>
      </c>
      <c r="AK23" s="72">
        <v>11</v>
      </c>
      <c r="AL23" s="244"/>
      <c r="AM23" s="71">
        <v>6</v>
      </c>
      <c r="AN23" s="71">
        <v>6</v>
      </c>
      <c r="AO23" s="71">
        <v>8</v>
      </c>
      <c r="AP23" s="71">
        <v>5</v>
      </c>
      <c r="AQ23" s="71">
        <v>3</v>
      </c>
      <c r="AR23" s="72">
        <v>28</v>
      </c>
      <c r="AS23" s="73">
        <v>39</v>
      </c>
      <c r="AT23" s="70">
        <v>4</v>
      </c>
      <c r="AU23" s="71">
        <v>17</v>
      </c>
      <c r="AV23" s="72">
        <v>21</v>
      </c>
      <c r="AW23" s="244"/>
      <c r="AX23" s="71">
        <v>18</v>
      </c>
      <c r="AY23" s="71">
        <v>12</v>
      </c>
      <c r="AZ23" s="71">
        <v>5</v>
      </c>
      <c r="BA23" s="71">
        <v>6</v>
      </c>
      <c r="BB23" s="71">
        <v>5</v>
      </c>
      <c r="BC23" s="72">
        <v>46</v>
      </c>
      <c r="BD23" s="73">
        <v>67</v>
      </c>
      <c r="BE23" s="70">
        <v>6</v>
      </c>
      <c r="BF23" s="71">
        <v>12</v>
      </c>
      <c r="BG23" s="72">
        <v>18</v>
      </c>
      <c r="BH23" s="244"/>
      <c r="BI23" s="71">
        <v>13</v>
      </c>
      <c r="BJ23" s="71">
        <v>7</v>
      </c>
      <c r="BK23" s="71">
        <v>4</v>
      </c>
      <c r="BL23" s="71">
        <v>8</v>
      </c>
      <c r="BM23" s="71">
        <v>1</v>
      </c>
      <c r="BN23" s="72">
        <v>33</v>
      </c>
      <c r="BO23" s="73">
        <v>51</v>
      </c>
      <c r="BP23" s="70">
        <v>8</v>
      </c>
      <c r="BQ23" s="71">
        <v>6</v>
      </c>
      <c r="BR23" s="72">
        <v>14</v>
      </c>
      <c r="BS23" s="244"/>
      <c r="BT23" s="71">
        <v>10</v>
      </c>
      <c r="BU23" s="71">
        <v>6</v>
      </c>
      <c r="BV23" s="71">
        <v>6</v>
      </c>
      <c r="BW23" s="71">
        <v>2</v>
      </c>
      <c r="BX23" s="71">
        <v>4</v>
      </c>
      <c r="BY23" s="72">
        <v>28</v>
      </c>
      <c r="BZ23" s="73">
        <v>42</v>
      </c>
      <c r="CA23" s="70">
        <v>0</v>
      </c>
      <c r="CB23" s="71">
        <v>0</v>
      </c>
      <c r="CC23" s="72">
        <v>0</v>
      </c>
      <c r="CD23" s="244"/>
      <c r="CE23" s="71">
        <v>0</v>
      </c>
      <c r="CF23" s="71">
        <v>0</v>
      </c>
      <c r="CG23" s="71">
        <v>0</v>
      </c>
      <c r="CH23" s="71">
        <v>0</v>
      </c>
      <c r="CI23" s="71">
        <v>0</v>
      </c>
      <c r="CJ23" s="72">
        <v>0</v>
      </c>
      <c r="CK23" s="73">
        <v>0</v>
      </c>
      <c r="CL23" s="70">
        <v>30</v>
      </c>
      <c r="CM23" s="71">
        <v>42</v>
      </c>
      <c r="CN23" s="72">
        <v>72</v>
      </c>
      <c r="CO23" s="244"/>
      <c r="CP23" s="71">
        <v>65</v>
      </c>
      <c r="CQ23" s="71">
        <v>40</v>
      </c>
      <c r="CR23" s="71">
        <v>30</v>
      </c>
      <c r="CS23" s="71">
        <v>24</v>
      </c>
      <c r="CT23" s="71">
        <v>14</v>
      </c>
      <c r="CU23" s="72">
        <v>173</v>
      </c>
      <c r="CV23" s="73">
        <v>245</v>
      </c>
      <c r="CW23" s="123">
        <v>14</v>
      </c>
      <c r="CX23" s="82">
        <v>21</v>
      </c>
      <c r="CY23" s="83">
        <v>35</v>
      </c>
      <c r="CZ23" s="241"/>
      <c r="DA23" s="82">
        <v>28</v>
      </c>
      <c r="DB23" s="82">
        <v>12</v>
      </c>
      <c r="DC23" s="82">
        <v>9</v>
      </c>
      <c r="DD23" s="82">
        <v>12</v>
      </c>
      <c r="DE23" s="82">
        <v>6</v>
      </c>
      <c r="DF23" s="84">
        <v>67</v>
      </c>
      <c r="DG23" s="85">
        <v>102</v>
      </c>
      <c r="DH23" s="70">
        <v>1</v>
      </c>
      <c r="DI23" s="71">
        <v>0</v>
      </c>
      <c r="DJ23" s="72">
        <v>1</v>
      </c>
      <c r="DK23" s="244"/>
      <c r="DL23" s="71">
        <v>0</v>
      </c>
      <c r="DM23" s="71">
        <v>0</v>
      </c>
      <c r="DN23" s="71">
        <v>0</v>
      </c>
      <c r="DO23" s="71">
        <v>1</v>
      </c>
      <c r="DP23" s="71">
        <v>0</v>
      </c>
      <c r="DQ23" s="72">
        <v>1</v>
      </c>
      <c r="DR23" s="73">
        <v>2</v>
      </c>
      <c r="DS23" s="70">
        <v>1</v>
      </c>
      <c r="DT23" s="71">
        <v>0</v>
      </c>
      <c r="DU23" s="72">
        <v>1</v>
      </c>
      <c r="DV23" s="244"/>
      <c r="DW23" s="71">
        <v>1</v>
      </c>
      <c r="DX23" s="71">
        <v>0</v>
      </c>
      <c r="DY23" s="71">
        <v>0</v>
      </c>
      <c r="DZ23" s="71">
        <v>0</v>
      </c>
      <c r="EA23" s="71">
        <v>0</v>
      </c>
      <c r="EB23" s="72">
        <v>1</v>
      </c>
      <c r="EC23" s="73">
        <v>2</v>
      </c>
      <c r="ED23" s="70">
        <v>2</v>
      </c>
      <c r="EE23" s="71">
        <v>3</v>
      </c>
      <c r="EF23" s="72">
        <v>5</v>
      </c>
      <c r="EG23" s="244"/>
      <c r="EH23" s="71">
        <v>6</v>
      </c>
      <c r="EI23" s="71">
        <v>1</v>
      </c>
      <c r="EJ23" s="71">
        <v>1</v>
      </c>
      <c r="EK23" s="71">
        <v>0</v>
      </c>
      <c r="EL23" s="71">
        <v>2</v>
      </c>
      <c r="EM23" s="72">
        <v>10</v>
      </c>
      <c r="EN23" s="73">
        <v>15</v>
      </c>
      <c r="EO23" s="70">
        <v>1</v>
      </c>
      <c r="EP23" s="71">
        <v>7</v>
      </c>
      <c r="EQ23" s="72">
        <v>8</v>
      </c>
      <c r="ER23" s="244"/>
      <c r="ES23" s="71">
        <v>3</v>
      </c>
      <c r="ET23" s="71">
        <v>3</v>
      </c>
      <c r="EU23" s="71">
        <v>0</v>
      </c>
      <c r="EV23" s="71">
        <v>1</v>
      </c>
      <c r="EW23" s="71">
        <v>2</v>
      </c>
      <c r="EX23" s="72">
        <v>9</v>
      </c>
      <c r="EY23" s="73">
        <v>17</v>
      </c>
      <c r="EZ23" s="70">
        <v>5</v>
      </c>
      <c r="FA23" s="71">
        <v>5</v>
      </c>
      <c r="FB23" s="72">
        <v>10</v>
      </c>
      <c r="FC23" s="244"/>
      <c r="FD23" s="71">
        <v>9</v>
      </c>
      <c r="FE23" s="71">
        <v>2</v>
      </c>
      <c r="FF23" s="71">
        <v>3</v>
      </c>
      <c r="FG23" s="71">
        <v>3</v>
      </c>
      <c r="FH23" s="71">
        <v>1</v>
      </c>
      <c r="FI23" s="72">
        <v>18</v>
      </c>
      <c r="FJ23" s="73">
        <v>28</v>
      </c>
      <c r="FK23" s="70">
        <v>4</v>
      </c>
      <c r="FL23" s="71">
        <v>6</v>
      </c>
      <c r="FM23" s="72">
        <v>10</v>
      </c>
      <c r="FN23" s="244"/>
      <c r="FO23" s="71">
        <v>9</v>
      </c>
      <c r="FP23" s="71">
        <v>6</v>
      </c>
      <c r="FQ23" s="71">
        <v>5</v>
      </c>
      <c r="FR23" s="71">
        <v>7</v>
      </c>
      <c r="FS23" s="71">
        <v>1</v>
      </c>
      <c r="FT23" s="72">
        <v>28</v>
      </c>
      <c r="FU23" s="73">
        <v>38</v>
      </c>
      <c r="FV23" s="70">
        <v>0</v>
      </c>
      <c r="FW23" s="71">
        <v>0</v>
      </c>
      <c r="FX23" s="72">
        <v>0</v>
      </c>
      <c r="FY23" s="244"/>
      <c r="FZ23" s="71">
        <v>0</v>
      </c>
      <c r="GA23" s="71">
        <v>0</v>
      </c>
      <c r="GB23" s="71">
        <v>0</v>
      </c>
      <c r="GC23" s="71">
        <v>0</v>
      </c>
      <c r="GD23" s="71">
        <v>0</v>
      </c>
      <c r="GE23" s="72">
        <v>0</v>
      </c>
      <c r="GF23" s="73">
        <v>0</v>
      </c>
      <c r="GG23" s="70">
        <v>14</v>
      </c>
      <c r="GH23" s="71">
        <v>21</v>
      </c>
      <c r="GI23" s="72">
        <v>35</v>
      </c>
      <c r="GJ23" s="244"/>
      <c r="GK23" s="71">
        <v>28</v>
      </c>
      <c r="GL23" s="71">
        <v>12</v>
      </c>
      <c r="GM23" s="71">
        <v>9</v>
      </c>
      <c r="GN23" s="71">
        <v>12</v>
      </c>
      <c r="GO23" s="71">
        <v>6</v>
      </c>
      <c r="GP23" s="72">
        <v>67</v>
      </c>
      <c r="GQ23" s="73">
        <v>102</v>
      </c>
      <c r="GR23" s="123">
        <v>44</v>
      </c>
      <c r="GS23" s="82">
        <v>63</v>
      </c>
      <c r="GT23" s="83">
        <v>107</v>
      </c>
      <c r="GU23" s="241"/>
      <c r="GV23" s="82">
        <v>93</v>
      </c>
      <c r="GW23" s="82">
        <v>52</v>
      </c>
      <c r="GX23" s="82">
        <v>39</v>
      </c>
      <c r="GY23" s="82">
        <v>36</v>
      </c>
      <c r="GZ23" s="82">
        <v>20</v>
      </c>
      <c r="HA23" s="84">
        <v>240</v>
      </c>
      <c r="HB23" s="85">
        <v>347</v>
      </c>
      <c r="HC23" s="70">
        <v>3</v>
      </c>
      <c r="HD23" s="71">
        <v>0</v>
      </c>
      <c r="HE23" s="72">
        <v>3</v>
      </c>
      <c r="HF23" s="244"/>
      <c r="HG23" s="71">
        <v>3</v>
      </c>
      <c r="HH23" s="71">
        <v>2</v>
      </c>
      <c r="HI23" s="71">
        <v>2</v>
      </c>
      <c r="HJ23" s="71">
        <v>2</v>
      </c>
      <c r="HK23" s="71">
        <v>0</v>
      </c>
      <c r="HL23" s="72">
        <v>9</v>
      </c>
      <c r="HM23" s="73">
        <v>12</v>
      </c>
      <c r="HN23" s="70">
        <v>6</v>
      </c>
      <c r="HO23" s="71">
        <v>1</v>
      </c>
      <c r="HP23" s="72">
        <v>7</v>
      </c>
      <c r="HQ23" s="244"/>
      <c r="HR23" s="71">
        <v>16</v>
      </c>
      <c r="HS23" s="71">
        <v>7</v>
      </c>
      <c r="HT23" s="71">
        <v>5</v>
      </c>
      <c r="HU23" s="71">
        <v>2</v>
      </c>
      <c r="HV23" s="71">
        <v>1</v>
      </c>
      <c r="HW23" s="72">
        <v>31</v>
      </c>
      <c r="HX23" s="73">
        <v>38</v>
      </c>
      <c r="HY23" s="70">
        <v>7</v>
      </c>
      <c r="HZ23" s="71">
        <v>9</v>
      </c>
      <c r="IA23" s="72">
        <v>16</v>
      </c>
      <c r="IB23" s="244"/>
      <c r="IC23" s="71">
        <v>12</v>
      </c>
      <c r="ID23" s="71">
        <v>7</v>
      </c>
      <c r="IE23" s="71">
        <v>9</v>
      </c>
      <c r="IF23" s="71">
        <v>5</v>
      </c>
      <c r="IG23" s="71">
        <v>5</v>
      </c>
      <c r="IH23" s="72">
        <v>38</v>
      </c>
      <c r="II23" s="73">
        <v>54</v>
      </c>
      <c r="IJ23" s="70">
        <v>5</v>
      </c>
      <c r="IK23" s="71">
        <v>24</v>
      </c>
      <c r="IL23" s="72">
        <v>29</v>
      </c>
      <c r="IM23" s="244"/>
      <c r="IN23" s="71">
        <v>21</v>
      </c>
      <c r="IO23" s="71">
        <v>15</v>
      </c>
      <c r="IP23" s="71">
        <v>5</v>
      </c>
      <c r="IQ23" s="71">
        <v>7</v>
      </c>
      <c r="IR23" s="71">
        <v>7</v>
      </c>
      <c r="IS23" s="72">
        <v>55</v>
      </c>
      <c r="IT23" s="73">
        <v>84</v>
      </c>
      <c r="IU23" s="70">
        <v>11</v>
      </c>
      <c r="IV23" s="71">
        <v>17</v>
      </c>
      <c r="IW23" s="72">
        <v>28</v>
      </c>
      <c r="IX23" s="244"/>
      <c r="IY23" s="71">
        <v>22</v>
      </c>
      <c r="IZ23" s="71">
        <v>9</v>
      </c>
      <c r="JA23" s="71">
        <v>7</v>
      </c>
      <c r="JB23" s="71">
        <v>11</v>
      </c>
      <c r="JC23" s="71">
        <v>2</v>
      </c>
      <c r="JD23" s="72">
        <v>51</v>
      </c>
      <c r="JE23" s="73">
        <v>79</v>
      </c>
      <c r="JF23" s="70">
        <v>12</v>
      </c>
      <c r="JG23" s="71">
        <v>12</v>
      </c>
      <c r="JH23" s="72">
        <v>24</v>
      </c>
      <c r="JI23" s="244"/>
      <c r="JJ23" s="71">
        <v>19</v>
      </c>
      <c r="JK23" s="71">
        <v>12</v>
      </c>
      <c r="JL23" s="71">
        <v>11</v>
      </c>
      <c r="JM23" s="71">
        <v>9</v>
      </c>
      <c r="JN23" s="71">
        <v>5</v>
      </c>
      <c r="JO23" s="72">
        <v>56</v>
      </c>
      <c r="JP23" s="73">
        <v>80</v>
      </c>
      <c r="JQ23" s="70">
        <v>0</v>
      </c>
      <c r="JR23" s="71">
        <v>0</v>
      </c>
      <c r="JS23" s="72">
        <v>0</v>
      </c>
      <c r="JT23" s="244"/>
      <c r="JU23" s="71">
        <v>0</v>
      </c>
      <c r="JV23" s="71">
        <v>0</v>
      </c>
      <c r="JW23" s="71">
        <v>0</v>
      </c>
      <c r="JX23" s="71">
        <v>0</v>
      </c>
      <c r="JY23" s="71">
        <v>0</v>
      </c>
      <c r="JZ23" s="72">
        <v>0</v>
      </c>
      <c r="KA23" s="73">
        <v>0</v>
      </c>
      <c r="KB23" s="70">
        <v>44</v>
      </c>
      <c r="KC23" s="71">
        <v>63</v>
      </c>
      <c r="KD23" s="72">
        <v>107</v>
      </c>
      <c r="KE23" s="244"/>
      <c r="KF23" s="71">
        <v>93</v>
      </c>
      <c r="KG23" s="71">
        <v>52</v>
      </c>
      <c r="KH23" s="71">
        <v>39</v>
      </c>
      <c r="KI23" s="71">
        <v>36</v>
      </c>
      <c r="KJ23" s="71">
        <v>20</v>
      </c>
      <c r="KK23" s="72">
        <v>240</v>
      </c>
      <c r="KL23" s="73">
        <v>347</v>
      </c>
    </row>
    <row r="24" spans="1:298" ht="19.5" customHeight="1" x14ac:dyDescent="0.2">
      <c r="A24" s="126" t="s">
        <v>21</v>
      </c>
      <c r="B24" s="316">
        <v>38</v>
      </c>
      <c r="C24" s="82">
        <v>25</v>
      </c>
      <c r="D24" s="83">
        <v>63</v>
      </c>
      <c r="E24" s="241"/>
      <c r="F24" s="82">
        <v>55</v>
      </c>
      <c r="G24" s="82">
        <v>39</v>
      </c>
      <c r="H24" s="82">
        <v>20</v>
      </c>
      <c r="I24" s="82">
        <v>18</v>
      </c>
      <c r="J24" s="82">
        <v>9</v>
      </c>
      <c r="K24" s="84">
        <v>141</v>
      </c>
      <c r="L24" s="85">
        <v>204</v>
      </c>
      <c r="M24" s="70">
        <v>2</v>
      </c>
      <c r="N24" s="71">
        <v>3</v>
      </c>
      <c r="O24" s="72">
        <v>5</v>
      </c>
      <c r="P24" s="244"/>
      <c r="Q24" s="71">
        <v>1</v>
      </c>
      <c r="R24" s="71">
        <v>2</v>
      </c>
      <c r="S24" s="71">
        <v>1</v>
      </c>
      <c r="T24" s="71">
        <v>2</v>
      </c>
      <c r="U24" s="71">
        <v>0</v>
      </c>
      <c r="V24" s="72">
        <v>6</v>
      </c>
      <c r="W24" s="73">
        <v>11</v>
      </c>
      <c r="X24" s="70">
        <v>3</v>
      </c>
      <c r="Y24" s="71">
        <v>3</v>
      </c>
      <c r="Z24" s="72">
        <v>6</v>
      </c>
      <c r="AA24" s="244"/>
      <c r="AB24" s="71">
        <v>4</v>
      </c>
      <c r="AC24" s="71">
        <v>4</v>
      </c>
      <c r="AD24" s="71">
        <v>2</v>
      </c>
      <c r="AE24" s="71">
        <v>0</v>
      </c>
      <c r="AF24" s="71">
        <v>2</v>
      </c>
      <c r="AG24" s="72">
        <v>12</v>
      </c>
      <c r="AH24" s="73">
        <v>18</v>
      </c>
      <c r="AI24" s="70">
        <v>5</v>
      </c>
      <c r="AJ24" s="71">
        <v>2</v>
      </c>
      <c r="AK24" s="72">
        <v>7</v>
      </c>
      <c r="AL24" s="244"/>
      <c r="AM24" s="71">
        <v>12</v>
      </c>
      <c r="AN24" s="71">
        <v>6</v>
      </c>
      <c r="AO24" s="71">
        <v>3</v>
      </c>
      <c r="AP24" s="71">
        <v>3</v>
      </c>
      <c r="AQ24" s="71">
        <v>0</v>
      </c>
      <c r="AR24" s="72">
        <v>24</v>
      </c>
      <c r="AS24" s="73">
        <v>31</v>
      </c>
      <c r="AT24" s="70">
        <v>8</v>
      </c>
      <c r="AU24" s="71">
        <v>6</v>
      </c>
      <c r="AV24" s="72">
        <v>14</v>
      </c>
      <c r="AW24" s="244"/>
      <c r="AX24" s="71">
        <v>13</v>
      </c>
      <c r="AY24" s="71">
        <v>9</v>
      </c>
      <c r="AZ24" s="71">
        <v>3</v>
      </c>
      <c r="BA24" s="71">
        <v>3</v>
      </c>
      <c r="BB24" s="71">
        <v>2</v>
      </c>
      <c r="BC24" s="72">
        <v>30</v>
      </c>
      <c r="BD24" s="73">
        <v>44</v>
      </c>
      <c r="BE24" s="70">
        <v>12</v>
      </c>
      <c r="BF24" s="71">
        <v>5</v>
      </c>
      <c r="BG24" s="72">
        <v>17</v>
      </c>
      <c r="BH24" s="244"/>
      <c r="BI24" s="71">
        <v>16</v>
      </c>
      <c r="BJ24" s="71">
        <v>10</v>
      </c>
      <c r="BK24" s="71">
        <v>8</v>
      </c>
      <c r="BL24" s="71">
        <v>3</v>
      </c>
      <c r="BM24" s="71">
        <v>4</v>
      </c>
      <c r="BN24" s="72">
        <v>41</v>
      </c>
      <c r="BO24" s="73">
        <v>58</v>
      </c>
      <c r="BP24" s="70">
        <v>8</v>
      </c>
      <c r="BQ24" s="71">
        <v>6</v>
      </c>
      <c r="BR24" s="72">
        <v>14</v>
      </c>
      <c r="BS24" s="244"/>
      <c r="BT24" s="71">
        <v>9</v>
      </c>
      <c r="BU24" s="71">
        <v>8</v>
      </c>
      <c r="BV24" s="71">
        <v>3</v>
      </c>
      <c r="BW24" s="71">
        <v>7</v>
      </c>
      <c r="BX24" s="71">
        <v>1</v>
      </c>
      <c r="BY24" s="72">
        <v>28</v>
      </c>
      <c r="BZ24" s="73">
        <v>42</v>
      </c>
      <c r="CA24" s="70">
        <v>0</v>
      </c>
      <c r="CB24" s="71">
        <v>0</v>
      </c>
      <c r="CC24" s="72">
        <v>0</v>
      </c>
      <c r="CD24" s="244"/>
      <c r="CE24" s="71">
        <v>0</v>
      </c>
      <c r="CF24" s="71">
        <v>0</v>
      </c>
      <c r="CG24" s="71">
        <v>0</v>
      </c>
      <c r="CH24" s="71">
        <v>0</v>
      </c>
      <c r="CI24" s="71">
        <v>0</v>
      </c>
      <c r="CJ24" s="72">
        <v>0</v>
      </c>
      <c r="CK24" s="73">
        <v>0</v>
      </c>
      <c r="CL24" s="70">
        <v>38</v>
      </c>
      <c r="CM24" s="71">
        <v>25</v>
      </c>
      <c r="CN24" s="72">
        <v>63</v>
      </c>
      <c r="CO24" s="244"/>
      <c r="CP24" s="71">
        <v>55</v>
      </c>
      <c r="CQ24" s="71">
        <v>39</v>
      </c>
      <c r="CR24" s="71">
        <v>20</v>
      </c>
      <c r="CS24" s="71">
        <v>18</v>
      </c>
      <c r="CT24" s="71">
        <v>9</v>
      </c>
      <c r="CU24" s="72">
        <v>141</v>
      </c>
      <c r="CV24" s="73">
        <v>204</v>
      </c>
      <c r="CW24" s="123">
        <v>8</v>
      </c>
      <c r="CX24" s="82">
        <v>10</v>
      </c>
      <c r="CY24" s="83">
        <v>18</v>
      </c>
      <c r="CZ24" s="241"/>
      <c r="DA24" s="82">
        <v>11</v>
      </c>
      <c r="DB24" s="82">
        <v>17</v>
      </c>
      <c r="DC24" s="82">
        <v>8</v>
      </c>
      <c r="DD24" s="82">
        <v>7</v>
      </c>
      <c r="DE24" s="82">
        <v>5</v>
      </c>
      <c r="DF24" s="84">
        <v>48</v>
      </c>
      <c r="DG24" s="85">
        <v>66</v>
      </c>
      <c r="DH24" s="70">
        <v>0</v>
      </c>
      <c r="DI24" s="71">
        <v>0</v>
      </c>
      <c r="DJ24" s="72">
        <v>0</v>
      </c>
      <c r="DK24" s="244"/>
      <c r="DL24" s="71">
        <v>0</v>
      </c>
      <c r="DM24" s="71">
        <v>0</v>
      </c>
      <c r="DN24" s="71">
        <v>1</v>
      </c>
      <c r="DO24" s="71">
        <v>0</v>
      </c>
      <c r="DP24" s="71">
        <v>0</v>
      </c>
      <c r="DQ24" s="72">
        <v>1</v>
      </c>
      <c r="DR24" s="73">
        <v>1</v>
      </c>
      <c r="DS24" s="70">
        <v>2</v>
      </c>
      <c r="DT24" s="71">
        <v>1</v>
      </c>
      <c r="DU24" s="72">
        <v>3</v>
      </c>
      <c r="DV24" s="244"/>
      <c r="DW24" s="71">
        <v>1</v>
      </c>
      <c r="DX24" s="71">
        <v>0</v>
      </c>
      <c r="DY24" s="71">
        <v>1</v>
      </c>
      <c r="DZ24" s="71">
        <v>0</v>
      </c>
      <c r="EA24" s="71">
        <v>1</v>
      </c>
      <c r="EB24" s="72">
        <v>3</v>
      </c>
      <c r="EC24" s="73">
        <v>6</v>
      </c>
      <c r="ED24" s="70">
        <v>0</v>
      </c>
      <c r="EE24" s="71">
        <v>1</v>
      </c>
      <c r="EF24" s="72">
        <v>1</v>
      </c>
      <c r="EG24" s="244"/>
      <c r="EH24" s="71">
        <v>2</v>
      </c>
      <c r="EI24" s="71">
        <v>3</v>
      </c>
      <c r="EJ24" s="71">
        <v>0</v>
      </c>
      <c r="EK24" s="71">
        <v>0</v>
      </c>
      <c r="EL24" s="71">
        <v>1</v>
      </c>
      <c r="EM24" s="72">
        <v>6</v>
      </c>
      <c r="EN24" s="73">
        <v>7</v>
      </c>
      <c r="EO24" s="70">
        <v>5</v>
      </c>
      <c r="EP24" s="71">
        <v>2</v>
      </c>
      <c r="EQ24" s="72">
        <v>7</v>
      </c>
      <c r="ER24" s="244"/>
      <c r="ES24" s="71">
        <v>2</v>
      </c>
      <c r="ET24" s="71">
        <v>3</v>
      </c>
      <c r="EU24" s="71">
        <v>2</v>
      </c>
      <c r="EV24" s="71">
        <v>0</v>
      </c>
      <c r="EW24" s="71">
        <v>1</v>
      </c>
      <c r="EX24" s="72">
        <v>8</v>
      </c>
      <c r="EY24" s="73">
        <v>15</v>
      </c>
      <c r="EZ24" s="70">
        <v>0</v>
      </c>
      <c r="FA24" s="71">
        <v>4</v>
      </c>
      <c r="FB24" s="72">
        <v>4</v>
      </c>
      <c r="FC24" s="244"/>
      <c r="FD24" s="71">
        <v>1</v>
      </c>
      <c r="FE24" s="71">
        <v>4</v>
      </c>
      <c r="FF24" s="71">
        <v>1</v>
      </c>
      <c r="FG24" s="71">
        <v>1</v>
      </c>
      <c r="FH24" s="71">
        <v>0</v>
      </c>
      <c r="FI24" s="72">
        <v>7</v>
      </c>
      <c r="FJ24" s="73">
        <v>11</v>
      </c>
      <c r="FK24" s="70">
        <v>1</v>
      </c>
      <c r="FL24" s="71">
        <v>2</v>
      </c>
      <c r="FM24" s="72">
        <v>3</v>
      </c>
      <c r="FN24" s="244"/>
      <c r="FO24" s="71">
        <v>5</v>
      </c>
      <c r="FP24" s="71">
        <v>7</v>
      </c>
      <c r="FQ24" s="71">
        <v>3</v>
      </c>
      <c r="FR24" s="71">
        <v>6</v>
      </c>
      <c r="FS24" s="71">
        <v>2</v>
      </c>
      <c r="FT24" s="72">
        <v>23</v>
      </c>
      <c r="FU24" s="73">
        <v>26</v>
      </c>
      <c r="FV24" s="70">
        <v>0</v>
      </c>
      <c r="FW24" s="71">
        <v>0</v>
      </c>
      <c r="FX24" s="72">
        <v>0</v>
      </c>
      <c r="FY24" s="244"/>
      <c r="FZ24" s="71">
        <v>0</v>
      </c>
      <c r="GA24" s="71">
        <v>0</v>
      </c>
      <c r="GB24" s="71">
        <v>0</v>
      </c>
      <c r="GC24" s="71">
        <v>0</v>
      </c>
      <c r="GD24" s="71">
        <v>0</v>
      </c>
      <c r="GE24" s="72">
        <v>0</v>
      </c>
      <c r="GF24" s="73">
        <v>0</v>
      </c>
      <c r="GG24" s="70">
        <v>8</v>
      </c>
      <c r="GH24" s="71">
        <v>10</v>
      </c>
      <c r="GI24" s="72">
        <v>18</v>
      </c>
      <c r="GJ24" s="244"/>
      <c r="GK24" s="71">
        <v>11</v>
      </c>
      <c r="GL24" s="71">
        <v>17</v>
      </c>
      <c r="GM24" s="71">
        <v>8</v>
      </c>
      <c r="GN24" s="71">
        <v>7</v>
      </c>
      <c r="GO24" s="71">
        <v>5</v>
      </c>
      <c r="GP24" s="72">
        <v>48</v>
      </c>
      <c r="GQ24" s="73">
        <v>66</v>
      </c>
      <c r="GR24" s="123">
        <v>46</v>
      </c>
      <c r="GS24" s="82">
        <v>35</v>
      </c>
      <c r="GT24" s="83">
        <v>81</v>
      </c>
      <c r="GU24" s="241"/>
      <c r="GV24" s="82">
        <v>66</v>
      </c>
      <c r="GW24" s="82">
        <v>56</v>
      </c>
      <c r="GX24" s="82">
        <v>28</v>
      </c>
      <c r="GY24" s="82">
        <v>25</v>
      </c>
      <c r="GZ24" s="82">
        <v>14</v>
      </c>
      <c r="HA24" s="84">
        <v>189</v>
      </c>
      <c r="HB24" s="85">
        <v>270</v>
      </c>
      <c r="HC24" s="70">
        <v>2</v>
      </c>
      <c r="HD24" s="71">
        <v>3</v>
      </c>
      <c r="HE24" s="72">
        <v>5</v>
      </c>
      <c r="HF24" s="244"/>
      <c r="HG24" s="71">
        <v>1</v>
      </c>
      <c r="HH24" s="71">
        <v>2</v>
      </c>
      <c r="HI24" s="71">
        <v>2</v>
      </c>
      <c r="HJ24" s="71">
        <v>2</v>
      </c>
      <c r="HK24" s="71">
        <v>0</v>
      </c>
      <c r="HL24" s="72">
        <v>7</v>
      </c>
      <c r="HM24" s="73">
        <v>12</v>
      </c>
      <c r="HN24" s="70">
        <v>5</v>
      </c>
      <c r="HO24" s="71">
        <v>4</v>
      </c>
      <c r="HP24" s="72">
        <v>9</v>
      </c>
      <c r="HQ24" s="244"/>
      <c r="HR24" s="71">
        <v>5</v>
      </c>
      <c r="HS24" s="71">
        <v>4</v>
      </c>
      <c r="HT24" s="71">
        <v>3</v>
      </c>
      <c r="HU24" s="71">
        <v>0</v>
      </c>
      <c r="HV24" s="71">
        <v>3</v>
      </c>
      <c r="HW24" s="72">
        <v>15</v>
      </c>
      <c r="HX24" s="73">
        <v>24</v>
      </c>
      <c r="HY24" s="70">
        <v>5</v>
      </c>
      <c r="HZ24" s="71">
        <v>3</v>
      </c>
      <c r="IA24" s="72">
        <v>8</v>
      </c>
      <c r="IB24" s="244"/>
      <c r="IC24" s="71">
        <v>14</v>
      </c>
      <c r="ID24" s="71">
        <v>9</v>
      </c>
      <c r="IE24" s="71">
        <v>3</v>
      </c>
      <c r="IF24" s="71">
        <v>3</v>
      </c>
      <c r="IG24" s="71">
        <v>1</v>
      </c>
      <c r="IH24" s="72">
        <v>30</v>
      </c>
      <c r="II24" s="73">
        <v>38</v>
      </c>
      <c r="IJ24" s="70">
        <v>13</v>
      </c>
      <c r="IK24" s="71">
        <v>8</v>
      </c>
      <c r="IL24" s="72">
        <v>21</v>
      </c>
      <c r="IM24" s="244"/>
      <c r="IN24" s="71">
        <v>15</v>
      </c>
      <c r="IO24" s="71">
        <v>12</v>
      </c>
      <c r="IP24" s="71">
        <v>5</v>
      </c>
      <c r="IQ24" s="71">
        <v>3</v>
      </c>
      <c r="IR24" s="71">
        <v>3</v>
      </c>
      <c r="IS24" s="72">
        <v>38</v>
      </c>
      <c r="IT24" s="73">
        <v>59</v>
      </c>
      <c r="IU24" s="70">
        <v>12</v>
      </c>
      <c r="IV24" s="71">
        <v>9</v>
      </c>
      <c r="IW24" s="72">
        <v>21</v>
      </c>
      <c r="IX24" s="244"/>
      <c r="IY24" s="71">
        <v>17</v>
      </c>
      <c r="IZ24" s="71">
        <v>14</v>
      </c>
      <c r="JA24" s="71">
        <v>9</v>
      </c>
      <c r="JB24" s="71">
        <v>4</v>
      </c>
      <c r="JC24" s="71">
        <v>4</v>
      </c>
      <c r="JD24" s="72">
        <v>48</v>
      </c>
      <c r="JE24" s="73">
        <v>69</v>
      </c>
      <c r="JF24" s="70">
        <v>9</v>
      </c>
      <c r="JG24" s="71">
        <v>8</v>
      </c>
      <c r="JH24" s="72">
        <v>17</v>
      </c>
      <c r="JI24" s="244"/>
      <c r="JJ24" s="71">
        <v>14</v>
      </c>
      <c r="JK24" s="71">
        <v>15</v>
      </c>
      <c r="JL24" s="71">
        <v>6</v>
      </c>
      <c r="JM24" s="71">
        <v>13</v>
      </c>
      <c r="JN24" s="71">
        <v>3</v>
      </c>
      <c r="JO24" s="72">
        <v>51</v>
      </c>
      <c r="JP24" s="73">
        <v>68</v>
      </c>
      <c r="JQ24" s="70">
        <v>0</v>
      </c>
      <c r="JR24" s="71">
        <v>0</v>
      </c>
      <c r="JS24" s="72">
        <v>0</v>
      </c>
      <c r="JT24" s="244"/>
      <c r="JU24" s="71">
        <v>0</v>
      </c>
      <c r="JV24" s="71">
        <v>0</v>
      </c>
      <c r="JW24" s="71">
        <v>0</v>
      </c>
      <c r="JX24" s="71">
        <v>0</v>
      </c>
      <c r="JY24" s="71">
        <v>0</v>
      </c>
      <c r="JZ24" s="72">
        <v>0</v>
      </c>
      <c r="KA24" s="73">
        <v>0</v>
      </c>
      <c r="KB24" s="70">
        <v>46</v>
      </c>
      <c r="KC24" s="71">
        <v>35</v>
      </c>
      <c r="KD24" s="72">
        <v>81</v>
      </c>
      <c r="KE24" s="244"/>
      <c r="KF24" s="71">
        <v>66</v>
      </c>
      <c r="KG24" s="71">
        <v>56</v>
      </c>
      <c r="KH24" s="71">
        <v>28</v>
      </c>
      <c r="KI24" s="71">
        <v>25</v>
      </c>
      <c r="KJ24" s="71">
        <v>14</v>
      </c>
      <c r="KK24" s="72">
        <v>189</v>
      </c>
      <c r="KL24" s="73">
        <v>270</v>
      </c>
    </row>
    <row r="25" spans="1:298" ht="19.5" customHeight="1" x14ac:dyDescent="0.2">
      <c r="A25" s="126" t="s">
        <v>22</v>
      </c>
      <c r="B25" s="316">
        <v>16</v>
      </c>
      <c r="C25" s="82">
        <v>5</v>
      </c>
      <c r="D25" s="83">
        <v>21</v>
      </c>
      <c r="E25" s="241"/>
      <c r="F25" s="82">
        <v>29</v>
      </c>
      <c r="G25" s="82">
        <v>18</v>
      </c>
      <c r="H25" s="82">
        <v>9</v>
      </c>
      <c r="I25" s="82">
        <v>11</v>
      </c>
      <c r="J25" s="82">
        <v>6</v>
      </c>
      <c r="K25" s="84">
        <v>73</v>
      </c>
      <c r="L25" s="85">
        <v>94</v>
      </c>
      <c r="M25" s="70">
        <v>0</v>
      </c>
      <c r="N25" s="71">
        <v>0</v>
      </c>
      <c r="O25" s="72">
        <v>0</v>
      </c>
      <c r="P25" s="244"/>
      <c r="Q25" s="71">
        <v>2</v>
      </c>
      <c r="R25" s="71">
        <v>0</v>
      </c>
      <c r="S25" s="71">
        <v>0</v>
      </c>
      <c r="T25" s="71">
        <v>0</v>
      </c>
      <c r="U25" s="71">
        <v>0</v>
      </c>
      <c r="V25" s="72">
        <v>2</v>
      </c>
      <c r="W25" s="73">
        <v>2</v>
      </c>
      <c r="X25" s="70">
        <v>2</v>
      </c>
      <c r="Y25" s="71">
        <v>1</v>
      </c>
      <c r="Z25" s="72">
        <v>3</v>
      </c>
      <c r="AA25" s="244"/>
      <c r="AB25" s="71">
        <v>4</v>
      </c>
      <c r="AC25" s="71">
        <v>0</v>
      </c>
      <c r="AD25" s="71">
        <v>0</v>
      </c>
      <c r="AE25" s="71">
        <v>1</v>
      </c>
      <c r="AF25" s="71">
        <v>1</v>
      </c>
      <c r="AG25" s="72">
        <v>6</v>
      </c>
      <c r="AH25" s="73">
        <v>9</v>
      </c>
      <c r="AI25" s="70">
        <v>3</v>
      </c>
      <c r="AJ25" s="71">
        <v>1</v>
      </c>
      <c r="AK25" s="72">
        <v>4</v>
      </c>
      <c r="AL25" s="244"/>
      <c r="AM25" s="71">
        <v>4</v>
      </c>
      <c r="AN25" s="71">
        <v>2</v>
      </c>
      <c r="AO25" s="71">
        <v>0</v>
      </c>
      <c r="AP25" s="71">
        <v>0</v>
      </c>
      <c r="AQ25" s="71">
        <v>1</v>
      </c>
      <c r="AR25" s="72">
        <v>7</v>
      </c>
      <c r="AS25" s="73">
        <v>11</v>
      </c>
      <c r="AT25" s="70">
        <v>4</v>
      </c>
      <c r="AU25" s="71">
        <v>2</v>
      </c>
      <c r="AV25" s="72">
        <v>6</v>
      </c>
      <c r="AW25" s="244"/>
      <c r="AX25" s="71">
        <v>9</v>
      </c>
      <c r="AY25" s="71">
        <v>6</v>
      </c>
      <c r="AZ25" s="71">
        <v>2</v>
      </c>
      <c r="BA25" s="71">
        <v>2</v>
      </c>
      <c r="BB25" s="71">
        <v>1</v>
      </c>
      <c r="BC25" s="72">
        <v>20</v>
      </c>
      <c r="BD25" s="73">
        <v>26</v>
      </c>
      <c r="BE25" s="70">
        <v>2</v>
      </c>
      <c r="BF25" s="71">
        <v>1</v>
      </c>
      <c r="BG25" s="72">
        <v>3</v>
      </c>
      <c r="BH25" s="244"/>
      <c r="BI25" s="71">
        <v>2</v>
      </c>
      <c r="BJ25" s="71">
        <v>5</v>
      </c>
      <c r="BK25" s="71">
        <v>3</v>
      </c>
      <c r="BL25" s="71">
        <v>5</v>
      </c>
      <c r="BM25" s="71">
        <v>1</v>
      </c>
      <c r="BN25" s="72">
        <v>16</v>
      </c>
      <c r="BO25" s="73">
        <v>19</v>
      </c>
      <c r="BP25" s="70">
        <v>5</v>
      </c>
      <c r="BQ25" s="71">
        <v>0</v>
      </c>
      <c r="BR25" s="72">
        <v>5</v>
      </c>
      <c r="BS25" s="244"/>
      <c r="BT25" s="71">
        <v>8</v>
      </c>
      <c r="BU25" s="71">
        <v>5</v>
      </c>
      <c r="BV25" s="71">
        <v>4</v>
      </c>
      <c r="BW25" s="71">
        <v>3</v>
      </c>
      <c r="BX25" s="71">
        <v>2</v>
      </c>
      <c r="BY25" s="72">
        <v>22</v>
      </c>
      <c r="BZ25" s="73">
        <v>27</v>
      </c>
      <c r="CA25" s="70">
        <v>0</v>
      </c>
      <c r="CB25" s="71">
        <v>0</v>
      </c>
      <c r="CC25" s="72">
        <v>0</v>
      </c>
      <c r="CD25" s="244"/>
      <c r="CE25" s="71">
        <v>0</v>
      </c>
      <c r="CF25" s="71">
        <v>0</v>
      </c>
      <c r="CG25" s="71">
        <v>0</v>
      </c>
      <c r="CH25" s="71">
        <v>0</v>
      </c>
      <c r="CI25" s="71">
        <v>0</v>
      </c>
      <c r="CJ25" s="72">
        <v>0</v>
      </c>
      <c r="CK25" s="73">
        <v>0</v>
      </c>
      <c r="CL25" s="70">
        <v>16</v>
      </c>
      <c r="CM25" s="71">
        <v>5</v>
      </c>
      <c r="CN25" s="72">
        <v>21</v>
      </c>
      <c r="CO25" s="244"/>
      <c r="CP25" s="71">
        <v>29</v>
      </c>
      <c r="CQ25" s="71">
        <v>18</v>
      </c>
      <c r="CR25" s="71">
        <v>9</v>
      </c>
      <c r="CS25" s="71">
        <v>11</v>
      </c>
      <c r="CT25" s="71">
        <v>6</v>
      </c>
      <c r="CU25" s="72">
        <v>73</v>
      </c>
      <c r="CV25" s="73">
        <v>94</v>
      </c>
      <c r="CW25" s="123">
        <v>3</v>
      </c>
      <c r="CX25" s="82">
        <v>7</v>
      </c>
      <c r="CY25" s="83">
        <v>10</v>
      </c>
      <c r="CZ25" s="241"/>
      <c r="DA25" s="82">
        <v>6</v>
      </c>
      <c r="DB25" s="82">
        <v>2</v>
      </c>
      <c r="DC25" s="82">
        <v>2</v>
      </c>
      <c r="DD25" s="82">
        <v>4</v>
      </c>
      <c r="DE25" s="82">
        <v>4</v>
      </c>
      <c r="DF25" s="84">
        <v>18</v>
      </c>
      <c r="DG25" s="85">
        <v>28</v>
      </c>
      <c r="DH25" s="70">
        <v>0</v>
      </c>
      <c r="DI25" s="71">
        <v>1</v>
      </c>
      <c r="DJ25" s="72">
        <v>1</v>
      </c>
      <c r="DK25" s="244"/>
      <c r="DL25" s="71">
        <v>0</v>
      </c>
      <c r="DM25" s="71">
        <v>0</v>
      </c>
      <c r="DN25" s="71">
        <v>0</v>
      </c>
      <c r="DO25" s="71">
        <v>0</v>
      </c>
      <c r="DP25" s="71">
        <v>0</v>
      </c>
      <c r="DQ25" s="72">
        <v>0</v>
      </c>
      <c r="DR25" s="73">
        <v>1</v>
      </c>
      <c r="DS25" s="70">
        <v>0</v>
      </c>
      <c r="DT25" s="71">
        <v>0</v>
      </c>
      <c r="DU25" s="72">
        <v>0</v>
      </c>
      <c r="DV25" s="244"/>
      <c r="DW25" s="71">
        <v>0</v>
      </c>
      <c r="DX25" s="71">
        <v>0</v>
      </c>
      <c r="DY25" s="71">
        <v>0</v>
      </c>
      <c r="DZ25" s="71">
        <v>0</v>
      </c>
      <c r="EA25" s="71">
        <v>0</v>
      </c>
      <c r="EB25" s="72">
        <v>0</v>
      </c>
      <c r="EC25" s="73">
        <v>0</v>
      </c>
      <c r="ED25" s="70">
        <v>0</v>
      </c>
      <c r="EE25" s="71">
        <v>2</v>
      </c>
      <c r="EF25" s="72">
        <v>2</v>
      </c>
      <c r="EG25" s="244"/>
      <c r="EH25" s="71">
        <v>1</v>
      </c>
      <c r="EI25" s="71">
        <v>0</v>
      </c>
      <c r="EJ25" s="71">
        <v>0</v>
      </c>
      <c r="EK25" s="71">
        <v>0</v>
      </c>
      <c r="EL25" s="71">
        <v>1</v>
      </c>
      <c r="EM25" s="72">
        <v>2</v>
      </c>
      <c r="EN25" s="73">
        <v>4</v>
      </c>
      <c r="EO25" s="70">
        <v>2</v>
      </c>
      <c r="EP25" s="71">
        <v>1</v>
      </c>
      <c r="EQ25" s="72">
        <v>3</v>
      </c>
      <c r="ER25" s="244"/>
      <c r="ES25" s="71">
        <v>1</v>
      </c>
      <c r="ET25" s="71">
        <v>0</v>
      </c>
      <c r="EU25" s="71">
        <v>1</v>
      </c>
      <c r="EV25" s="71">
        <v>2</v>
      </c>
      <c r="EW25" s="71">
        <v>0</v>
      </c>
      <c r="EX25" s="72">
        <v>4</v>
      </c>
      <c r="EY25" s="73">
        <v>7</v>
      </c>
      <c r="EZ25" s="70">
        <v>1</v>
      </c>
      <c r="FA25" s="71">
        <v>0</v>
      </c>
      <c r="FB25" s="72">
        <v>1</v>
      </c>
      <c r="FC25" s="244"/>
      <c r="FD25" s="71">
        <v>2</v>
      </c>
      <c r="FE25" s="71">
        <v>0</v>
      </c>
      <c r="FF25" s="71">
        <v>1</v>
      </c>
      <c r="FG25" s="71">
        <v>0</v>
      </c>
      <c r="FH25" s="71">
        <v>1</v>
      </c>
      <c r="FI25" s="72">
        <v>4</v>
      </c>
      <c r="FJ25" s="73">
        <v>5</v>
      </c>
      <c r="FK25" s="70">
        <v>0</v>
      </c>
      <c r="FL25" s="71">
        <v>3</v>
      </c>
      <c r="FM25" s="72">
        <v>3</v>
      </c>
      <c r="FN25" s="244"/>
      <c r="FO25" s="71">
        <v>2</v>
      </c>
      <c r="FP25" s="71">
        <v>2</v>
      </c>
      <c r="FQ25" s="71">
        <v>0</v>
      </c>
      <c r="FR25" s="71">
        <v>2</v>
      </c>
      <c r="FS25" s="71">
        <v>2</v>
      </c>
      <c r="FT25" s="72">
        <v>8</v>
      </c>
      <c r="FU25" s="73">
        <v>11</v>
      </c>
      <c r="FV25" s="70">
        <v>0</v>
      </c>
      <c r="FW25" s="71">
        <v>0</v>
      </c>
      <c r="FX25" s="72">
        <v>0</v>
      </c>
      <c r="FY25" s="244"/>
      <c r="FZ25" s="71">
        <v>0</v>
      </c>
      <c r="GA25" s="71">
        <v>0</v>
      </c>
      <c r="GB25" s="71">
        <v>0</v>
      </c>
      <c r="GC25" s="71">
        <v>0</v>
      </c>
      <c r="GD25" s="71">
        <v>0</v>
      </c>
      <c r="GE25" s="72">
        <v>0</v>
      </c>
      <c r="GF25" s="73">
        <v>0</v>
      </c>
      <c r="GG25" s="70">
        <v>3</v>
      </c>
      <c r="GH25" s="71">
        <v>7</v>
      </c>
      <c r="GI25" s="72">
        <v>10</v>
      </c>
      <c r="GJ25" s="244"/>
      <c r="GK25" s="71">
        <v>6</v>
      </c>
      <c r="GL25" s="71">
        <v>2</v>
      </c>
      <c r="GM25" s="71">
        <v>2</v>
      </c>
      <c r="GN25" s="71">
        <v>4</v>
      </c>
      <c r="GO25" s="71">
        <v>4</v>
      </c>
      <c r="GP25" s="72">
        <v>18</v>
      </c>
      <c r="GQ25" s="73">
        <v>28</v>
      </c>
      <c r="GR25" s="123">
        <v>19</v>
      </c>
      <c r="GS25" s="82">
        <v>12</v>
      </c>
      <c r="GT25" s="83">
        <v>31</v>
      </c>
      <c r="GU25" s="241"/>
      <c r="GV25" s="82">
        <v>35</v>
      </c>
      <c r="GW25" s="82">
        <v>20</v>
      </c>
      <c r="GX25" s="82">
        <v>11</v>
      </c>
      <c r="GY25" s="82">
        <v>15</v>
      </c>
      <c r="GZ25" s="82">
        <v>10</v>
      </c>
      <c r="HA25" s="84">
        <v>91</v>
      </c>
      <c r="HB25" s="85">
        <v>122</v>
      </c>
      <c r="HC25" s="70">
        <v>0</v>
      </c>
      <c r="HD25" s="71">
        <v>1</v>
      </c>
      <c r="HE25" s="72">
        <v>1</v>
      </c>
      <c r="HF25" s="244"/>
      <c r="HG25" s="71">
        <v>2</v>
      </c>
      <c r="HH25" s="71">
        <v>0</v>
      </c>
      <c r="HI25" s="71">
        <v>0</v>
      </c>
      <c r="HJ25" s="71">
        <v>0</v>
      </c>
      <c r="HK25" s="71">
        <v>0</v>
      </c>
      <c r="HL25" s="72">
        <v>2</v>
      </c>
      <c r="HM25" s="73">
        <v>3</v>
      </c>
      <c r="HN25" s="70">
        <v>2</v>
      </c>
      <c r="HO25" s="71">
        <v>1</v>
      </c>
      <c r="HP25" s="72">
        <v>3</v>
      </c>
      <c r="HQ25" s="244"/>
      <c r="HR25" s="71">
        <v>4</v>
      </c>
      <c r="HS25" s="71">
        <v>0</v>
      </c>
      <c r="HT25" s="71">
        <v>0</v>
      </c>
      <c r="HU25" s="71">
        <v>1</v>
      </c>
      <c r="HV25" s="71">
        <v>1</v>
      </c>
      <c r="HW25" s="72">
        <v>6</v>
      </c>
      <c r="HX25" s="73">
        <v>9</v>
      </c>
      <c r="HY25" s="70">
        <v>3</v>
      </c>
      <c r="HZ25" s="71">
        <v>3</v>
      </c>
      <c r="IA25" s="72">
        <v>6</v>
      </c>
      <c r="IB25" s="244"/>
      <c r="IC25" s="71">
        <v>5</v>
      </c>
      <c r="ID25" s="71">
        <v>2</v>
      </c>
      <c r="IE25" s="71">
        <v>0</v>
      </c>
      <c r="IF25" s="71">
        <v>0</v>
      </c>
      <c r="IG25" s="71">
        <v>2</v>
      </c>
      <c r="IH25" s="72">
        <v>9</v>
      </c>
      <c r="II25" s="73">
        <v>15</v>
      </c>
      <c r="IJ25" s="70">
        <v>6</v>
      </c>
      <c r="IK25" s="71">
        <v>3</v>
      </c>
      <c r="IL25" s="72">
        <v>9</v>
      </c>
      <c r="IM25" s="244"/>
      <c r="IN25" s="71">
        <v>10</v>
      </c>
      <c r="IO25" s="71">
        <v>6</v>
      </c>
      <c r="IP25" s="71">
        <v>3</v>
      </c>
      <c r="IQ25" s="71">
        <v>4</v>
      </c>
      <c r="IR25" s="71">
        <v>1</v>
      </c>
      <c r="IS25" s="72">
        <v>24</v>
      </c>
      <c r="IT25" s="73">
        <v>33</v>
      </c>
      <c r="IU25" s="70">
        <v>3</v>
      </c>
      <c r="IV25" s="71">
        <v>1</v>
      </c>
      <c r="IW25" s="72">
        <v>4</v>
      </c>
      <c r="IX25" s="244"/>
      <c r="IY25" s="71">
        <v>4</v>
      </c>
      <c r="IZ25" s="71">
        <v>5</v>
      </c>
      <c r="JA25" s="71">
        <v>4</v>
      </c>
      <c r="JB25" s="71">
        <v>5</v>
      </c>
      <c r="JC25" s="71">
        <v>2</v>
      </c>
      <c r="JD25" s="72">
        <v>20</v>
      </c>
      <c r="JE25" s="73">
        <v>24</v>
      </c>
      <c r="JF25" s="70">
        <v>5</v>
      </c>
      <c r="JG25" s="71">
        <v>3</v>
      </c>
      <c r="JH25" s="72">
        <v>8</v>
      </c>
      <c r="JI25" s="244"/>
      <c r="JJ25" s="71">
        <v>10</v>
      </c>
      <c r="JK25" s="71">
        <v>7</v>
      </c>
      <c r="JL25" s="71">
        <v>4</v>
      </c>
      <c r="JM25" s="71">
        <v>5</v>
      </c>
      <c r="JN25" s="71">
        <v>4</v>
      </c>
      <c r="JO25" s="72">
        <v>30</v>
      </c>
      <c r="JP25" s="73">
        <v>38</v>
      </c>
      <c r="JQ25" s="70">
        <v>0</v>
      </c>
      <c r="JR25" s="71">
        <v>0</v>
      </c>
      <c r="JS25" s="72">
        <v>0</v>
      </c>
      <c r="JT25" s="244"/>
      <c r="JU25" s="71">
        <v>0</v>
      </c>
      <c r="JV25" s="71">
        <v>0</v>
      </c>
      <c r="JW25" s="71">
        <v>0</v>
      </c>
      <c r="JX25" s="71">
        <v>0</v>
      </c>
      <c r="JY25" s="71">
        <v>0</v>
      </c>
      <c r="JZ25" s="72">
        <v>0</v>
      </c>
      <c r="KA25" s="73">
        <v>0</v>
      </c>
      <c r="KB25" s="70">
        <v>19</v>
      </c>
      <c r="KC25" s="71">
        <v>12</v>
      </c>
      <c r="KD25" s="72">
        <v>31</v>
      </c>
      <c r="KE25" s="244"/>
      <c r="KF25" s="71">
        <v>35</v>
      </c>
      <c r="KG25" s="71">
        <v>20</v>
      </c>
      <c r="KH25" s="71">
        <v>11</v>
      </c>
      <c r="KI25" s="71">
        <v>15</v>
      </c>
      <c r="KJ25" s="71">
        <v>10</v>
      </c>
      <c r="KK25" s="72">
        <v>91</v>
      </c>
      <c r="KL25" s="73">
        <v>122</v>
      </c>
    </row>
    <row r="26" spans="1:298" ht="19.5" customHeight="1" x14ac:dyDescent="0.2">
      <c r="A26" s="126" t="s">
        <v>23</v>
      </c>
      <c r="B26" s="316">
        <v>11</v>
      </c>
      <c r="C26" s="82">
        <v>12</v>
      </c>
      <c r="D26" s="83">
        <v>23</v>
      </c>
      <c r="E26" s="241"/>
      <c r="F26" s="82">
        <v>26</v>
      </c>
      <c r="G26" s="82">
        <v>28</v>
      </c>
      <c r="H26" s="82">
        <v>23</v>
      </c>
      <c r="I26" s="82">
        <v>18</v>
      </c>
      <c r="J26" s="82">
        <v>10</v>
      </c>
      <c r="K26" s="84">
        <v>105</v>
      </c>
      <c r="L26" s="85">
        <v>128</v>
      </c>
      <c r="M26" s="70">
        <v>0</v>
      </c>
      <c r="N26" s="71">
        <v>0</v>
      </c>
      <c r="O26" s="72">
        <v>0</v>
      </c>
      <c r="P26" s="244"/>
      <c r="Q26" s="71">
        <v>0</v>
      </c>
      <c r="R26" s="71">
        <v>2</v>
      </c>
      <c r="S26" s="71">
        <v>1</v>
      </c>
      <c r="T26" s="71">
        <v>0</v>
      </c>
      <c r="U26" s="71">
        <v>0</v>
      </c>
      <c r="V26" s="72">
        <v>3</v>
      </c>
      <c r="W26" s="73">
        <v>3</v>
      </c>
      <c r="X26" s="70">
        <v>1</v>
      </c>
      <c r="Y26" s="71">
        <v>2</v>
      </c>
      <c r="Z26" s="72">
        <v>3</v>
      </c>
      <c r="AA26" s="244"/>
      <c r="AB26" s="71">
        <v>4</v>
      </c>
      <c r="AC26" s="71">
        <v>4</v>
      </c>
      <c r="AD26" s="71">
        <v>0</v>
      </c>
      <c r="AE26" s="71">
        <v>1</v>
      </c>
      <c r="AF26" s="71">
        <v>1</v>
      </c>
      <c r="AG26" s="72">
        <v>10</v>
      </c>
      <c r="AH26" s="73">
        <v>13</v>
      </c>
      <c r="AI26" s="70">
        <v>4</v>
      </c>
      <c r="AJ26" s="71">
        <v>0</v>
      </c>
      <c r="AK26" s="72">
        <v>4</v>
      </c>
      <c r="AL26" s="244"/>
      <c r="AM26" s="71">
        <v>5</v>
      </c>
      <c r="AN26" s="71">
        <v>5</v>
      </c>
      <c r="AO26" s="71">
        <v>2</v>
      </c>
      <c r="AP26" s="71">
        <v>2</v>
      </c>
      <c r="AQ26" s="71">
        <v>3</v>
      </c>
      <c r="AR26" s="72">
        <v>17</v>
      </c>
      <c r="AS26" s="73">
        <v>21</v>
      </c>
      <c r="AT26" s="70">
        <v>1</v>
      </c>
      <c r="AU26" s="71">
        <v>5</v>
      </c>
      <c r="AV26" s="72">
        <v>6</v>
      </c>
      <c r="AW26" s="244"/>
      <c r="AX26" s="71">
        <v>3</v>
      </c>
      <c r="AY26" s="71">
        <v>8</v>
      </c>
      <c r="AZ26" s="71">
        <v>10</v>
      </c>
      <c r="BA26" s="71">
        <v>4</v>
      </c>
      <c r="BB26" s="71">
        <v>2</v>
      </c>
      <c r="BC26" s="72">
        <v>27</v>
      </c>
      <c r="BD26" s="73">
        <v>33</v>
      </c>
      <c r="BE26" s="70">
        <v>3</v>
      </c>
      <c r="BF26" s="71">
        <v>3</v>
      </c>
      <c r="BG26" s="72">
        <v>6</v>
      </c>
      <c r="BH26" s="244"/>
      <c r="BI26" s="71">
        <v>6</v>
      </c>
      <c r="BJ26" s="71">
        <v>5</v>
      </c>
      <c r="BK26" s="71">
        <v>6</v>
      </c>
      <c r="BL26" s="71">
        <v>3</v>
      </c>
      <c r="BM26" s="71">
        <v>2</v>
      </c>
      <c r="BN26" s="72">
        <v>22</v>
      </c>
      <c r="BO26" s="73">
        <v>28</v>
      </c>
      <c r="BP26" s="70">
        <v>2</v>
      </c>
      <c r="BQ26" s="71">
        <v>2</v>
      </c>
      <c r="BR26" s="72">
        <v>4</v>
      </c>
      <c r="BS26" s="244"/>
      <c r="BT26" s="71">
        <v>8</v>
      </c>
      <c r="BU26" s="71">
        <v>4</v>
      </c>
      <c r="BV26" s="71">
        <v>4</v>
      </c>
      <c r="BW26" s="71">
        <v>8</v>
      </c>
      <c r="BX26" s="71">
        <v>2</v>
      </c>
      <c r="BY26" s="72">
        <v>26</v>
      </c>
      <c r="BZ26" s="73">
        <v>30</v>
      </c>
      <c r="CA26" s="70">
        <v>0</v>
      </c>
      <c r="CB26" s="71">
        <v>0</v>
      </c>
      <c r="CC26" s="72">
        <v>0</v>
      </c>
      <c r="CD26" s="244"/>
      <c r="CE26" s="71">
        <v>0</v>
      </c>
      <c r="CF26" s="71">
        <v>0</v>
      </c>
      <c r="CG26" s="71">
        <v>0</v>
      </c>
      <c r="CH26" s="71">
        <v>0</v>
      </c>
      <c r="CI26" s="71">
        <v>0</v>
      </c>
      <c r="CJ26" s="72">
        <v>0</v>
      </c>
      <c r="CK26" s="73">
        <v>0</v>
      </c>
      <c r="CL26" s="70">
        <v>11</v>
      </c>
      <c r="CM26" s="71">
        <v>12</v>
      </c>
      <c r="CN26" s="72">
        <v>23</v>
      </c>
      <c r="CO26" s="244"/>
      <c r="CP26" s="71">
        <v>26</v>
      </c>
      <c r="CQ26" s="71">
        <v>28</v>
      </c>
      <c r="CR26" s="71">
        <v>23</v>
      </c>
      <c r="CS26" s="71">
        <v>18</v>
      </c>
      <c r="CT26" s="71">
        <v>10</v>
      </c>
      <c r="CU26" s="72">
        <v>105</v>
      </c>
      <c r="CV26" s="73">
        <v>128</v>
      </c>
      <c r="CW26" s="123">
        <v>7</v>
      </c>
      <c r="CX26" s="82">
        <v>7</v>
      </c>
      <c r="CY26" s="83">
        <v>14</v>
      </c>
      <c r="CZ26" s="241"/>
      <c r="DA26" s="82">
        <v>11</v>
      </c>
      <c r="DB26" s="82">
        <v>11</v>
      </c>
      <c r="DC26" s="82">
        <v>4</v>
      </c>
      <c r="DD26" s="82">
        <v>10</v>
      </c>
      <c r="DE26" s="82">
        <v>6</v>
      </c>
      <c r="DF26" s="84">
        <v>42</v>
      </c>
      <c r="DG26" s="85">
        <v>56</v>
      </c>
      <c r="DH26" s="70">
        <v>0</v>
      </c>
      <c r="DI26" s="71">
        <v>0</v>
      </c>
      <c r="DJ26" s="72">
        <v>0</v>
      </c>
      <c r="DK26" s="244"/>
      <c r="DL26" s="71">
        <v>0</v>
      </c>
      <c r="DM26" s="71">
        <v>1</v>
      </c>
      <c r="DN26" s="71">
        <v>1</v>
      </c>
      <c r="DO26" s="71">
        <v>0</v>
      </c>
      <c r="DP26" s="71">
        <v>0</v>
      </c>
      <c r="DQ26" s="72">
        <v>2</v>
      </c>
      <c r="DR26" s="73">
        <v>2</v>
      </c>
      <c r="DS26" s="70">
        <v>1</v>
      </c>
      <c r="DT26" s="71">
        <v>0</v>
      </c>
      <c r="DU26" s="72">
        <v>1</v>
      </c>
      <c r="DV26" s="244"/>
      <c r="DW26" s="71">
        <v>0</v>
      </c>
      <c r="DX26" s="71">
        <v>2</v>
      </c>
      <c r="DY26" s="71">
        <v>0</v>
      </c>
      <c r="DZ26" s="71">
        <v>0</v>
      </c>
      <c r="EA26" s="71">
        <v>1</v>
      </c>
      <c r="EB26" s="72">
        <v>3</v>
      </c>
      <c r="EC26" s="73">
        <v>4</v>
      </c>
      <c r="ED26" s="70">
        <v>1</v>
      </c>
      <c r="EE26" s="71">
        <v>2</v>
      </c>
      <c r="EF26" s="72">
        <v>3</v>
      </c>
      <c r="EG26" s="244"/>
      <c r="EH26" s="71">
        <v>0</v>
      </c>
      <c r="EI26" s="71">
        <v>0</v>
      </c>
      <c r="EJ26" s="71">
        <v>0</v>
      </c>
      <c r="EK26" s="71">
        <v>0</v>
      </c>
      <c r="EL26" s="71">
        <v>0</v>
      </c>
      <c r="EM26" s="72">
        <v>0</v>
      </c>
      <c r="EN26" s="73">
        <v>3</v>
      </c>
      <c r="EO26" s="70">
        <v>1</v>
      </c>
      <c r="EP26" s="71">
        <v>3</v>
      </c>
      <c r="EQ26" s="72">
        <v>4</v>
      </c>
      <c r="ER26" s="244"/>
      <c r="ES26" s="71">
        <v>1</v>
      </c>
      <c r="ET26" s="71">
        <v>1</v>
      </c>
      <c r="EU26" s="71">
        <v>1</v>
      </c>
      <c r="EV26" s="71">
        <v>0</v>
      </c>
      <c r="EW26" s="71">
        <v>1</v>
      </c>
      <c r="EX26" s="72">
        <v>4</v>
      </c>
      <c r="EY26" s="73">
        <v>8</v>
      </c>
      <c r="EZ26" s="70">
        <v>3</v>
      </c>
      <c r="FA26" s="71">
        <v>1</v>
      </c>
      <c r="FB26" s="72">
        <v>4</v>
      </c>
      <c r="FC26" s="244"/>
      <c r="FD26" s="71">
        <v>2</v>
      </c>
      <c r="FE26" s="71">
        <v>3</v>
      </c>
      <c r="FF26" s="71">
        <v>0</v>
      </c>
      <c r="FG26" s="71">
        <v>2</v>
      </c>
      <c r="FH26" s="71">
        <v>1</v>
      </c>
      <c r="FI26" s="72">
        <v>8</v>
      </c>
      <c r="FJ26" s="73">
        <v>12</v>
      </c>
      <c r="FK26" s="70">
        <v>1</v>
      </c>
      <c r="FL26" s="71">
        <v>1</v>
      </c>
      <c r="FM26" s="72">
        <v>2</v>
      </c>
      <c r="FN26" s="244"/>
      <c r="FO26" s="71">
        <v>8</v>
      </c>
      <c r="FP26" s="71">
        <v>4</v>
      </c>
      <c r="FQ26" s="71">
        <v>2</v>
      </c>
      <c r="FR26" s="71">
        <v>8</v>
      </c>
      <c r="FS26" s="71">
        <v>3</v>
      </c>
      <c r="FT26" s="72">
        <v>25</v>
      </c>
      <c r="FU26" s="73">
        <v>27</v>
      </c>
      <c r="FV26" s="70">
        <v>0</v>
      </c>
      <c r="FW26" s="71">
        <v>0</v>
      </c>
      <c r="FX26" s="72">
        <v>0</v>
      </c>
      <c r="FY26" s="244"/>
      <c r="FZ26" s="71">
        <v>0</v>
      </c>
      <c r="GA26" s="71">
        <v>0</v>
      </c>
      <c r="GB26" s="71">
        <v>0</v>
      </c>
      <c r="GC26" s="71">
        <v>0</v>
      </c>
      <c r="GD26" s="71">
        <v>0</v>
      </c>
      <c r="GE26" s="72">
        <v>0</v>
      </c>
      <c r="GF26" s="73">
        <v>0</v>
      </c>
      <c r="GG26" s="70">
        <v>7</v>
      </c>
      <c r="GH26" s="71">
        <v>7</v>
      </c>
      <c r="GI26" s="72">
        <v>14</v>
      </c>
      <c r="GJ26" s="244"/>
      <c r="GK26" s="71">
        <v>11</v>
      </c>
      <c r="GL26" s="71">
        <v>11</v>
      </c>
      <c r="GM26" s="71">
        <v>4</v>
      </c>
      <c r="GN26" s="71">
        <v>10</v>
      </c>
      <c r="GO26" s="71">
        <v>6</v>
      </c>
      <c r="GP26" s="72">
        <v>42</v>
      </c>
      <c r="GQ26" s="73">
        <v>56</v>
      </c>
      <c r="GR26" s="123">
        <v>18</v>
      </c>
      <c r="GS26" s="82">
        <v>19</v>
      </c>
      <c r="GT26" s="83">
        <v>37</v>
      </c>
      <c r="GU26" s="241"/>
      <c r="GV26" s="82">
        <v>37</v>
      </c>
      <c r="GW26" s="82">
        <v>39</v>
      </c>
      <c r="GX26" s="82">
        <v>27</v>
      </c>
      <c r="GY26" s="82">
        <v>28</v>
      </c>
      <c r="GZ26" s="82">
        <v>16</v>
      </c>
      <c r="HA26" s="84">
        <v>147</v>
      </c>
      <c r="HB26" s="85">
        <v>184</v>
      </c>
      <c r="HC26" s="70">
        <v>0</v>
      </c>
      <c r="HD26" s="71">
        <v>0</v>
      </c>
      <c r="HE26" s="72">
        <v>0</v>
      </c>
      <c r="HF26" s="244"/>
      <c r="HG26" s="71">
        <v>0</v>
      </c>
      <c r="HH26" s="71">
        <v>3</v>
      </c>
      <c r="HI26" s="71">
        <v>2</v>
      </c>
      <c r="HJ26" s="71">
        <v>0</v>
      </c>
      <c r="HK26" s="71">
        <v>0</v>
      </c>
      <c r="HL26" s="72">
        <v>5</v>
      </c>
      <c r="HM26" s="73">
        <v>5</v>
      </c>
      <c r="HN26" s="70">
        <v>2</v>
      </c>
      <c r="HO26" s="71">
        <v>2</v>
      </c>
      <c r="HP26" s="72">
        <v>4</v>
      </c>
      <c r="HQ26" s="244"/>
      <c r="HR26" s="71">
        <v>4</v>
      </c>
      <c r="HS26" s="71">
        <v>6</v>
      </c>
      <c r="HT26" s="71">
        <v>0</v>
      </c>
      <c r="HU26" s="71">
        <v>1</v>
      </c>
      <c r="HV26" s="71">
        <v>2</v>
      </c>
      <c r="HW26" s="72">
        <v>13</v>
      </c>
      <c r="HX26" s="73">
        <v>17</v>
      </c>
      <c r="HY26" s="70">
        <v>5</v>
      </c>
      <c r="HZ26" s="71">
        <v>2</v>
      </c>
      <c r="IA26" s="72">
        <v>7</v>
      </c>
      <c r="IB26" s="244"/>
      <c r="IC26" s="71">
        <v>5</v>
      </c>
      <c r="ID26" s="71">
        <v>5</v>
      </c>
      <c r="IE26" s="71">
        <v>2</v>
      </c>
      <c r="IF26" s="71">
        <v>2</v>
      </c>
      <c r="IG26" s="71">
        <v>3</v>
      </c>
      <c r="IH26" s="72">
        <v>17</v>
      </c>
      <c r="II26" s="73">
        <v>24</v>
      </c>
      <c r="IJ26" s="70">
        <v>2</v>
      </c>
      <c r="IK26" s="71">
        <v>8</v>
      </c>
      <c r="IL26" s="72">
        <v>10</v>
      </c>
      <c r="IM26" s="244"/>
      <c r="IN26" s="71">
        <v>4</v>
      </c>
      <c r="IO26" s="71">
        <v>9</v>
      </c>
      <c r="IP26" s="71">
        <v>11</v>
      </c>
      <c r="IQ26" s="71">
        <v>4</v>
      </c>
      <c r="IR26" s="71">
        <v>3</v>
      </c>
      <c r="IS26" s="72">
        <v>31</v>
      </c>
      <c r="IT26" s="73">
        <v>41</v>
      </c>
      <c r="IU26" s="70">
        <v>6</v>
      </c>
      <c r="IV26" s="71">
        <v>4</v>
      </c>
      <c r="IW26" s="72">
        <v>10</v>
      </c>
      <c r="IX26" s="244"/>
      <c r="IY26" s="71">
        <v>8</v>
      </c>
      <c r="IZ26" s="71">
        <v>8</v>
      </c>
      <c r="JA26" s="71">
        <v>6</v>
      </c>
      <c r="JB26" s="71">
        <v>5</v>
      </c>
      <c r="JC26" s="71">
        <v>3</v>
      </c>
      <c r="JD26" s="72">
        <v>30</v>
      </c>
      <c r="JE26" s="73">
        <v>40</v>
      </c>
      <c r="JF26" s="70">
        <v>3</v>
      </c>
      <c r="JG26" s="71">
        <v>3</v>
      </c>
      <c r="JH26" s="72">
        <v>6</v>
      </c>
      <c r="JI26" s="244"/>
      <c r="JJ26" s="71">
        <v>16</v>
      </c>
      <c r="JK26" s="71">
        <v>8</v>
      </c>
      <c r="JL26" s="71">
        <v>6</v>
      </c>
      <c r="JM26" s="71">
        <v>16</v>
      </c>
      <c r="JN26" s="71">
        <v>5</v>
      </c>
      <c r="JO26" s="72">
        <v>51</v>
      </c>
      <c r="JP26" s="73">
        <v>57</v>
      </c>
      <c r="JQ26" s="70">
        <v>0</v>
      </c>
      <c r="JR26" s="71">
        <v>0</v>
      </c>
      <c r="JS26" s="72">
        <v>0</v>
      </c>
      <c r="JT26" s="244"/>
      <c r="JU26" s="71">
        <v>0</v>
      </c>
      <c r="JV26" s="71">
        <v>0</v>
      </c>
      <c r="JW26" s="71">
        <v>0</v>
      </c>
      <c r="JX26" s="71">
        <v>0</v>
      </c>
      <c r="JY26" s="71">
        <v>0</v>
      </c>
      <c r="JZ26" s="72">
        <v>0</v>
      </c>
      <c r="KA26" s="73">
        <v>0</v>
      </c>
      <c r="KB26" s="70">
        <v>18</v>
      </c>
      <c r="KC26" s="71">
        <v>19</v>
      </c>
      <c r="KD26" s="72">
        <v>37</v>
      </c>
      <c r="KE26" s="244"/>
      <c r="KF26" s="71">
        <v>37</v>
      </c>
      <c r="KG26" s="71">
        <v>39</v>
      </c>
      <c r="KH26" s="71">
        <v>27</v>
      </c>
      <c r="KI26" s="71">
        <v>28</v>
      </c>
      <c r="KJ26" s="71">
        <v>16</v>
      </c>
      <c r="KK26" s="72">
        <v>147</v>
      </c>
      <c r="KL26" s="73">
        <v>184</v>
      </c>
    </row>
    <row r="27" spans="1:298" ht="19.5" customHeight="1" x14ac:dyDescent="0.2">
      <c r="A27" s="126" t="s">
        <v>24</v>
      </c>
      <c r="B27" s="316">
        <v>23</v>
      </c>
      <c r="C27" s="82">
        <v>15</v>
      </c>
      <c r="D27" s="83">
        <v>38</v>
      </c>
      <c r="E27" s="241"/>
      <c r="F27" s="82">
        <v>34</v>
      </c>
      <c r="G27" s="82">
        <v>20</v>
      </c>
      <c r="H27" s="82">
        <v>16</v>
      </c>
      <c r="I27" s="82">
        <v>19</v>
      </c>
      <c r="J27" s="82">
        <v>10</v>
      </c>
      <c r="K27" s="84">
        <v>99</v>
      </c>
      <c r="L27" s="85">
        <v>137</v>
      </c>
      <c r="M27" s="70">
        <v>0</v>
      </c>
      <c r="N27" s="71">
        <v>0</v>
      </c>
      <c r="O27" s="72">
        <v>0</v>
      </c>
      <c r="P27" s="244"/>
      <c r="Q27" s="71">
        <v>0</v>
      </c>
      <c r="R27" s="71">
        <v>0</v>
      </c>
      <c r="S27" s="71">
        <v>0</v>
      </c>
      <c r="T27" s="71">
        <v>0</v>
      </c>
      <c r="U27" s="71">
        <v>1</v>
      </c>
      <c r="V27" s="72">
        <v>1</v>
      </c>
      <c r="W27" s="73">
        <v>1</v>
      </c>
      <c r="X27" s="70">
        <v>0</v>
      </c>
      <c r="Y27" s="71">
        <v>0</v>
      </c>
      <c r="Z27" s="72">
        <v>0</v>
      </c>
      <c r="AA27" s="244"/>
      <c r="AB27" s="71">
        <v>1</v>
      </c>
      <c r="AC27" s="71">
        <v>0</v>
      </c>
      <c r="AD27" s="71">
        <v>3</v>
      </c>
      <c r="AE27" s="71">
        <v>0</v>
      </c>
      <c r="AF27" s="71">
        <v>0</v>
      </c>
      <c r="AG27" s="72">
        <v>4</v>
      </c>
      <c r="AH27" s="73">
        <v>4</v>
      </c>
      <c r="AI27" s="70">
        <v>2</v>
      </c>
      <c r="AJ27" s="71">
        <v>0</v>
      </c>
      <c r="AK27" s="72">
        <v>2</v>
      </c>
      <c r="AL27" s="244"/>
      <c r="AM27" s="71">
        <v>4</v>
      </c>
      <c r="AN27" s="71">
        <v>2</v>
      </c>
      <c r="AO27" s="71">
        <v>1</v>
      </c>
      <c r="AP27" s="71">
        <v>2</v>
      </c>
      <c r="AQ27" s="71">
        <v>1</v>
      </c>
      <c r="AR27" s="72">
        <v>10</v>
      </c>
      <c r="AS27" s="73">
        <v>12</v>
      </c>
      <c r="AT27" s="70">
        <v>9</v>
      </c>
      <c r="AU27" s="71">
        <v>6</v>
      </c>
      <c r="AV27" s="72">
        <v>15</v>
      </c>
      <c r="AW27" s="244"/>
      <c r="AX27" s="71">
        <v>9</v>
      </c>
      <c r="AY27" s="71">
        <v>6</v>
      </c>
      <c r="AZ27" s="71">
        <v>4</v>
      </c>
      <c r="BA27" s="71">
        <v>5</v>
      </c>
      <c r="BB27" s="71">
        <v>2</v>
      </c>
      <c r="BC27" s="72">
        <v>26</v>
      </c>
      <c r="BD27" s="73">
        <v>41</v>
      </c>
      <c r="BE27" s="70">
        <v>10</v>
      </c>
      <c r="BF27" s="71">
        <v>4</v>
      </c>
      <c r="BG27" s="72">
        <v>14</v>
      </c>
      <c r="BH27" s="244"/>
      <c r="BI27" s="71">
        <v>13</v>
      </c>
      <c r="BJ27" s="71">
        <v>7</v>
      </c>
      <c r="BK27" s="71">
        <v>2</v>
      </c>
      <c r="BL27" s="71">
        <v>3</v>
      </c>
      <c r="BM27" s="71">
        <v>4</v>
      </c>
      <c r="BN27" s="72">
        <v>29</v>
      </c>
      <c r="BO27" s="73">
        <v>43</v>
      </c>
      <c r="BP27" s="70">
        <v>2</v>
      </c>
      <c r="BQ27" s="71">
        <v>5</v>
      </c>
      <c r="BR27" s="72">
        <v>7</v>
      </c>
      <c r="BS27" s="244"/>
      <c r="BT27" s="71">
        <v>7</v>
      </c>
      <c r="BU27" s="71">
        <v>5</v>
      </c>
      <c r="BV27" s="71">
        <v>6</v>
      </c>
      <c r="BW27" s="71">
        <v>9</v>
      </c>
      <c r="BX27" s="71">
        <v>2</v>
      </c>
      <c r="BY27" s="72">
        <v>29</v>
      </c>
      <c r="BZ27" s="73">
        <v>36</v>
      </c>
      <c r="CA27" s="70">
        <v>0</v>
      </c>
      <c r="CB27" s="71">
        <v>0</v>
      </c>
      <c r="CC27" s="72">
        <v>0</v>
      </c>
      <c r="CD27" s="244"/>
      <c r="CE27" s="71">
        <v>0</v>
      </c>
      <c r="CF27" s="71">
        <v>0</v>
      </c>
      <c r="CG27" s="71">
        <v>0</v>
      </c>
      <c r="CH27" s="71">
        <v>0</v>
      </c>
      <c r="CI27" s="71">
        <v>0</v>
      </c>
      <c r="CJ27" s="72">
        <v>0</v>
      </c>
      <c r="CK27" s="73">
        <v>0</v>
      </c>
      <c r="CL27" s="70">
        <v>23</v>
      </c>
      <c r="CM27" s="71">
        <v>15</v>
      </c>
      <c r="CN27" s="72">
        <v>38</v>
      </c>
      <c r="CO27" s="244"/>
      <c r="CP27" s="71">
        <v>34</v>
      </c>
      <c r="CQ27" s="71">
        <v>20</v>
      </c>
      <c r="CR27" s="71">
        <v>16</v>
      </c>
      <c r="CS27" s="71">
        <v>19</v>
      </c>
      <c r="CT27" s="71">
        <v>10</v>
      </c>
      <c r="CU27" s="72">
        <v>99</v>
      </c>
      <c r="CV27" s="73">
        <v>137</v>
      </c>
      <c r="CW27" s="123">
        <v>9</v>
      </c>
      <c r="CX27" s="82">
        <v>4</v>
      </c>
      <c r="CY27" s="83">
        <v>13</v>
      </c>
      <c r="CZ27" s="241"/>
      <c r="DA27" s="82">
        <v>8</v>
      </c>
      <c r="DB27" s="82">
        <v>9</v>
      </c>
      <c r="DC27" s="82">
        <v>4</v>
      </c>
      <c r="DD27" s="82">
        <v>4</v>
      </c>
      <c r="DE27" s="82">
        <v>3</v>
      </c>
      <c r="DF27" s="84">
        <v>28</v>
      </c>
      <c r="DG27" s="85">
        <v>41</v>
      </c>
      <c r="DH27" s="70">
        <v>0</v>
      </c>
      <c r="DI27" s="71">
        <v>0</v>
      </c>
      <c r="DJ27" s="72">
        <v>0</v>
      </c>
      <c r="DK27" s="244"/>
      <c r="DL27" s="71">
        <v>0</v>
      </c>
      <c r="DM27" s="71">
        <v>0</v>
      </c>
      <c r="DN27" s="71">
        <v>0</v>
      </c>
      <c r="DO27" s="71">
        <v>0</v>
      </c>
      <c r="DP27" s="71">
        <v>0</v>
      </c>
      <c r="DQ27" s="72">
        <v>0</v>
      </c>
      <c r="DR27" s="73">
        <v>0</v>
      </c>
      <c r="DS27" s="70">
        <v>0</v>
      </c>
      <c r="DT27" s="71">
        <v>0</v>
      </c>
      <c r="DU27" s="72">
        <v>0</v>
      </c>
      <c r="DV27" s="244"/>
      <c r="DW27" s="71">
        <v>1</v>
      </c>
      <c r="DX27" s="71">
        <v>0</v>
      </c>
      <c r="DY27" s="71">
        <v>0</v>
      </c>
      <c r="DZ27" s="71">
        <v>1</v>
      </c>
      <c r="EA27" s="71">
        <v>1</v>
      </c>
      <c r="EB27" s="72">
        <v>3</v>
      </c>
      <c r="EC27" s="73">
        <v>3</v>
      </c>
      <c r="ED27" s="70">
        <v>1</v>
      </c>
      <c r="EE27" s="71">
        <v>0</v>
      </c>
      <c r="EF27" s="72">
        <v>1</v>
      </c>
      <c r="EG27" s="244"/>
      <c r="EH27" s="71">
        <v>1</v>
      </c>
      <c r="EI27" s="71">
        <v>1</v>
      </c>
      <c r="EJ27" s="71">
        <v>0</v>
      </c>
      <c r="EK27" s="71">
        <v>0</v>
      </c>
      <c r="EL27" s="71">
        <v>0</v>
      </c>
      <c r="EM27" s="72">
        <v>2</v>
      </c>
      <c r="EN27" s="73">
        <v>3</v>
      </c>
      <c r="EO27" s="70">
        <v>1</v>
      </c>
      <c r="EP27" s="71">
        <v>2</v>
      </c>
      <c r="EQ27" s="72">
        <v>3</v>
      </c>
      <c r="ER27" s="244"/>
      <c r="ES27" s="71">
        <v>2</v>
      </c>
      <c r="ET27" s="71">
        <v>1</v>
      </c>
      <c r="EU27" s="71">
        <v>3</v>
      </c>
      <c r="EV27" s="71">
        <v>0</v>
      </c>
      <c r="EW27" s="71">
        <v>0</v>
      </c>
      <c r="EX27" s="72">
        <v>6</v>
      </c>
      <c r="EY27" s="73">
        <v>9</v>
      </c>
      <c r="EZ27" s="70">
        <v>5</v>
      </c>
      <c r="FA27" s="71">
        <v>1</v>
      </c>
      <c r="FB27" s="72">
        <v>6</v>
      </c>
      <c r="FC27" s="244"/>
      <c r="FD27" s="71">
        <v>3</v>
      </c>
      <c r="FE27" s="71">
        <v>3</v>
      </c>
      <c r="FF27" s="71">
        <v>1</v>
      </c>
      <c r="FG27" s="71">
        <v>1</v>
      </c>
      <c r="FH27" s="71">
        <v>2</v>
      </c>
      <c r="FI27" s="72">
        <v>10</v>
      </c>
      <c r="FJ27" s="73">
        <v>16</v>
      </c>
      <c r="FK27" s="70">
        <v>2</v>
      </c>
      <c r="FL27" s="71">
        <v>1</v>
      </c>
      <c r="FM27" s="72">
        <v>3</v>
      </c>
      <c r="FN27" s="244"/>
      <c r="FO27" s="71">
        <v>1</v>
      </c>
      <c r="FP27" s="71">
        <v>4</v>
      </c>
      <c r="FQ27" s="71">
        <v>0</v>
      </c>
      <c r="FR27" s="71">
        <v>2</v>
      </c>
      <c r="FS27" s="71">
        <v>0</v>
      </c>
      <c r="FT27" s="72">
        <v>7</v>
      </c>
      <c r="FU27" s="73">
        <v>10</v>
      </c>
      <c r="FV27" s="70">
        <v>0</v>
      </c>
      <c r="FW27" s="71">
        <v>0</v>
      </c>
      <c r="FX27" s="72">
        <v>0</v>
      </c>
      <c r="FY27" s="244"/>
      <c r="FZ27" s="71">
        <v>0</v>
      </c>
      <c r="GA27" s="71">
        <v>0</v>
      </c>
      <c r="GB27" s="71">
        <v>0</v>
      </c>
      <c r="GC27" s="71">
        <v>0</v>
      </c>
      <c r="GD27" s="71">
        <v>0</v>
      </c>
      <c r="GE27" s="72">
        <v>0</v>
      </c>
      <c r="GF27" s="73">
        <v>0</v>
      </c>
      <c r="GG27" s="70">
        <v>9</v>
      </c>
      <c r="GH27" s="71">
        <v>4</v>
      </c>
      <c r="GI27" s="72">
        <v>13</v>
      </c>
      <c r="GJ27" s="244"/>
      <c r="GK27" s="71">
        <v>8</v>
      </c>
      <c r="GL27" s="71">
        <v>9</v>
      </c>
      <c r="GM27" s="71">
        <v>4</v>
      </c>
      <c r="GN27" s="71">
        <v>4</v>
      </c>
      <c r="GO27" s="71">
        <v>3</v>
      </c>
      <c r="GP27" s="72">
        <v>28</v>
      </c>
      <c r="GQ27" s="73">
        <v>41</v>
      </c>
      <c r="GR27" s="123">
        <v>32</v>
      </c>
      <c r="GS27" s="82">
        <v>19</v>
      </c>
      <c r="GT27" s="83">
        <v>51</v>
      </c>
      <c r="GU27" s="241"/>
      <c r="GV27" s="82">
        <v>42</v>
      </c>
      <c r="GW27" s="82">
        <v>29</v>
      </c>
      <c r="GX27" s="82">
        <v>20</v>
      </c>
      <c r="GY27" s="82">
        <v>23</v>
      </c>
      <c r="GZ27" s="82">
        <v>13</v>
      </c>
      <c r="HA27" s="84">
        <v>127</v>
      </c>
      <c r="HB27" s="85">
        <v>178</v>
      </c>
      <c r="HC27" s="70">
        <v>0</v>
      </c>
      <c r="HD27" s="71">
        <v>0</v>
      </c>
      <c r="HE27" s="72">
        <v>0</v>
      </c>
      <c r="HF27" s="244"/>
      <c r="HG27" s="71">
        <v>0</v>
      </c>
      <c r="HH27" s="71">
        <v>0</v>
      </c>
      <c r="HI27" s="71">
        <v>0</v>
      </c>
      <c r="HJ27" s="71">
        <v>0</v>
      </c>
      <c r="HK27" s="71">
        <v>1</v>
      </c>
      <c r="HL27" s="72">
        <v>1</v>
      </c>
      <c r="HM27" s="73">
        <v>1</v>
      </c>
      <c r="HN27" s="70">
        <v>0</v>
      </c>
      <c r="HO27" s="71">
        <v>0</v>
      </c>
      <c r="HP27" s="72">
        <v>0</v>
      </c>
      <c r="HQ27" s="244"/>
      <c r="HR27" s="71">
        <v>2</v>
      </c>
      <c r="HS27" s="71">
        <v>0</v>
      </c>
      <c r="HT27" s="71">
        <v>3</v>
      </c>
      <c r="HU27" s="71">
        <v>1</v>
      </c>
      <c r="HV27" s="71">
        <v>1</v>
      </c>
      <c r="HW27" s="72">
        <v>7</v>
      </c>
      <c r="HX27" s="73">
        <v>7</v>
      </c>
      <c r="HY27" s="70">
        <v>3</v>
      </c>
      <c r="HZ27" s="71">
        <v>0</v>
      </c>
      <c r="IA27" s="72">
        <v>3</v>
      </c>
      <c r="IB27" s="244"/>
      <c r="IC27" s="71">
        <v>5</v>
      </c>
      <c r="ID27" s="71">
        <v>3</v>
      </c>
      <c r="IE27" s="71">
        <v>1</v>
      </c>
      <c r="IF27" s="71">
        <v>2</v>
      </c>
      <c r="IG27" s="71">
        <v>1</v>
      </c>
      <c r="IH27" s="72">
        <v>12</v>
      </c>
      <c r="II27" s="73">
        <v>15</v>
      </c>
      <c r="IJ27" s="70">
        <v>10</v>
      </c>
      <c r="IK27" s="71">
        <v>8</v>
      </c>
      <c r="IL27" s="72">
        <v>18</v>
      </c>
      <c r="IM27" s="244"/>
      <c r="IN27" s="71">
        <v>11</v>
      </c>
      <c r="IO27" s="71">
        <v>7</v>
      </c>
      <c r="IP27" s="71">
        <v>7</v>
      </c>
      <c r="IQ27" s="71">
        <v>5</v>
      </c>
      <c r="IR27" s="71">
        <v>2</v>
      </c>
      <c r="IS27" s="72">
        <v>32</v>
      </c>
      <c r="IT27" s="73">
        <v>50</v>
      </c>
      <c r="IU27" s="70">
        <v>15</v>
      </c>
      <c r="IV27" s="71">
        <v>5</v>
      </c>
      <c r="IW27" s="72">
        <v>20</v>
      </c>
      <c r="IX27" s="244"/>
      <c r="IY27" s="71">
        <v>16</v>
      </c>
      <c r="IZ27" s="71">
        <v>10</v>
      </c>
      <c r="JA27" s="71">
        <v>3</v>
      </c>
      <c r="JB27" s="71">
        <v>4</v>
      </c>
      <c r="JC27" s="71">
        <v>6</v>
      </c>
      <c r="JD27" s="72">
        <v>39</v>
      </c>
      <c r="JE27" s="73">
        <v>59</v>
      </c>
      <c r="JF27" s="70">
        <v>4</v>
      </c>
      <c r="JG27" s="71">
        <v>6</v>
      </c>
      <c r="JH27" s="72">
        <v>10</v>
      </c>
      <c r="JI27" s="244"/>
      <c r="JJ27" s="71">
        <v>8</v>
      </c>
      <c r="JK27" s="71">
        <v>9</v>
      </c>
      <c r="JL27" s="71">
        <v>6</v>
      </c>
      <c r="JM27" s="71">
        <v>11</v>
      </c>
      <c r="JN27" s="71">
        <v>2</v>
      </c>
      <c r="JO27" s="72">
        <v>36</v>
      </c>
      <c r="JP27" s="73">
        <v>46</v>
      </c>
      <c r="JQ27" s="70">
        <v>0</v>
      </c>
      <c r="JR27" s="71">
        <v>0</v>
      </c>
      <c r="JS27" s="72">
        <v>0</v>
      </c>
      <c r="JT27" s="244"/>
      <c r="JU27" s="71">
        <v>0</v>
      </c>
      <c r="JV27" s="71">
        <v>0</v>
      </c>
      <c r="JW27" s="71">
        <v>0</v>
      </c>
      <c r="JX27" s="71">
        <v>0</v>
      </c>
      <c r="JY27" s="71">
        <v>0</v>
      </c>
      <c r="JZ27" s="72">
        <v>0</v>
      </c>
      <c r="KA27" s="73">
        <v>0</v>
      </c>
      <c r="KB27" s="70">
        <v>32</v>
      </c>
      <c r="KC27" s="71">
        <v>19</v>
      </c>
      <c r="KD27" s="72">
        <v>51</v>
      </c>
      <c r="KE27" s="244"/>
      <c r="KF27" s="71">
        <v>42</v>
      </c>
      <c r="KG27" s="71">
        <v>29</v>
      </c>
      <c r="KH27" s="71">
        <v>20</v>
      </c>
      <c r="KI27" s="71">
        <v>23</v>
      </c>
      <c r="KJ27" s="71">
        <v>13</v>
      </c>
      <c r="KK27" s="72">
        <v>127</v>
      </c>
      <c r="KL27" s="73">
        <v>178</v>
      </c>
    </row>
    <row r="28" spans="1:298" ht="19.5" customHeight="1" x14ac:dyDescent="0.2">
      <c r="A28" s="126" t="s">
        <v>25</v>
      </c>
      <c r="B28" s="316">
        <v>7</v>
      </c>
      <c r="C28" s="82">
        <v>12</v>
      </c>
      <c r="D28" s="83">
        <v>19</v>
      </c>
      <c r="E28" s="241"/>
      <c r="F28" s="82">
        <v>16</v>
      </c>
      <c r="G28" s="82">
        <v>9</v>
      </c>
      <c r="H28" s="82">
        <v>8</v>
      </c>
      <c r="I28" s="82">
        <v>5</v>
      </c>
      <c r="J28" s="82">
        <v>4</v>
      </c>
      <c r="K28" s="84">
        <v>42</v>
      </c>
      <c r="L28" s="85">
        <v>61</v>
      </c>
      <c r="M28" s="70">
        <v>0</v>
      </c>
      <c r="N28" s="71">
        <v>0</v>
      </c>
      <c r="O28" s="72">
        <v>0</v>
      </c>
      <c r="P28" s="244"/>
      <c r="Q28" s="71">
        <v>0</v>
      </c>
      <c r="R28" s="71">
        <v>1</v>
      </c>
      <c r="S28" s="71">
        <v>0</v>
      </c>
      <c r="T28" s="71">
        <v>0</v>
      </c>
      <c r="U28" s="71">
        <v>1</v>
      </c>
      <c r="V28" s="72">
        <v>2</v>
      </c>
      <c r="W28" s="73">
        <v>2</v>
      </c>
      <c r="X28" s="70">
        <v>0</v>
      </c>
      <c r="Y28" s="71">
        <v>2</v>
      </c>
      <c r="Z28" s="72">
        <v>2</v>
      </c>
      <c r="AA28" s="244"/>
      <c r="AB28" s="71">
        <v>1</v>
      </c>
      <c r="AC28" s="71">
        <v>1</v>
      </c>
      <c r="AD28" s="71">
        <v>0</v>
      </c>
      <c r="AE28" s="71">
        <v>1</v>
      </c>
      <c r="AF28" s="71">
        <v>0</v>
      </c>
      <c r="AG28" s="72">
        <v>3</v>
      </c>
      <c r="AH28" s="73">
        <v>5</v>
      </c>
      <c r="AI28" s="70">
        <v>2</v>
      </c>
      <c r="AJ28" s="71">
        <v>4</v>
      </c>
      <c r="AK28" s="72">
        <v>6</v>
      </c>
      <c r="AL28" s="244"/>
      <c r="AM28" s="71">
        <v>3</v>
      </c>
      <c r="AN28" s="71">
        <v>1</v>
      </c>
      <c r="AO28" s="71">
        <v>0</v>
      </c>
      <c r="AP28" s="71">
        <v>1</v>
      </c>
      <c r="AQ28" s="71">
        <v>0</v>
      </c>
      <c r="AR28" s="72">
        <v>5</v>
      </c>
      <c r="AS28" s="73">
        <v>11</v>
      </c>
      <c r="AT28" s="70">
        <v>2</v>
      </c>
      <c r="AU28" s="71">
        <v>1</v>
      </c>
      <c r="AV28" s="72">
        <v>3</v>
      </c>
      <c r="AW28" s="244"/>
      <c r="AX28" s="71">
        <v>3</v>
      </c>
      <c r="AY28" s="71">
        <v>1</v>
      </c>
      <c r="AZ28" s="71">
        <v>6</v>
      </c>
      <c r="BA28" s="71">
        <v>1</v>
      </c>
      <c r="BB28" s="71">
        <v>0</v>
      </c>
      <c r="BC28" s="72">
        <v>11</v>
      </c>
      <c r="BD28" s="73">
        <v>14</v>
      </c>
      <c r="BE28" s="70">
        <v>2</v>
      </c>
      <c r="BF28" s="71">
        <v>3</v>
      </c>
      <c r="BG28" s="72">
        <v>5</v>
      </c>
      <c r="BH28" s="244"/>
      <c r="BI28" s="71">
        <v>7</v>
      </c>
      <c r="BJ28" s="71">
        <v>1</v>
      </c>
      <c r="BK28" s="71">
        <v>2</v>
      </c>
      <c r="BL28" s="71">
        <v>1</v>
      </c>
      <c r="BM28" s="71">
        <v>3</v>
      </c>
      <c r="BN28" s="72">
        <v>14</v>
      </c>
      <c r="BO28" s="73">
        <v>19</v>
      </c>
      <c r="BP28" s="70">
        <v>1</v>
      </c>
      <c r="BQ28" s="71">
        <v>2</v>
      </c>
      <c r="BR28" s="72">
        <v>3</v>
      </c>
      <c r="BS28" s="244"/>
      <c r="BT28" s="71">
        <v>2</v>
      </c>
      <c r="BU28" s="71">
        <v>4</v>
      </c>
      <c r="BV28" s="71">
        <v>0</v>
      </c>
      <c r="BW28" s="71">
        <v>1</v>
      </c>
      <c r="BX28" s="71">
        <v>0</v>
      </c>
      <c r="BY28" s="72">
        <v>7</v>
      </c>
      <c r="BZ28" s="73">
        <v>10</v>
      </c>
      <c r="CA28" s="70">
        <v>0</v>
      </c>
      <c r="CB28" s="71">
        <v>0</v>
      </c>
      <c r="CC28" s="72">
        <v>0</v>
      </c>
      <c r="CD28" s="244"/>
      <c r="CE28" s="71">
        <v>0</v>
      </c>
      <c r="CF28" s="71">
        <v>0</v>
      </c>
      <c r="CG28" s="71">
        <v>0</v>
      </c>
      <c r="CH28" s="71">
        <v>0</v>
      </c>
      <c r="CI28" s="71">
        <v>0</v>
      </c>
      <c r="CJ28" s="72">
        <v>0</v>
      </c>
      <c r="CK28" s="73">
        <v>0</v>
      </c>
      <c r="CL28" s="70">
        <v>7</v>
      </c>
      <c r="CM28" s="71">
        <v>12</v>
      </c>
      <c r="CN28" s="72">
        <v>19</v>
      </c>
      <c r="CO28" s="244"/>
      <c r="CP28" s="71">
        <v>16</v>
      </c>
      <c r="CQ28" s="71">
        <v>9</v>
      </c>
      <c r="CR28" s="71">
        <v>8</v>
      </c>
      <c r="CS28" s="71">
        <v>5</v>
      </c>
      <c r="CT28" s="71">
        <v>4</v>
      </c>
      <c r="CU28" s="72">
        <v>42</v>
      </c>
      <c r="CV28" s="73">
        <v>61</v>
      </c>
      <c r="CW28" s="123">
        <v>4</v>
      </c>
      <c r="CX28" s="82">
        <v>8</v>
      </c>
      <c r="CY28" s="83">
        <v>12</v>
      </c>
      <c r="CZ28" s="241"/>
      <c r="DA28" s="82">
        <v>11</v>
      </c>
      <c r="DB28" s="82">
        <v>6</v>
      </c>
      <c r="DC28" s="82">
        <v>1</v>
      </c>
      <c r="DD28" s="82">
        <v>7</v>
      </c>
      <c r="DE28" s="82">
        <v>3</v>
      </c>
      <c r="DF28" s="84">
        <v>28</v>
      </c>
      <c r="DG28" s="85">
        <v>40</v>
      </c>
      <c r="DH28" s="70">
        <v>0</v>
      </c>
      <c r="DI28" s="71">
        <v>0</v>
      </c>
      <c r="DJ28" s="72">
        <v>0</v>
      </c>
      <c r="DK28" s="244"/>
      <c r="DL28" s="71">
        <v>0</v>
      </c>
      <c r="DM28" s="71">
        <v>0</v>
      </c>
      <c r="DN28" s="71">
        <v>0</v>
      </c>
      <c r="DO28" s="71">
        <v>0</v>
      </c>
      <c r="DP28" s="71">
        <v>0</v>
      </c>
      <c r="DQ28" s="72">
        <v>0</v>
      </c>
      <c r="DR28" s="73">
        <v>0</v>
      </c>
      <c r="DS28" s="70">
        <v>0</v>
      </c>
      <c r="DT28" s="71">
        <v>0</v>
      </c>
      <c r="DU28" s="72">
        <v>0</v>
      </c>
      <c r="DV28" s="244"/>
      <c r="DW28" s="71">
        <v>1</v>
      </c>
      <c r="DX28" s="71">
        <v>0</v>
      </c>
      <c r="DY28" s="71">
        <v>0</v>
      </c>
      <c r="DZ28" s="71">
        <v>0</v>
      </c>
      <c r="EA28" s="71">
        <v>1</v>
      </c>
      <c r="EB28" s="72">
        <v>2</v>
      </c>
      <c r="EC28" s="73">
        <v>2</v>
      </c>
      <c r="ED28" s="70">
        <v>1</v>
      </c>
      <c r="EE28" s="71">
        <v>2</v>
      </c>
      <c r="EF28" s="72">
        <v>3</v>
      </c>
      <c r="EG28" s="244"/>
      <c r="EH28" s="71">
        <v>1</v>
      </c>
      <c r="EI28" s="71">
        <v>1</v>
      </c>
      <c r="EJ28" s="71">
        <v>0</v>
      </c>
      <c r="EK28" s="71">
        <v>1</v>
      </c>
      <c r="EL28" s="71">
        <v>0</v>
      </c>
      <c r="EM28" s="72">
        <v>3</v>
      </c>
      <c r="EN28" s="73">
        <v>6</v>
      </c>
      <c r="EO28" s="70">
        <v>0</v>
      </c>
      <c r="EP28" s="71">
        <v>1</v>
      </c>
      <c r="EQ28" s="72">
        <v>1</v>
      </c>
      <c r="ER28" s="244"/>
      <c r="ES28" s="71">
        <v>0</v>
      </c>
      <c r="ET28" s="71">
        <v>0</v>
      </c>
      <c r="EU28" s="71">
        <v>0</v>
      </c>
      <c r="EV28" s="71">
        <v>3</v>
      </c>
      <c r="EW28" s="71">
        <v>1</v>
      </c>
      <c r="EX28" s="72">
        <v>4</v>
      </c>
      <c r="EY28" s="73">
        <v>5</v>
      </c>
      <c r="EZ28" s="70">
        <v>1</v>
      </c>
      <c r="FA28" s="71">
        <v>3</v>
      </c>
      <c r="FB28" s="72">
        <v>4</v>
      </c>
      <c r="FC28" s="244"/>
      <c r="FD28" s="71">
        <v>4</v>
      </c>
      <c r="FE28" s="71">
        <v>0</v>
      </c>
      <c r="FF28" s="71">
        <v>0</v>
      </c>
      <c r="FG28" s="71">
        <v>2</v>
      </c>
      <c r="FH28" s="71">
        <v>1</v>
      </c>
      <c r="FI28" s="72">
        <v>7</v>
      </c>
      <c r="FJ28" s="73">
        <v>11</v>
      </c>
      <c r="FK28" s="70">
        <v>2</v>
      </c>
      <c r="FL28" s="71">
        <v>2</v>
      </c>
      <c r="FM28" s="72">
        <v>4</v>
      </c>
      <c r="FN28" s="244"/>
      <c r="FO28" s="71">
        <v>5</v>
      </c>
      <c r="FP28" s="71">
        <v>5</v>
      </c>
      <c r="FQ28" s="71">
        <v>1</v>
      </c>
      <c r="FR28" s="71">
        <v>1</v>
      </c>
      <c r="FS28" s="71">
        <v>0</v>
      </c>
      <c r="FT28" s="72">
        <v>12</v>
      </c>
      <c r="FU28" s="73">
        <v>16</v>
      </c>
      <c r="FV28" s="70">
        <v>0</v>
      </c>
      <c r="FW28" s="71">
        <v>0</v>
      </c>
      <c r="FX28" s="72">
        <v>0</v>
      </c>
      <c r="FY28" s="244"/>
      <c r="FZ28" s="71">
        <v>0</v>
      </c>
      <c r="GA28" s="71">
        <v>0</v>
      </c>
      <c r="GB28" s="71">
        <v>0</v>
      </c>
      <c r="GC28" s="71">
        <v>0</v>
      </c>
      <c r="GD28" s="71">
        <v>0</v>
      </c>
      <c r="GE28" s="72">
        <v>0</v>
      </c>
      <c r="GF28" s="73">
        <v>0</v>
      </c>
      <c r="GG28" s="70">
        <v>4</v>
      </c>
      <c r="GH28" s="71">
        <v>8</v>
      </c>
      <c r="GI28" s="72">
        <v>12</v>
      </c>
      <c r="GJ28" s="244"/>
      <c r="GK28" s="71">
        <v>11</v>
      </c>
      <c r="GL28" s="71">
        <v>6</v>
      </c>
      <c r="GM28" s="71">
        <v>1</v>
      </c>
      <c r="GN28" s="71">
        <v>7</v>
      </c>
      <c r="GO28" s="71">
        <v>3</v>
      </c>
      <c r="GP28" s="72">
        <v>28</v>
      </c>
      <c r="GQ28" s="73">
        <v>40</v>
      </c>
      <c r="GR28" s="123">
        <v>11</v>
      </c>
      <c r="GS28" s="82">
        <v>20</v>
      </c>
      <c r="GT28" s="83">
        <v>31</v>
      </c>
      <c r="GU28" s="241"/>
      <c r="GV28" s="82">
        <v>27</v>
      </c>
      <c r="GW28" s="82">
        <v>15</v>
      </c>
      <c r="GX28" s="82">
        <v>9</v>
      </c>
      <c r="GY28" s="82">
        <v>12</v>
      </c>
      <c r="GZ28" s="82">
        <v>7</v>
      </c>
      <c r="HA28" s="84">
        <v>70</v>
      </c>
      <c r="HB28" s="85">
        <v>101</v>
      </c>
      <c r="HC28" s="70">
        <v>0</v>
      </c>
      <c r="HD28" s="71">
        <v>0</v>
      </c>
      <c r="HE28" s="72">
        <v>0</v>
      </c>
      <c r="HF28" s="244"/>
      <c r="HG28" s="71">
        <v>0</v>
      </c>
      <c r="HH28" s="71">
        <v>1</v>
      </c>
      <c r="HI28" s="71">
        <v>0</v>
      </c>
      <c r="HJ28" s="71">
        <v>0</v>
      </c>
      <c r="HK28" s="71">
        <v>1</v>
      </c>
      <c r="HL28" s="72">
        <v>2</v>
      </c>
      <c r="HM28" s="73">
        <v>2</v>
      </c>
      <c r="HN28" s="70">
        <v>0</v>
      </c>
      <c r="HO28" s="71">
        <v>2</v>
      </c>
      <c r="HP28" s="72">
        <v>2</v>
      </c>
      <c r="HQ28" s="244"/>
      <c r="HR28" s="71">
        <v>2</v>
      </c>
      <c r="HS28" s="71">
        <v>1</v>
      </c>
      <c r="HT28" s="71">
        <v>0</v>
      </c>
      <c r="HU28" s="71">
        <v>1</v>
      </c>
      <c r="HV28" s="71">
        <v>1</v>
      </c>
      <c r="HW28" s="72">
        <v>5</v>
      </c>
      <c r="HX28" s="73">
        <v>7</v>
      </c>
      <c r="HY28" s="70">
        <v>3</v>
      </c>
      <c r="HZ28" s="71">
        <v>6</v>
      </c>
      <c r="IA28" s="72">
        <v>9</v>
      </c>
      <c r="IB28" s="244"/>
      <c r="IC28" s="71">
        <v>4</v>
      </c>
      <c r="ID28" s="71">
        <v>2</v>
      </c>
      <c r="IE28" s="71">
        <v>0</v>
      </c>
      <c r="IF28" s="71">
        <v>2</v>
      </c>
      <c r="IG28" s="71">
        <v>0</v>
      </c>
      <c r="IH28" s="72">
        <v>8</v>
      </c>
      <c r="II28" s="73">
        <v>17</v>
      </c>
      <c r="IJ28" s="70">
        <v>2</v>
      </c>
      <c r="IK28" s="71">
        <v>2</v>
      </c>
      <c r="IL28" s="72">
        <v>4</v>
      </c>
      <c r="IM28" s="244"/>
      <c r="IN28" s="71">
        <v>3</v>
      </c>
      <c r="IO28" s="71">
        <v>1</v>
      </c>
      <c r="IP28" s="71">
        <v>6</v>
      </c>
      <c r="IQ28" s="71">
        <v>4</v>
      </c>
      <c r="IR28" s="71">
        <v>1</v>
      </c>
      <c r="IS28" s="72">
        <v>15</v>
      </c>
      <c r="IT28" s="73">
        <v>19</v>
      </c>
      <c r="IU28" s="70">
        <v>3</v>
      </c>
      <c r="IV28" s="71">
        <v>6</v>
      </c>
      <c r="IW28" s="72">
        <v>9</v>
      </c>
      <c r="IX28" s="244"/>
      <c r="IY28" s="71">
        <v>11</v>
      </c>
      <c r="IZ28" s="71">
        <v>1</v>
      </c>
      <c r="JA28" s="71">
        <v>2</v>
      </c>
      <c r="JB28" s="71">
        <v>3</v>
      </c>
      <c r="JC28" s="71">
        <v>4</v>
      </c>
      <c r="JD28" s="72">
        <v>21</v>
      </c>
      <c r="JE28" s="73">
        <v>30</v>
      </c>
      <c r="JF28" s="70">
        <v>3</v>
      </c>
      <c r="JG28" s="71">
        <v>4</v>
      </c>
      <c r="JH28" s="72">
        <v>7</v>
      </c>
      <c r="JI28" s="244"/>
      <c r="JJ28" s="71">
        <v>7</v>
      </c>
      <c r="JK28" s="71">
        <v>9</v>
      </c>
      <c r="JL28" s="71">
        <v>1</v>
      </c>
      <c r="JM28" s="71">
        <v>2</v>
      </c>
      <c r="JN28" s="71">
        <v>0</v>
      </c>
      <c r="JO28" s="72">
        <v>19</v>
      </c>
      <c r="JP28" s="73">
        <v>26</v>
      </c>
      <c r="JQ28" s="70">
        <v>0</v>
      </c>
      <c r="JR28" s="71">
        <v>0</v>
      </c>
      <c r="JS28" s="72">
        <v>0</v>
      </c>
      <c r="JT28" s="244"/>
      <c r="JU28" s="71">
        <v>0</v>
      </c>
      <c r="JV28" s="71">
        <v>0</v>
      </c>
      <c r="JW28" s="71">
        <v>0</v>
      </c>
      <c r="JX28" s="71">
        <v>0</v>
      </c>
      <c r="JY28" s="71">
        <v>0</v>
      </c>
      <c r="JZ28" s="72">
        <v>0</v>
      </c>
      <c r="KA28" s="73">
        <v>0</v>
      </c>
      <c r="KB28" s="70">
        <v>11</v>
      </c>
      <c r="KC28" s="71">
        <v>20</v>
      </c>
      <c r="KD28" s="72">
        <v>31</v>
      </c>
      <c r="KE28" s="244"/>
      <c r="KF28" s="71">
        <v>27</v>
      </c>
      <c r="KG28" s="71">
        <v>15</v>
      </c>
      <c r="KH28" s="71">
        <v>9</v>
      </c>
      <c r="KI28" s="71">
        <v>12</v>
      </c>
      <c r="KJ28" s="71">
        <v>7</v>
      </c>
      <c r="KK28" s="72">
        <v>70</v>
      </c>
      <c r="KL28" s="73">
        <v>101</v>
      </c>
    </row>
    <row r="29" spans="1:298" ht="19.5" customHeight="1" x14ac:dyDescent="0.2">
      <c r="A29" s="126" t="s">
        <v>26</v>
      </c>
      <c r="B29" s="316">
        <v>15</v>
      </c>
      <c r="C29" s="82">
        <v>11</v>
      </c>
      <c r="D29" s="83">
        <v>26</v>
      </c>
      <c r="E29" s="241"/>
      <c r="F29" s="82">
        <v>26</v>
      </c>
      <c r="G29" s="82">
        <v>16</v>
      </c>
      <c r="H29" s="82">
        <v>11</v>
      </c>
      <c r="I29" s="82">
        <v>5</v>
      </c>
      <c r="J29" s="82">
        <v>3</v>
      </c>
      <c r="K29" s="84">
        <v>61</v>
      </c>
      <c r="L29" s="85">
        <v>87</v>
      </c>
      <c r="M29" s="70">
        <v>1</v>
      </c>
      <c r="N29" s="71">
        <v>0</v>
      </c>
      <c r="O29" s="72">
        <v>1</v>
      </c>
      <c r="P29" s="244"/>
      <c r="Q29" s="71">
        <v>1</v>
      </c>
      <c r="R29" s="71">
        <v>1</v>
      </c>
      <c r="S29" s="71">
        <v>0</v>
      </c>
      <c r="T29" s="71">
        <v>0</v>
      </c>
      <c r="U29" s="71">
        <v>0</v>
      </c>
      <c r="V29" s="72">
        <v>2</v>
      </c>
      <c r="W29" s="73">
        <v>3</v>
      </c>
      <c r="X29" s="70">
        <v>1</v>
      </c>
      <c r="Y29" s="71">
        <v>0</v>
      </c>
      <c r="Z29" s="72">
        <v>1</v>
      </c>
      <c r="AA29" s="244"/>
      <c r="AB29" s="71">
        <v>2</v>
      </c>
      <c r="AC29" s="71">
        <v>1</v>
      </c>
      <c r="AD29" s="71">
        <v>2</v>
      </c>
      <c r="AE29" s="71">
        <v>0</v>
      </c>
      <c r="AF29" s="71">
        <v>0</v>
      </c>
      <c r="AG29" s="72">
        <v>5</v>
      </c>
      <c r="AH29" s="73">
        <v>6</v>
      </c>
      <c r="AI29" s="70">
        <v>2</v>
      </c>
      <c r="AJ29" s="71">
        <v>2</v>
      </c>
      <c r="AK29" s="72">
        <v>4</v>
      </c>
      <c r="AL29" s="244"/>
      <c r="AM29" s="71">
        <v>3</v>
      </c>
      <c r="AN29" s="71">
        <v>3</v>
      </c>
      <c r="AO29" s="71">
        <v>2</v>
      </c>
      <c r="AP29" s="71">
        <v>1</v>
      </c>
      <c r="AQ29" s="71">
        <v>0</v>
      </c>
      <c r="AR29" s="72">
        <v>9</v>
      </c>
      <c r="AS29" s="73">
        <v>13</v>
      </c>
      <c r="AT29" s="70">
        <v>2</v>
      </c>
      <c r="AU29" s="71">
        <v>1</v>
      </c>
      <c r="AV29" s="72">
        <v>3</v>
      </c>
      <c r="AW29" s="244"/>
      <c r="AX29" s="71">
        <v>7</v>
      </c>
      <c r="AY29" s="71">
        <v>2</v>
      </c>
      <c r="AZ29" s="71">
        <v>2</v>
      </c>
      <c r="BA29" s="71">
        <v>0</v>
      </c>
      <c r="BB29" s="71">
        <v>1</v>
      </c>
      <c r="BC29" s="72">
        <v>12</v>
      </c>
      <c r="BD29" s="73">
        <v>15</v>
      </c>
      <c r="BE29" s="70">
        <v>6</v>
      </c>
      <c r="BF29" s="71">
        <v>4</v>
      </c>
      <c r="BG29" s="72">
        <v>10</v>
      </c>
      <c r="BH29" s="244"/>
      <c r="BI29" s="71">
        <v>2</v>
      </c>
      <c r="BJ29" s="71">
        <v>5</v>
      </c>
      <c r="BK29" s="71">
        <v>1</v>
      </c>
      <c r="BL29" s="71">
        <v>1</v>
      </c>
      <c r="BM29" s="71">
        <v>2</v>
      </c>
      <c r="BN29" s="72">
        <v>11</v>
      </c>
      <c r="BO29" s="73">
        <v>21</v>
      </c>
      <c r="BP29" s="70">
        <v>3</v>
      </c>
      <c r="BQ29" s="71">
        <v>4</v>
      </c>
      <c r="BR29" s="72">
        <v>7</v>
      </c>
      <c r="BS29" s="244"/>
      <c r="BT29" s="71">
        <v>11</v>
      </c>
      <c r="BU29" s="71">
        <v>4</v>
      </c>
      <c r="BV29" s="71">
        <v>4</v>
      </c>
      <c r="BW29" s="71">
        <v>3</v>
      </c>
      <c r="BX29" s="71">
        <v>0</v>
      </c>
      <c r="BY29" s="72">
        <v>22</v>
      </c>
      <c r="BZ29" s="73">
        <v>29</v>
      </c>
      <c r="CA29" s="70">
        <v>0</v>
      </c>
      <c r="CB29" s="71">
        <v>0</v>
      </c>
      <c r="CC29" s="72">
        <v>0</v>
      </c>
      <c r="CD29" s="244"/>
      <c r="CE29" s="71">
        <v>0</v>
      </c>
      <c r="CF29" s="71">
        <v>0</v>
      </c>
      <c r="CG29" s="71">
        <v>0</v>
      </c>
      <c r="CH29" s="71">
        <v>0</v>
      </c>
      <c r="CI29" s="71">
        <v>0</v>
      </c>
      <c r="CJ29" s="72">
        <v>0</v>
      </c>
      <c r="CK29" s="73">
        <v>0</v>
      </c>
      <c r="CL29" s="70">
        <v>15</v>
      </c>
      <c r="CM29" s="71">
        <v>11</v>
      </c>
      <c r="CN29" s="72">
        <v>26</v>
      </c>
      <c r="CO29" s="244"/>
      <c r="CP29" s="71">
        <v>26</v>
      </c>
      <c r="CQ29" s="71">
        <v>16</v>
      </c>
      <c r="CR29" s="71">
        <v>11</v>
      </c>
      <c r="CS29" s="71">
        <v>5</v>
      </c>
      <c r="CT29" s="71">
        <v>3</v>
      </c>
      <c r="CU29" s="72">
        <v>61</v>
      </c>
      <c r="CV29" s="73">
        <v>87</v>
      </c>
      <c r="CW29" s="123">
        <v>6</v>
      </c>
      <c r="CX29" s="82">
        <v>4</v>
      </c>
      <c r="CY29" s="83">
        <v>10</v>
      </c>
      <c r="CZ29" s="241"/>
      <c r="DA29" s="82">
        <v>7</v>
      </c>
      <c r="DB29" s="82">
        <v>4</v>
      </c>
      <c r="DC29" s="82">
        <v>2</v>
      </c>
      <c r="DD29" s="82">
        <v>2</v>
      </c>
      <c r="DE29" s="82">
        <v>3</v>
      </c>
      <c r="DF29" s="84">
        <v>18</v>
      </c>
      <c r="DG29" s="85">
        <v>28</v>
      </c>
      <c r="DH29" s="70">
        <v>1</v>
      </c>
      <c r="DI29" s="71">
        <v>0</v>
      </c>
      <c r="DJ29" s="72">
        <v>1</v>
      </c>
      <c r="DK29" s="244"/>
      <c r="DL29" s="71">
        <v>0</v>
      </c>
      <c r="DM29" s="71">
        <v>0</v>
      </c>
      <c r="DN29" s="71">
        <v>0</v>
      </c>
      <c r="DO29" s="71">
        <v>0</v>
      </c>
      <c r="DP29" s="71">
        <v>0</v>
      </c>
      <c r="DQ29" s="72">
        <v>0</v>
      </c>
      <c r="DR29" s="73">
        <v>1</v>
      </c>
      <c r="DS29" s="70">
        <v>0</v>
      </c>
      <c r="DT29" s="71">
        <v>0</v>
      </c>
      <c r="DU29" s="72">
        <v>0</v>
      </c>
      <c r="DV29" s="244"/>
      <c r="DW29" s="71">
        <v>0</v>
      </c>
      <c r="DX29" s="71">
        <v>0</v>
      </c>
      <c r="DY29" s="71">
        <v>0</v>
      </c>
      <c r="DZ29" s="71">
        <v>0</v>
      </c>
      <c r="EA29" s="71">
        <v>0</v>
      </c>
      <c r="EB29" s="72">
        <v>0</v>
      </c>
      <c r="EC29" s="73">
        <v>0</v>
      </c>
      <c r="ED29" s="70">
        <v>2</v>
      </c>
      <c r="EE29" s="71">
        <v>0</v>
      </c>
      <c r="EF29" s="72">
        <v>2</v>
      </c>
      <c r="EG29" s="244"/>
      <c r="EH29" s="71">
        <v>1</v>
      </c>
      <c r="EI29" s="71">
        <v>1</v>
      </c>
      <c r="EJ29" s="71">
        <v>0</v>
      </c>
      <c r="EK29" s="71">
        <v>0</v>
      </c>
      <c r="EL29" s="71">
        <v>0</v>
      </c>
      <c r="EM29" s="72">
        <v>2</v>
      </c>
      <c r="EN29" s="73">
        <v>4</v>
      </c>
      <c r="EO29" s="70">
        <v>0</v>
      </c>
      <c r="EP29" s="71">
        <v>0</v>
      </c>
      <c r="EQ29" s="72">
        <v>0</v>
      </c>
      <c r="ER29" s="244"/>
      <c r="ES29" s="71">
        <v>1</v>
      </c>
      <c r="ET29" s="71">
        <v>1</v>
      </c>
      <c r="EU29" s="71">
        <v>0</v>
      </c>
      <c r="EV29" s="71">
        <v>0</v>
      </c>
      <c r="EW29" s="71">
        <v>0</v>
      </c>
      <c r="EX29" s="72">
        <v>2</v>
      </c>
      <c r="EY29" s="73">
        <v>2</v>
      </c>
      <c r="EZ29" s="70">
        <v>1</v>
      </c>
      <c r="FA29" s="71">
        <v>3</v>
      </c>
      <c r="FB29" s="72">
        <v>4</v>
      </c>
      <c r="FC29" s="244"/>
      <c r="FD29" s="71">
        <v>3</v>
      </c>
      <c r="FE29" s="71">
        <v>2</v>
      </c>
      <c r="FF29" s="71">
        <v>1</v>
      </c>
      <c r="FG29" s="71">
        <v>0</v>
      </c>
      <c r="FH29" s="71">
        <v>1</v>
      </c>
      <c r="FI29" s="72">
        <v>7</v>
      </c>
      <c r="FJ29" s="73">
        <v>11</v>
      </c>
      <c r="FK29" s="70">
        <v>2</v>
      </c>
      <c r="FL29" s="71">
        <v>1</v>
      </c>
      <c r="FM29" s="72">
        <v>3</v>
      </c>
      <c r="FN29" s="244"/>
      <c r="FO29" s="71">
        <v>2</v>
      </c>
      <c r="FP29" s="71">
        <v>0</v>
      </c>
      <c r="FQ29" s="71">
        <v>1</v>
      </c>
      <c r="FR29" s="71">
        <v>2</v>
      </c>
      <c r="FS29" s="71">
        <v>2</v>
      </c>
      <c r="FT29" s="72">
        <v>7</v>
      </c>
      <c r="FU29" s="73">
        <v>10</v>
      </c>
      <c r="FV29" s="70">
        <v>0</v>
      </c>
      <c r="FW29" s="71">
        <v>0</v>
      </c>
      <c r="FX29" s="72">
        <v>0</v>
      </c>
      <c r="FY29" s="244"/>
      <c r="FZ29" s="71">
        <v>0</v>
      </c>
      <c r="GA29" s="71">
        <v>0</v>
      </c>
      <c r="GB29" s="71">
        <v>0</v>
      </c>
      <c r="GC29" s="71">
        <v>0</v>
      </c>
      <c r="GD29" s="71">
        <v>0</v>
      </c>
      <c r="GE29" s="72">
        <v>0</v>
      </c>
      <c r="GF29" s="73">
        <v>0</v>
      </c>
      <c r="GG29" s="70">
        <v>6</v>
      </c>
      <c r="GH29" s="71">
        <v>4</v>
      </c>
      <c r="GI29" s="72">
        <v>10</v>
      </c>
      <c r="GJ29" s="244"/>
      <c r="GK29" s="71">
        <v>7</v>
      </c>
      <c r="GL29" s="71">
        <v>4</v>
      </c>
      <c r="GM29" s="71">
        <v>2</v>
      </c>
      <c r="GN29" s="71">
        <v>2</v>
      </c>
      <c r="GO29" s="71">
        <v>3</v>
      </c>
      <c r="GP29" s="72">
        <v>18</v>
      </c>
      <c r="GQ29" s="73">
        <v>28</v>
      </c>
      <c r="GR29" s="123">
        <v>21</v>
      </c>
      <c r="GS29" s="82">
        <v>15</v>
      </c>
      <c r="GT29" s="83">
        <v>36</v>
      </c>
      <c r="GU29" s="241"/>
      <c r="GV29" s="82">
        <v>33</v>
      </c>
      <c r="GW29" s="82">
        <v>20</v>
      </c>
      <c r="GX29" s="82">
        <v>13</v>
      </c>
      <c r="GY29" s="82">
        <v>7</v>
      </c>
      <c r="GZ29" s="82">
        <v>6</v>
      </c>
      <c r="HA29" s="84">
        <v>79</v>
      </c>
      <c r="HB29" s="85">
        <v>115</v>
      </c>
      <c r="HC29" s="70">
        <v>2</v>
      </c>
      <c r="HD29" s="71">
        <v>0</v>
      </c>
      <c r="HE29" s="72">
        <v>2</v>
      </c>
      <c r="HF29" s="244"/>
      <c r="HG29" s="71">
        <v>1</v>
      </c>
      <c r="HH29" s="71">
        <v>1</v>
      </c>
      <c r="HI29" s="71">
        <v>0</v>
      </c>
      <c r="HJ29" s="71">
        <v>0</v>
      </c>
      <c r="HK29" s="71">
        <v>0</v>
      </c>
      <c r="HL29" s="72">
        <v>2</v>
      </c>
      <c r="HM29" s="73">
        <v>4</v>
      </c>
      <c r="HN29" s="70">
        <v>1</v>
      </c>
      <c r="HO29" s="71">
        <v>0</v>
      </c>
      <c r="HP29" s="72">
        <v>1</v>
      </c>
      <c r="HQ29" s="244"/>
      <c r="HR29" s="71">
        <v>2</v>
      </c>
      <c r="HS29" s="71">
        <v>1</v>
      </c>
      <c r="HT29" s="71">
        <v>2</v>
      </c>
      <c r="HU29" s="71">
        <v>0</v>
      </c>
      <c r="HV29" s="71">
        <v>0</v>
      </c>
      <c r="HW29" s="72">
        <v>5</v>
      </c>
      <c r="HX29" s="73">
        <v>6</v>
      </c>
      <c r="HY29" s="70">
        <v>4</v>
      </c>
      <c r="HZ29" s="71">
        <v>2</v>
      </c>
      <c r="IA29" s="72">
        <v>6</v>
      </c>
      <c r="IB29" s="244"/>
      <c r="IC29" s="71">
        <v>4</v>
      </c>
      <c r="ID29" s="71">
        <v>4</v>
      </c>
      <c r="IE29" s="71">
        <v>2</v>
      </c>
      <c r="IF29" s="71">
        <v>1</v>
      </c>
      <c r="IG29" s="71">
        <v>0</v>
      </c>
      <c r="IH29" s="72">
        <v>11</v>
      </c>
      <c r="II29" s="73">
        <v>17</v>
      </c>
      <c r="IJ29" s="70">
        <v>2</v>
      </c>
      <c r="IK29" s="71">
        <v>1</v>
      </c>
      <c r="IL29" s="72">
        <v>3</v>
      </c>
      <c r="IM29" s="244"/>
      <c r="IN29" s="71">
        <v>8</v>
      </c>
      <c r="IO29" s="71">
        <v>3</v>
      </c>
      <c r="IP29" s="71">
        <v>2</v>
      </c>
      <c r="IQ29" s="71">
        <v>0</v>
      </c>
      <c r="IR29" s="71">
        <v>1</v>
      </c>
      <c r="IS29" s="72">
        <v>14</v>
      </c>
      <c r="IT29" s="73">
        <v>17</v>
      </c>
      <c r="IU29" s="70">
        <v>7</v>
      </c>
      <c r="IV29" s="71">
        <v>7</v>
      </c>
      <c r="IW29" s="72">
        <v>14</v>
      </c>
      <c r="IX29" s="244"/>
      <c r="IY29" s="71">
        <v>5</v>
      </c>
      <c r="IZ29" s="71">
        <v>7</v>
      </c>
      <c r="JA29" s="71">
        <v>2</v>
      </c>
      <c r="JB29" s="71">
        <v>1</v>
      </c>
      <c r="JC29" s="71">
        <v>3</v>
      </c>
      <c r="JD29" s="72">
        <v>18</v>
      </c>
      <c r="JE29" s="73">
        <v>32</v>
      </c>
      <c r="JF29" s="70">
        <v>5</v>
      </c>
      <c r="JG29" s="71">
        <v>5</v>
      </c>
      <c r="JH29" s="72">
        <v>10</v>
      </c>
      <c r="JI29" s="244"/>
      <c r="JJ29" s="71">
        <v>13</v>
      </c>
      <c r="JK29" s="71">
        <v>4</v>
      </c>
      <c r="JL29" s="71">
        <v>5</v>
      </c>
      <c r="JM29" s="71">
        <v>5</v>
      </c>
      <c r="JN29" s="71">
        <v>2</v>
      </c>
      <c r="JO29" s="72">
        <v>29</v>
      </c>
      <c r="JP29" s="73">
        <v>39</v>
      </c>
      <c r="JQ29" s="70">
        <v>0</v>
      </c>
      <c r="JR29" s="71">
        <v>0</v>
      </c>
      <c r="JS29" s="72">
        <v>0</v>
      </c>
      <c r="JT29" s="244"/>
      <c r="JU29" s="71">
        <v>0</v>
      </c>
      <c r="JV29" s="71">
        <v>0</v>
      </c>
      <c r="JW29" s="71">
        <v>0</v>
      </c>
      <c r="JX29" s="71">
        <v>0</v>
      </c>
      <c r="JY29" s="71">
        <v>0</v>
      </c>
      <c r="JZ29" s="72">
        <v>0</v>
      </c>
      <c r="KA29" s="73">
        <v>0</v>
      </c>
      <c r="KB29" s="70">
        <v>21</v>
      </c>
      <c r="KC29" s="71">
        <v>15</v>
      </c>
      <c r="KD29" s="72">
        <v>36</v>
      </c>
      <c r="KE29" s="244"/>
      <c r="KF29" s="71">
        <v>33</v>
      </c>
      <c r="KG29" s="71">
        <v>20</v>
      </c>
      <c r="KH29" s="71">
        <v>13</v>
      </c>
      <c r="KI29" s="71">
        <v>7</v>
      </c>
      <c r="KJ29" s="71">
        <v>6</v>
      </c>
      <c r="KK29" s="72">
        <v>79</v>
      </c>
      <c r="KL29" s="73">
        <v>115</v>
      </c>
    </row>
    <row r="30" spans="1:298" ht="19.5" customHeight="1" x14ac:dyDescent="0.2">
      <c r="A30" s="126" t="s">
        <v>27</v>
      </c>
      <c r="B30" s="316">
        <v>13</v>
      </c>
      <c r="C30" s="82">
        <v>21</v>
      </c>
      <c r="D30" s="83">
        <v>34</v>
      </c>
      <c r="E30" s="241"/>
      <c r="F30" s="82">
        <v>15</v>
      </c>
      <c r="G30" s="82">
        <v>7</v>
      </c>
      <c r="H30" s="82">
        <v>11</v>
      </c>
      <c r="I30" s="82">
        <v>6</v>
      </c>
      <c r="J30" s="82">
        <v>4</v>
      </c>
      <c r="K30" s="84">
        <v>43</v>
      </c>
      <c r="L30" s="85">
        <v>77</v>
      </c>
      <c r="M30" s="70">
        <v>1</v>
      </c>
      <c r="N30" s="71">
        <v>0</v>
      </c>
      <c r="O30" s="72">
        <v>1</v>
      </c>
      <c r="P30" s="244"/>
      <c r="Q30" s="71">
        <v>0</v>
      </c>
      <c r="R30" s="71">
        <v>0</v>
      </c>
      <c r="S30" s="71">
        <v>1</v>
      </c>
      <c r="T30" s="71">
        <v>0</v>
      </c>
      <c r="U30" s="71">
        <v>0</v>
      </c>
      <c r="V30" s="72">
        <v>1</v>
      </c>
      <c r="W30" s="73">
        <v>2</v>
      </c>
      <c r="X30" s="70">
        <v>1</v>
      </c>
      <c r="Y30" s="71">
        <v>2</v>
      </c>
      <c r="Z30" s="72">
        <v>3</v>
      </c>
      <c r="AA30" s="244"/>
      <c r="AB30" s="71">
        <v>0</v>
      </c>
      <c r="AC30" s="71">
        <v>0</v>
      </c>
      <c r="AD30" s="71">
        <v>0</v>
      </c>
      <c r="AE30" s="71">
        <v>0</v>
      </c>
      <c r="AF30" s="71">
        <v>0</v>
      </c>
      <c r="AG30" s="72">
        <v>0</v>
      </c>
      <c r="AH30" s="73">
        <v>3</v>
      </c>
      <c r="AI30" s="70">
        <v>1</v>
      </c>
      <c r="AJ30" s="71">
        <v>4</v>
      </c>
      <c r="AK30" s="72">
        <v>5</v>
      </c>
      <c r="AL30" s="244"/>
      <c r="AM30" s="71">
        <v>2</v>
      </c>
      <c r="AN30" s="71">
        <v>1</v>
      </c>
      <c r="AO30" s="71">
        <v>2</v>
      </c>
      <c r="AP30" s="71">
        <v>0</v>
      </c>
      <c r="AQ30" s="71">
        <v>0</v>
      </c>
      <c r="AR30" s="72">
        <v>5</v>
      </c>
      <c r="AS30" s="73">
        <v>10</v>
      </c>
      <c r="AT30" s="70">
        <v>4</v>
      </c>
      <c r="AU30" s="71">
        <v>5</v>
      </c>
      <c r="AV30" s="72">
        <v>9</v>
      </c>
      <c r="AW30" s="244"/>
      <c r="AX30" s="71">
        <v>4</v>
      </c>
      <c r="AY30" s="71">
        <v>1</v>
      </c>
      <c r="AZ30" s="71">
        <v>3</v>
      </c>
      <c r="BA30" s="71">
        <v>1</v>
      </c>
      <c r="BB30" s="71">
        <v>1</v>
      </c>
      <c r="BC30" s="72">
        <v>10</v>
      </c>
      <c r="BD30" s="73">
        <v>19</v>
      </c>
      <c r="BE30" s="70">
        <v>4</v>
      </c>
      <c r="BF30" s="71">
        <v>7</v>
      </c>
      <c r="BG30" s="72">
        <v>11</v>
      </c>
      <c r="BH30" s="244"/>
      <c r="BI30" s="71">
        <v>6</v>
      </c>
      <c r="BJ30" s="71">
        <v>2</v>
      </c>
      <c r="BK30" s="71">
        <v>3</v>
      </c>
      <c r="BL30" s="71">
        <v>2</v>
      </c>
      <c r="BM30" s="71">
        <v>2</v>
      </c>
      <c r="BN30" s="72">
        <v>15</v>
      </c>
      <c r="BO30" s="73">
        <v>26</v>
      </c>
      <c r="BP30" s="70">
        <v>2</v>
      </c>
      <c r="BQ30" s="71">
        <v>3</v>
      </c>
      <c r="BR30" s="72">
        <v>5</v>
      </c>
      <c r="BS30" s="244"/>
      <c r="BT30" s="71">
        <v>3</v>
      </c>
      <c r="BU30" s="71">
        <v>3</v>
      </c>
      <c r="BV30" s="71">
        <v>2</v>
      </c>
      <c r="BW30" s="71">
        <v>3</v>
      </c>
      <c r="BX30" s="71">
        <v>1</v>
      </c>
      <c r="BY30" s="72">
        <v>12</v>
      </c>
      <c r="BZ30" s="73">
        <v>17</v>
      </c>
      <c r="CA30" s="70">
        <v>0</v>
      </c>
      <c r="CB30" s="71">
        <v>0</v>
      </c>
      <c r="CC30" s="72">
        <v>0</v>
      </c>
      <c r="CD30" s="244"/>
      <c r="CE30" s="71">
        <v>0</v>
      </c>
      <c r="CF30" s="71">
        <v>0</v>
      </c>
      <c r="CG30" s="71">
        <v>0</v>
      </c>
      <c r="CH30" s="71">
        <v>0</v>
      </c>
      <c r="CI30" s="71">
        <v>0</v>
      </c>
      <c r="CJ30" s="72">
        <v>0</v>
      </c>
      <c r="CK30" s="73">
        <v>0</v>
      </c>
      <c r="CL30" s="70">
        <v>13</v>
      </c>
      <c r="CM30" s="71">
        <v>21</v>
      </c>
      <c r="CN30" s="72">
        <v>34</v>
      </c>
      <c r="CO30" s="244"/>
      <c r="CP30" s="71">
        <v>15</v>
      </c>
      <c r="CQ30" s="71">
        <v>7</v>
      </c>
      <c r="CR30" s="71">
        <v>11</v>
      </c>
      <c r="CS30" s="71">
        <v>6</v>
      </c>
      <c r="CT30" s="71">
        <v>4</v>
      </c>
      <c r="CU30" s="72">
        <v>43</v>
      </c>
      <c r="CV30" s="73">
        <v>77</v>
      </c>
      <c r="CW30" s="123">
        <v>2</v>
      </c>
      <c r="CX30" s="82">
        <v>4</v>
      </c>
      <c r="CY30" s="83">
        <v>6</v>
      </c>
      <c r="CZ30" s="241"/>
      <c r="DA30" s="82">
        <v>2</v>
      </c>
      <c r="DB30" s="82">
        <v>2</v>
      </c>
      <c r="DC30" s="82">
        <v>7</v>
      </c>
      <c r="DD30" s="82">
        <v>2</v>
      </c>
      <c r="DE30" s="82">
        <v>2</v>
      </c>
      <c r="DF30" s="84">
        <v>15</v>
      </c>
      <c r="DG30" s="85">
        <v>21</v>
      </c>
      <c r="DH30" s="70">
        <v>0</v>
      </c>
      <c r="DI30" s="71">
        <v>0</v>
      </c>
      <c r="DJ30" s="72">
        <v>0</v>
      </c>
      <c r="DK30" s="244"/>
      <c r="DL30" s="71">
        <v>0</v>
      </c>
      <c r="DM30" s="71">
        <v>0</v>
      </c>
      <c r="DN30" s="71">
        <v>0</v>
      </c>
      <c r="DO30" s="71">
        <v>0</v>
      </c>
      <c r="DP30" s="71">
        <v>0</v>
      </c>
      <c r="DQ30" s="72">
        <v>0</v>
      </c>
      <c r="DR30" s="73">
        <v>0</v>
      </c>
      <c r="DS30" s="70">
        <v>1</v>
      </c>
      <c r="DT30" s="71">
        <v>0</v>
      </c>
      <c r="DU30" s="72">
        <v>1</v>
      </c>
      <c r="DV30" s="244"/>
      <c r="DW30" s="71">
        <v>0</v>
      </c>
      <c r="DX30" s="71">
        <v>0</v>
      </c>
      <c r="DY30" s="71">
        <v>0</v>
      </c>
      <c r="DZ30" s="71">
        <v>0</v>
      </c>
      <c r="EA30" s="71">
        <v>0</v>
      </c>
      <c r="EB30" s="72">
        <v>0</v>
      </c>
      <c r="EC30" s="73">
        <v>1</v>
      </c>
      <c r="ED30" s="70">
        <v>0</v>
      </c>
      <c r="EE30" s="71">
        <v>0</v>
      </c>
      <c r="EF30" s="72">
        <v>0</v>
      </c>
      <c r="EG30" s="244"/>
      <c r="EH30" s="71">
        <v>0</v>
      </c>
      <c r="EI30" s="71">
        <v>2</v>
      </c>
      <c r="EJ30" s="71">
        <v>0</v>
      </c>
      <c r="EK30" s="71">
        <v>0</v>
      </c>
      <c r="EL30" s="71">
        <v>0</v>
      </c>
      <c r="EM30" s="72">
        <v>2</v>
      </c>
      <c r="EN30" s="73">
        <v>2</v>
      </c>
      <c r="EO30" s="70">
        <v>0</v>
      </c>
      <c r="EP30" s="71">
        <v>0</v>
      </c>
      <c r="EQ30" s="72">
        <v>0</v>
      </c>
      <c r="ER30" s="244"/>
      <c r="ES30" s="71">
        <v>1</v>
      </c>
      <c r="ET30" s="71">
        <v>0</v>
      </c>
      <c r="EU30" s="71">
        <v>0</v>
      </c>
      <c r="EV30" s="71">
        <v>0</v>
      </c>
      <c r="EW30" s="71">
        <v>0</v>
      </c>
      <c r="EX30" s="72">
        <v>1</v>
      </c>
      <c r="EY30" s="73">
        <v>1</v>
      </c>
      <c r="EZ30" s="70">
        <v>1</v>
      </c>
      <c r="FA30" s="71">
        <v>3</v>
      </c>
      <c r="FB30" s="72">
        <v>4</v>
      </c>
      <c r="FC30" s="244"/>
      <c r="FD30" s="71">
        <v>0</v>
      </c>
      <c r="FE30" s="71">
        <v>0</v>
      </c>
      <c r="FF30" s="71">
        <v>2</v>
      </c>
      <c r="FG30" s="71">
        <v>0</v>
      </c>
      <c r="FH30" s="71">
        <v>1</v>
      </c>
      <c r="FI30" s="72">
        <v>3</v>
      </c>
      <c r="FJ30" s="73">
        <v>7</v>
      </c>
      <c r="FK30" s="70">
        <v>0</v>
      </c>
      <c r="FL30" s="71">
        <v>1</v>
      </c>
      <c r="FM30" s="72">
        <v>1</v>
      </c>
      <c r="FN30" s="244"/>
      <c r="FO30" s="71">
        <v>1</v>
      </c>
      <c r="FP30" s="71">
        <v>0</v>
      </c>
      <c r="FQ30" s="71">
        <v>5</v>
      </c>
      <c r="FR30" s="71">
        <v>2</v>
      </c>
      <c r="FS30" s="71">
        <v>1</v>
      </c>
      <c r="FT30" s="72">
        <v>9</v>
      </c>
      <c r="FU30" s="73">
        <v>10</v>
      </c>
      <c r="FV30" s="70">
        <v>0</v>
      </c>
      <c r="FW30" s="71">
        <v>0</v>
      </c>
      <c r="FX30" s="72">
        <v>0</v>
      </c>
      <c r="FY30" s="244"/>
      <c r="FZ30" s="71">
        <v>0</v>
      </c>
      <c r="GA30" s="71">
        <v>0</v>
      </c>
      <c r="GB30" s="71">
        <v>0</v>
      </c>
      <c r="GC30" s="71">
        <v>0</v>
      </c>
      <c r="GD30" s="71">
        <v>0</v>
      </c>
      <c r="GE30" s="72">
        <v>0</v>
      </c>
      <c r="GF30" s="73">
        <v>0</v>
      </c>
      <c r="GG30" s="70">
        <v>2</v>
      </c>
      <c r="GH30" s="71">
        <v>4</v>
      </c>
      <c r="GI30" s="72">
        <v>6</v>
      </c>
      <c r="GJ30" s="244"/>
      <c r="GK30" s="71">
        <v>2</v>
      </c>
      <c r="GL30" s="71">
        <v>2</v>
      </c>
      <c r="GM30" s="71">
        <v>7</v>
      </c>
      <c r="GN30" s="71">
        <v>2</v>
      </c>
      <c r="GO30" s="71">
        <v>2</v>
      </c>
      <c r="GP30" s="72">
        <v>15</v>
      </c>
      <c r="GQ30" s="73">
        <v>21</v>
      </c>
      <c r="GR30" s="123">
        <v>15</v>
      </c>
      <c r="GS30" s="82">
        <v>25</v>
      </c>
      <c r="GT30" s="83">
        <v>40</v>
      </c>
      <c r="GU30" s="241"/>
      <c r="GV30" s="82">
        <v>17</v>
      </c>
      <c r="GW30" s="82">
        <v>9</v>
      </c>
      <c r="GX30" s="82">
        <v>18</v>
      </c>
      <c r="GY30" s="82">
        <v>8</v>
      </c>
      <c r="GZ30" s="82">
        <v>6</v>
      </c>
      <c r="HA30" s="84">
        <v>58</v>
      </c>
      <c r="HB30" s="85">
        <v>98</v>
      </c>
      <c r="HC30" s="70">
        <v>1</v>
      </c>
      <c r="HD30" s="71">
        <v>0</v>
      </c>
      <c r="HE30" s="72">
        <v>1</v>
      </c>
      <c r="HF30" s="244"/>
      <c r="HG30" s="71">
        <v>0</v>
      </c>
      <c r="HH30" s="71">
        <v>0</v>
      </c>
      <c r="HI30" s="71">
        <v>1</v>
      </c>
      <c r="HJ30" s="71">
        <v>0</v>
      </c>
      <c r="HK30" s="71">
        <v>0</v>
      </c>
      <c r="HL30" s="72">
        <v>1</v>
      </c>
      <c r="HM30" s="73">
        <v>2</v>
      </c>
      <c r="HN30" s="70">
        <v>2</v>
      </c>
      <c r="HO30" s="71">
        <v>2</v>
      </c>
      <c r="HP30" s="72">
        <v>4</v>
      </c>
      <c r="HQ30" s="244"/>
      <c r="HR30" s="71">
        <v>0</v>
      </c>
      <c r="HS30" s="71">
        <v>0</v>
      </c>
      <c r="HT30" s="71">
        <v>0</v>
      </c>
      <c r="HU30" s="71">
        <v>0</v>
      </c>
      <c r="HV30" s="71">
        <v>0</v>
      </c>
      <c r="HW30" s="72">
        <v>0</v>
      </c>
      <c r="HX30" s="73">
        <v>4</v>
      </c>
      <c r="HY30" s="70">
        <v>1</v>
      </c>
      <c r="HZ30" s="71">
        <v>4</v>
      </c>
      <c r="IA30" s="72">
        <v>5</v>
      </c>
      <c r="IB30" s="244"/>
      <c r="IC30" s="71">
        <v>2</v>
      </c>
      <c r="ID30" s="71">
        <v>3</v>
      </c>
      <c r="IE30" s="71">
        <v>2</v>
      </c>
      <c r="IF30" s="71">
        <v>0</v>
      </c>
      <c r="IG30" s="71">
        <v>0</v>
      </c>
      <c r="IH30" s="72">
        <v>7</v>
      </c>
      <c r="II30" s="73">
        <v>12</v>
      </c>
      <c r="IJ30" s="70">
        <v>4</v>
      </c>
      <c r="IK30" s="71">
        <v>5</v>
      </c>
      <c r="IL30" s="72">
        <v>9</v>
      </c>
      <c r="IM30" s="244"/>
      <c r="IN30" s="71">
        <v>5</v>
      </c>
      <c r="IO30" s="71">
        <v>1</v>
      </c>
      <c r="IP30" s="71">
        <v>3</v>
      </c>
      <c r="IQ30" s="71">
        <v>1</v>
      </c>
      <c r="IR30" s="71">
        <v>1</v>
      </c>
      <c r="IS30" s="72">
        <v>11</v>
      </c>
      <c r="IT30" s="73">
        <v>20</v>
      </c>
      <c r="IU30" s="70">
        <v>5</v>
      </c>
      <c r="IV30" s="71">
        <v>10</v>
      </c>
      <c r="IW30" s="72">
        <v>15</v>
      </c>
      <c r="IX30" s="244"/>
      <c r="IY30" s="71">
        <v>6</v>
      </c>
      <c r="IZ30" s="71">
        <v>2</v>
      </c>
      <c r="JA30" s="71">
        <v>5</v>
      </c>
      <c r="JB30" s="71">
        <v>2</v>
      </c>
      <c r="JC30" s="71">
        <v>3</v>
      </c>
      <c r="JD30" s="72">
        <v>18</v>
      </c>
      <c r="JE30" s="73">
        <v>33</v>
      </c>
      <c r="JF30" s="70">
        <v>2</v>
      </c>
      <c r="JG30" s="71">
        <v>4</v>
      </c>
      <c r="JH30" s="72">
        <v>6</v>
      </c>
      <c r="JI30" s="244"/>
      <c r="JJ30" s="71">
        <v>4</v>
      </c>
      <c r="JK30" s="71">
        <v>3</v>
      </c>
      <c r="JL30" s="71">
        <v>7</v>
      </c>
      <c r="JM30" s="71">
        <v>5</v>
      </c>
      <c r="JN30" s="71">
        <v>2</v>
      </c>
      <c r="JO30" s="72">
        <v>21</v>
      </c>
      <c r="JP30" s="73">
        <v>27</v>
      </c>
      <c r="JQ30" s="70">
        <v>0</v>
      </c>
      <c r="JR30" s="71">
        <v>0</v>
      </c>
      <c r="JS30" s="72">
        <v>0</v>
      </c>
      <c r="JT30" s="244"/>
      <c r="JU30" s="71">
        <v>0</v>
      </c>
      <c r="JV30" s="71">
        <v>0</v>
      </c>
      <c r="JW30" s="71">
        <v>0</v>
      </c>
      <c r="JX30" s="71">
        <v>0</v>
      </c>
      <c r="JY30" s="71">
        <v>0</v>
      </c>
      <c r="JZ30" s="72">
        <v>0</v>
      </c>
      <c r="KA30" s="73">
        <v>0</v>
      </c>
      <c r="KB30" s="70">
        <v>15</v>
      </c>
      <c r="KC30" s="71">
        <v>25</v>
      </c>
      <c r="KD30" s="72">
        <v>40</v>
      </c>
      <c r="KE30" s="244"/>
      <c r="KF30" s="71">
        <v>17</v>
      </c>
      <c r="KG30" s="71">
        <v>9</v>
      </c>
      <c r="KH30" s="71">
        <v>18</v>
      </c>
      <c r="KI30" s="71">
        <v>8</v>
      </c>
      <c r="KJ30" s="71">
        <v>6</v>
      </c>
      <c r="KK30" s="72">
        <v>58</v>
      </c>
      <c r="KL30" s="73">
        <v>98</v>
      </c>
    </row>
    <row r="31" spans="1:298" ht="19.5" customHeight="1" x14ac:dyDescent="0.2">
      <c r="A31" s="126" t="s">
        <v>28</v>
      </c>
      <c r="B31" s="316">
        <v>1</v>
      </c>
      <c r="C31" s="82">
        <v>1</v>
      </c>
      <c r="D31" s="83">
        <v>2</v>
      </c>
      <c r="E31" s="241"/>
      <c r="F31" s="82">
        <v>9</v>
      </c>
      <c r="G31" s="82">
        <v>6</v>
      </c>
      <c r="H31" s="82">
        <v>3</v>
      </c>
      <c r="I31" s="82">
        <v>2</v>
      </c>
      <c r="J31" s="82">
        <v>4</v>
      </c>
      <c r="K31" s="84">
        <v>24</v>
      </c>
      <c r="L31" s="85">
        <v>26</v>
      </c>
      <c r="M31" s="70">
        <v>0</v>
      </c>
      <c r="N31" s="71">
        <v>0</v>
      </c>
      <c r="O31" s="72">
        <v>0</v>
      </c>
      <c r="P31" s="244"/>
      <c r="Q31" s="71">
        <v>0</v>
      </c>
      <c r="R31" s="71">
        <v>0</v>
      </c>
      <c r="S31" s="71">
        <v>1</v>
      </c>
      <c r="T31" s="71">
        <v>0</v>
      </c>
      <c r="U31" s="71">
        <v>0</v>
      </c>
      <c r="V31" s="72">
        <v>1</v>
      </c>
      <c r="W31" s="73">
        <v>1</v>
      </c>
      <c r="X31" s="70">
        <v>0</v>
      </c>
      <c r="Y31" s="71">
        <v>1</v>
      </c>
      <c r="Z31" s="72">
        <v>1</v>
      </c>
      <c r="AA31" s="244"/>
      <c r="AB31" s="71">
        <v>1</v>
      </c>
      <c r="AC31" s="71">
        <v>2</v>
      </c>
      <c r="AD31" s="71">
        <v>0</v>
      </c>
      <c r="AE31" s="71">
        <v>0</v>
      </c>
      <c r="AF31" s="71">
        <v>0</v>
      </c>
      <c r="AG31" s="72">
        <v>3</v>
      </c>
      <c r="AH31" s="73">
        <v>4</v>
      </c>
      <c r="AI31" s="70">
        <v>0</v>
      </c>
      <c r="AJ31" s="71">
        <v>0</v>
      </c>
      <c r="AK31" s="72">
        <v>0</v>
      </c>
      <c r="AL31" s="244"/>
      <c r="AM31" s="71">
        <v>1</v>
      </c>
      <c r="AN31" s="71">
        <v>1</v>
      </c>
      <c r="AO31" s="71">
        <v>0</v>
      </c>
      <c r="AP31" s="71">
        <v>0</v>
      </c>
      <c r="AQ31" s="71">
        <v>0</v>
      </c>
      <c r="AR31" s="72">
        <v>2</v>
      </c>
      <c r="AS31" s="73">
        <v>2</v>
      </c>
      <c r="AT31" s="70">
        <v>0</v>
      </c>
      <c r="AU31" s="71">
        <v>0</v>
      </c>
      <c r="AV31" s="72">
        <v>0</v>
      </c>
      <c r="AW31" s="244"/>
      <c r="AX31" s="71">
        <v>1</v>
      </c>
      <c r="AY31" s="71">
        <v>0</v>
      </c>
      <c r="AZ31" s="71">
        <v>0</v>
      </c>
      <c r="BA31" s="71">
        <v>0</v>
      </c>
      <c r="BB31" s="71">
        <v>2</v>
      </c>
      <c r="BC31" s="72">
        <v>3</v>
      </c>
      <c r="BD31" s="73">
        <v>3</v>
      </c>
      <c r="BE31" s="70">
        <v>1</v>
      </c>
      <c r="BF31" s="71">
        <v>0</v>
      </c>
      <c r="BG31" s="72">
        <v>1</v>
      </c>
      <c r="BH31" s="244"/>
      <c r="BI31" s="71">
        <v>3</v>
      </c>
      <c r="BJ31" s="71">
        <v>1</v>
      </c>
      <c r="BK31" s="71">
        <v>0</v>
      </c>
      <c r="BL31" s="71">
        <v>1</v>
      </c>
      <c r="BM31" s="71">
        <v>1</v>
      </c>
      <c r="BN31" s="72">
        <v>6</v>
      </c>
      <c r="BO31" s="73">
        <v>7</v>
      </c>
      <c r="BP31" s="70">
        <v>0</v>
      </c>
      <c r="BQ31" s="71">
        <v>0</v>
      </c>
      <c r="BR31" s="72">
        <v>0</v>
      </c>
      <c r="BS31" s="244"/>
      <c r="BT31" s="71">
        <v>3</v>
      </c>
      <c r="BU31" s="71">
        <v>2</v>
      </c>
      <c r="BV31" s="71">
        <v>2</v>
      </c>
      <c r="BW31" s="71">
        <v>1</v>
      </c>
      <c r="BX31" s="71">
        <v>1</v>
      </c>
      <c r="BY31" s="72">
        <v>9</v>
      </c>
      <c r="BZ31" s="73">
        <v>9</v>
      </c>
      <c r="CA31" s="70">
        <v>0</v>
      </c>
      <c r="CB31" s="71">
        <v>0</v>
      </c>
      <c r="CC31" s="72">
        <v>0</v>
      </c>
      <c r="CD31" s="244"/>
      <c r="CE31" s="71">
        <v>0</v>
      </c>
      <c r="CF31" s="71">
        <v>0</v>
      </c>
      <c r="CG31" s="71">
        <v>0</v>
      </c>
      <c r="CH31" s="71">
        <v>0</v>
      </c>
      <c r="CI31" s="71">
        <v>0</v>
      </c>
      <c r="CJ31" s="72">
        <v>0</v>
      </c>
      <c r="CK31" s="73">
        <v>0</v>
      </c>
      <c r="CL31" s="70">
        <v>1</v>
      </c>
      <c r="CM31" s="71">
        <v>1</v>
      </c>
      <c r="CN31" s="72">
        <v>2</v>
      </c>
      <c r="CO31" s="244"/>
      <c r="CP31" s="71">
        <v>9</v>
      </c>
      <c r="CQ31" s="71">
        <v>6</v>
      </c>
      <c r="CR31" s="71">
        <v>3</v>
      </c>
      <c r="CS31" s="71">
        <v>2</v>
      </c>
      <c r="CT31" s="71">
        <v>4</v>
      </c>
      <c r="CU31" s="72">
        <v>24</v>
      </c>
      <c r="CV31" s="73">
        <v>26</v>
      </c>
      <c r="CW31" s="123">
        <v>0</v>
      </c>
      <c r="CX31" s="82">
        <v>1</v>
      </c>
      <c r="CY31" s="83">
        <v>1</v>
      </c>
      <c r="CZ31" s="241"/>
      <c r="DA31" s="82">
        <v>1</v>
      </c>
      <c r="DB31" s="82">
        <v>2</v>
      </c>
      <c r="DC31" s="82">
        <v>1</v>
      </c>
      <c r="DD31" s="82">
        <v>2</v>
      </c>
      <c r="DE31" s="82">
        <v>0</v>
      </c>
      <c r="DF31" s="84">
        <v>6</v>
      </c>
      <c r="DG31" s="85">
        <v>7</v>
      </c>
      <c r="DH31" s="70">
        <v>0</v>
      </c>
      <c r="DI31" s="71">
        <v>0</v>
      </c>
      <c r="DJ31" s="72">
        <v>0</v>
      </c>
      <c r="DK31" s="244"/>
      <c r="DL31" s="71">
        <v>0</v>
      </c>
      <c r="DM31" s="71">
        <v>0</v>
      </c>
      <c r="DN31" s="71">
        <v>0</v>
      </c>
      <c r="DO31" s="71">
        <v>0</v>
      </c>
      <c r="DP31" s="71">
        <v>0</v>
      </c>
      <c r="DQ31" s="72">
        <v>0</v>
      </c>
      <c r="DR31" s="73">
        <v>0</v>
      </c>
      <c r="DS31" s="70">
        <v>0</v>
      </c>
      <c r="DT31" s="71">
        <v>0</v>
      </c>
      <c r="DU31" s="72">
        <v>0</v>
      </c>
      <c r="DV31" s="244"/>
      <c r="DW31" s="71">
        <v>0</v>
      </c>
      <c r="DX31" s="71">
        <v>0</v>
      </c>
      <c r="DY31" s="71">
        <v>1</v>
      </c>
      <c r="DZ31" s="71">
        <v>0</v>
      </c>
      <c r="EA31" s="71">
        <v>0</v>
      </c>
      <c r="EB31" s="72">
        <v>1</v>
      </c>
      <c r="EC31" s="73">
        <v>1</v>
      </c>
      <c r="ED31" s="70">
        <v>0</v>
      </c>
      <c r="EE31" s="71">
        <v>0</v>
      </c>
      <c r="EF31" s="72">
        <v>0</v>
      </c>
      <c r="EG31" s="244"/>
      <c r="EH31" s="71">
        <v>0</v>
      </c>
      <c r="EI31" s="71">
        <v>0</v>
      </c>
      <c r="EJ31" s="71">
        <v>0</v>
      </c>
      <c r="EK31" s="71">
        <v>0</v>
      </c>
      <c r="EL31" s="71">
        <v>0</v>
      </c>
      <c r="EM31" s="72">
        <v>0</v>
      </c>
      <c r="EN31" s="73">
        <v>0</v>
      </c>
      <c r="EO31" s="70">
        <v>0</v>
      </c>
      <c r="EP31" s="71">
        <v>0</v>
      </c>
      <c r="EQ31" s="72">
        <v>0</v>
      </c>
      <c r="ER31" s="244"/>
      <c r="ES31" s="71">
        <v>0</v>
      </c>
      <c r="ET31" s="71">
        <v>1</v>
      </c>
      <c r="EU31" s="71">
        <v>0</v>
      </c>
      <c r="EV31" s="71">
        <v>1</v>
      </c>
      <c r="EW31" s="71">
        <v>0</v>
      </c>
      <c r="EX31" s="72">
        <v>2</v>
      </c>
      <c r="EY31" s="73">
        <v>2</v>
      </c>
      <c r="EZ31" s="70">
        <v>0</v>
      </c>
      <c r="FA31" s="71">
        <v>0</v>
      </c>
      <c r="FB31" s="72">
        <v>0</v>
      </c>
      <c r="FC31" s="244"/>
      <c r="FD31" s="71">
        <v>1</v>
      </c>
      <c r="FE31" s="71">
        <v>0</v>
      </c>
      <c r="FF31" s="71">
        <v>0</v>
      </c>
      <c r="FG31" s="71">
        <v>0</v>
      </c>
      <c r="FH31" s="71">
        <v>0</v>
      </c>
      <c r="FI31" s="72">
        <v>1</v>
      </c>
      <c r="FJ31" s="73">
        <v>1</v>
      </c>
      <c r="FK31" s="70">
        <v>0</v>
      </c>
      <c r="FL31" s="71">
        <v>1</v>
      </c>
      <c r="FM31" s="72">
        <v>1</v>
      </c>
      <c r="FN31" s="244"/>
      <c r="FO31" s="71">
        <v>0</v>
      </c>
      <c r="FP31" s="71">
        <v>1</v>
      </c>
      <c r="FQ31" s="71">
        <v>0</v>
      </c>
      <c r="FR31" s="71">
        <v>1</v>
      </c>
      <c r="FS31" s="71">
        <v>0</v>
      </c>
      <c r="FT31" s="72">
        <v>2</v>
      </c>
      <c r="FU31" s="73">
        <v>3</v>
      </c>
      <c r="FV31" s="70">
        <v>0</v>
      </c>
      <c r="FW31" s="71">
        <v>0</v>
      </c>
      <c r="FX31" s="72">
        <v>0</v>
      </c>
      <c r="FY31" s="244"/>
      <c r="FZ31" s="71">
        <v>0</v>
      </c>
      <c r="GA31" s="71">
        <v>0</v>
      </c>
      <c r="GB31" s="71">
        <v>0</v>
      </c>
      <c r="GC31" s="71">
        <v>0</v>
      </c>
      <c r="GD31" s="71">
        <v>0</v>
      </c>
      <c r="GE31" s="72">
        <v>0</v>
      </c>
      <c r="GF31" s="73">
        <v>0</v>
      </c>
      <c r="GG31" s="70">
        <v>0</v>
      </c>
      <c r="GH31" s="71">
        <v>1</v>
      </c>
      <c r="GI31" s="72">
        <v>1</v>
      </c>
      <c r="GJ31" s="244"/>
      <c r="GK31" s="71">
        <v>1</v>
      </c>
      <c r="GL31" s="71">
        <v>2</v>
      </c>
      <c r="GM31" s="71">
        <v>1</v>
      </c>
      <c r="GN31" s="71">
        <v>2</v>
      </c>
      <c r="GO31" s="71">
        <v>0</v>
      </c>
      <c r="GP31" s="72">
        <v>6</v>
      </c>
      <c r="GQ31" s="73">
        <v>7</v>
      </c>
      <c r="GR31" s="123">
        <v>1</v>
      </c>
      <c r="GS31" s="82">
        <v>2</v>
      </c>
      <c r="GT31" s="83">
        <v>3</v>
      </c>
      <c r="GU31" s="241"/>
      <c r="GV31" s="82">
        <v>10</v>
      </c>
      <c r="GW31" s="82">
        <v>8</v>
      </c>
      <c r="GX31" s="82">
        <v>4</v>
      </c>
      <c r="GY31" s="82">
        <v>4</v>
      </c>
      <c r="GZ31" s="82">
        <v>4</v>
      </c>
      <c r="HA31" s="84">
        <v>30</v>
      </c>
      <c r="HB31" s="85">
        <v>33</v>
      </c>
      <c r="HC31" s="70">
        <v>0</v>
      </c>
      <c r="HD31" s="71">
        <v>0</v>
      </c>
      <c r="HE31" s="72">
        <v>0</v>
      </c>
      <c r="HF31" s="244"/>
      <c r="HG31" s="71">
        <v>0</v>
      </c>
      <c r="HH31" s="71">
        <v>0</v>
      </c>
      <c r="HI31" s="71">
        <v>1</v>
      </c>
      <c r="HJ31" s="71">
        <v>0</v>
      </c>
      <c r="HK31" s="71">
        <v>0</v>
      </c>
      <c r="HL31" s="72">
        <v>1</v>
      </c>
      <c r="HM31" s="73">
        <v>1</v>
      </c>
      <c r="HN31" s="70">
        <v>0</v>
      </c>
      <c r="HO31" s="71">
        <v>1</v>
      </c>
      <c r="HP31" s="72">
        <v>1</v>
      </c>
      <c r="HQ31" s="244"/>
      <c r="HR31" s="71">
        <v>1</v>
      </c>
      <c r="HS31" s="71">
        <v>2</v>
      </c>
      <c r="HT31" s="71">
        <v>1</v>
      </c>
      <c r="HU31" s="71">
        <v>0</v>
      </c>
      <c r="HV31" s="71">
        <v>0</v>
      </c>
      <c r="HW31" s="72">
        <v>4</v>
      </c>
      <c r="HX31" s="73">
        <v>5</v>
      </c>
      <c r="HY31" s="70">
        <v>0</v>
      </c>
      <c r="HZ31" s="71">
        <v>0</v>
      </c>
      <c r="IA31" s="72">
        <v>0</v>
      </c>
      <c r="IB31" s="244"/>
      <c r="IC31" s="71">
        <v>1</v>
      </c>
      <c r="ID31" s="71">
        <v>1</v>
      </c>
      <c r="IE31" s="71">
        <v>0</v>
      </c>
      <c r="IF31" s="71">
        <v>0</v>
      </c>
      <c r="IG31" s="71">
        <v>0</v>
      </c>
      <c r="IH31" s="72">
        <v>2</v>
      </c>
      <c r="II31" s="73">
        <v>2</v>
      </c>
      <c r="IJ31" s="70">
        <v>0</v>
      </c>
      <c r="IK31" s="71">
        <v>0</v>
      </c>
      <c r="IL31" s="72">
        <v>0</v>
      </c>
      <c r="IM31" s="244"/>
      <c r="IN31" s="71">
        <v>1</v>
      </c>
      <c r="IO31" s="71">
        <v>1</v>
      </c>
      <c r="IP31" s="71">
        <v>0</v>
      </c>
      <c r="IQ31" s="71">
        <v>1</v>
      </c>
      <c r="IR31" s="71">
        <v>2</v>
      </c>
      <c r="IS31" s="72">
        <v>5</v>
      </c>
      <c r="IT31" s="73">
        <v>5</v>
      </c>
      <c r="IU31" s="70">
        <v>1</v>
      </c>
      <c r="IV31" s="71">
        <v>0</v>
      </c>
      <c r="IW31" s="72">
        <v>1</v>
      </c>
      <c r="IX31" s="244"/>
      <c r="IY31" s="71">
        <v>4</v>
      </c>
      <c r="IZ31" s="71">
        <v>1</v>
      </c>
      <c r="JA31" s="71">
        <v>0</v>
      </c>
      <c r="JB31" s="71">
        <v>1</v>
      </c>
      <c r="JC31" s="71">
        <v>1</v>
      </c>
      <c r="JD31" s="72">
        <v>7</v>
      </c>
      <c r="JE31" s="73">
        <v>8</v>
      </c>
      <c r="JF31" s="70">
        <v>0</v>
      </c>
      <c r="JG31" s="71">
        <v>1</v>
      </c>
      <c r="JH31" s="72">
        <v>1</v>
      </c>
      <c r="JI31" s="244"/>
      <c r="JJ31" s="71">
        <v>3</v>
      </c>
      <c r="JK31" s="71">
        <v>3</v>
      </c>
      <c r="JL31" s="71">
        <v>2</v>
      </c>
      <c r="JM31" s="71">
        <v>2</v>
      </c>
      <c r="JN31" s="71">
        <v>1</v>
      </c>
      <c r="JO31" s="72">
        <v>11</v>
      </c>
      <c r="JP31" s="73">
        <v>12</v>
      </c>
      <c r="JQ31" s="70">
        <v>0</v>
      </c>
      <c r="JR31" s="71">
        <v>0</v>
      </c>
      <c r="JS31" s="72">
        <v>0</v>
      </c>
      <c r="JT31" s="244"/>
      <c r="JU31" s="71">
        <v>0</v>
      </c>
      <c r="JV31" s="71">
        <v>0</v>
      </c>
      <c r="JW31" s="71">
        <v>0</v>
      </c>
      <c r="JX31" s="71">
        <v>0</v>
      </c>
      <c r="JY31" s="71">
        <v>0</v>
      </c>
      <c r="JZ31" s="72">
        <v>0</v>
      </c>
      <c r="KA31" s="73">
        <v>0</v>
      </c>
      <c r="KB31" s="70">
        <v>1</v>
      </c>
      <c r="KC31" s="71">
        <v>2</v>
      </c>
      <c r="KD31" s="72">
        <v>3</v>
      </c>
      <c r="KE31" s="244"/>
      <c r="KF31" s="71">
        <v>10</v>
      </c>
      <c r="KG31" s="71">
        <v>8</v>
      </c>
      <c r="KH31" s="71">
        <v>4</v>
      </c>
      <c r="KI31" s="71">
        <v>4</v>
      </c>
      <c r="KJ31" s="71">
        <v>4</v>
      </c>
      <c r="KK31" s="72">
        <v>30</v>
      </c>
      <c r="KL31" s="73">
        <v>33</v>
      </c>
    </row>
    <row r="32" spans="1:298" ht="19.5" customHeight="1" x14ac:dyDescent="0.2">
      <c r="A32" s="126" t="s">
        <v>29</v>
      </c>
      <c r="B32" s="316">
        <v>4</v>
      </c>
      <c r="C32" s="82">
        <v>2</v>
      </c>
      <c r="D32" s="83">
        <v>6</v>
      </c>
      <c r="E32" s="241"/>
      <c r="F32" s="82">
        <v>3</v>
      </c>
      <c r="G32" s="82">
        <v>4</v>
      </c>
      <c r="H32" s="82">
        <v>9</v>
      </c>
      <c r="I32" s="82">
        <v>4</v>
      </c>
      <c r="J32" s="82">
        <v>1</v>
      </c>
      <c r="K32" s="84">
        <v>21</v>
      </c>
      <c r="L32" s="85">
        <v>27</v>
      </c>
      <c r="M32" s="70">
        <v>0</v>
      </c>
      <c r="N32" s="71">
        <v>0</v>
      </c>
      <c r="O32" s="72">
        <v>0</v>
      </c>
      <c r="P32" s="244"/>
      <c r="Q32" s="71">
        <v>0</v>
      </c>
      <c r="R32" s="71">
        <v>0</v>
      </c>
      <c r="S32" s="71">
        <v>1</v>
      </c>
      <c r="T32" s="71">
        <v>0</v>
      </c>
      <c r="U32" s="71">
        <v>0</v>
      </c>
      <c r="V32" s="72">
        <v>1</v>
      </c>
      <c r="W32" s="73">
        <v>1</v>
      </c>
      <c r="X32" s="70">
        <v>0</v>
      </c>
      <c r="Y32" s="71">
        <v>1</v>
      </c>
      <c r="Z32" s="72">
        <v>1</v>
      </c>
      <c r="AA32" s="244"/>
      <c r="AB32" s="71">
        <v>1</v>
      </c>
      <c r="AC32" s="71">
        <v>1</v>
      </c>
      <c r="AD32" s="71">
        <v>0</v>
      </c>
      <c r="AE32" s="71">
        <v>1</v>
      </c>
      <c r="AF32" s="71">
        <v>1</v>
      </c>
      <c r="AG32" s="72">
        <v>4</v>
      </c>
      <c r="AH32" s="73">
        <v>5</v>
      </c>
      <c r="AI32" s="70">
        <v>1</v>
      </c>
      <c r="AJ32" s="71">
        <v>1</v>
      </c>
      <c r="AK32" s="72">
        <v>2</v>
      </c>
      <c r="AL32" s="244"/>
      <c r="AM32" s="71">
        <v>0</v>
      </c>
      <c r="AN32" s="71">
        <v>1</v>
      </c>
      <c r="AO32" s="71">
        <v>1</v>
      </c>
      <c r="AP32" s="71">
        <v>0</v>
      </c>
      <c r="AQ32" s="71">
        <v>0</v>
      </c>
      <c r="AR32" s="72">
        <v>2</v>
      </c>
      <c r="AS32" s="73">
        <v>4</v>
      </c>
      <c r="AT32" s="70">
        <v>1</v>
      </c>
      <c r="AU32" s="71">
        <v>0</v>
      </c>
      <c r="AV32" s="72">
        <v>1</v>
      </c>
      <c r="AW32" s="244"/>
      <c r="AX32" s="71">
        <v>1</v>
      </c>
      <c r="AY32" s="71">
        <v>0</v>
      </c>
      <c r="AZ32" s="71">
        <v>5</v>
      </c>
      <c r="BA32" s="71">
        <v>1</v>
      </c>
      <c r="BB32" s="71">
        <v>0</v>
      </c>
      <c r="BC32" s="72">
        <v>7</v>
      </c>
      <c r="BD32" s="73">
        <v>8</v>
      </c>
      <c r="BE32" s="70">
        <v>2</v>
      </c>
      <c r="BF32" s="71">
        <v>0</v>
      </c>
      <c r="BG32" s="72">
        <v>2</v>
      </c>
      <c r="BH32" s="244"/>
      <c r="BI32" s="71">
        <v>0</v>
      </c>
      <c r="BJ32" s="71">
        <v>0</v>
      </c>
      <c r="BK32" s="71">
        <v>0</v>
      </c>
      <c r="BL32" s="71">
        <v>1</v>
      </c>
      <c r="BM32" s="71">
        <v>0</v>
      </c>
      <c r="BN32" s="72">
        <v>1</v>
      </c>
      <c r="BO32" s="73">
        <v>3</v>
      </c>
      <c r="BP32" s="70">
        <v>0</v>
      </c>
      <c r="BQ32" s="71">
        <v>0</v>
      </c>
      <c r="BR32" s="72">
        <v>0</v>
      </c>
      <c r="BS32" s="244"/>
      <c r="BT32" s="71">
        <v>1</v>
      </c>
      <c r="BU32" s="71">
        <v>2</v>
      </c>
      <c r="BV32" s="71">
        <v>2</v>
      </c>
      <c r="BW32" s="71">
        <v>1</v>
      </c>
      <c r="BX32" s="71">
        <v>0</v>
      </c>
      <c r="BY32" s="72">
        <v>6</v>
      </c>
      <c r="BZ32" s="73">
        <v>6</v>
      </c>
      <c r="CA32" s="70">
        <v>0</v>
      </c>
      <c r="CB32" s="71">
        <v>0</v>
      </c>
      <c r="CC32" s="72">
        <v>0</v>
      </c>
      <c r="CD32" s="244"/>
      <c r="CE32" s="71">
        <v>0</v>
      </c>
      <c r="CF32" s="71">
        <v>0</v>
      </c>
      <c r="CG32" s="71">
        <v>0</v>
      </c>
      <c r="CH32" s="71">
        <v>0</v>
      </c>
      <c r="CI32" s="71">
        <v>0</v>
      </c>
      <c r="CJ32" s="72">
        <v>0</v>
      </c>
      <c r="CK32" s="73">
        <v>0</v>
      </c>
      <c r="CL32" s="70">
        <v>4</v>
      </c>
      <c r="CM32" s="71">
        <v>2</v>
      </c>
      <c r="CN32" s="72">
        <v>6</v>
      </c>
      <c r="CO32" s="244"/>
      <c r="CP32" s="71">
        <v>3</v>
      </c>
      <c r="CQ32" s="71">
        <v>4</v>
      </c>
      <c r="CR32" s="71">
        <v>9</v>
      </c>
      <c r="CS32" s="71">
        <v>4</v>
      </c>
      <c r="CT32" s="71">
        <v>1</v>
      </c>
      <c r="CU32" s="72">
        <v>21</v>
      </c>
      <c r="CV32" s="73">
        <v>27</v>
      </c>
      <c r="CW32" s="123">
        <v>2</v>
      </c>
      <c r="CX32" s="82">
        <v>4</v>
      </c>
      <c r="CY32" s="83">
        <v>6</v>
      </c>
      <c r="CZ32" s="241"/>
      <c r="DA32" s="82">
        <v>4</v>
      </c>
      <c r="DB32" s="82">
        <v>1</v>
      </c>
      <c r="DC32" s="82">
        <v>1</v>
      </c>
      <c r="DD32" s="82">
        <v>1</v>
      </c>
      <c r="DE32" s="82">
        <v>0</v>
      </c>
      <c r="DF32" s="84">
        <v>7</v>
      </c>
      <c r="DG32" s="85">
        <v>13</v>
      </c>
      <c r="DH32" s="70">
        <v>0</v>
      </c>
      <c r="DI32" s="71">
        <v>0</v>
      </c>
      <c r="DJ32" s="72">
        <v>0</v>
      </c>
      <c r="DK32" s="244"/>
      <c r="DL32" s="71">
        <v>0</v>
      </c>
      <c r="DM32" s="71">
        <v>0</v>
      </c>
      <c r="DN32" s="71">
        <v>0</v>
      </c>
      <c r="DO32" s="71">
        <v>0</v>
      </c>
      <c r="DP32" s="71">
        <v>0</v>
      </c>
      <c r="DQ32" s="72">
        <v>0</v>
      </c>
      <c r="DR32" s="73">
        <v>0</v>
      </c>
      <c r="DS32" s="70">
        <v>0</v>
      </c>
      <c r="DT32" s="71">
        <v>0</v>
      </c>
      <c r="DU32" s="72">
        <v>0</v>
      </c>
      <c r="DV32" s="244"/>
      <c r="DW32" s="71">
        <v>0</v>
      </c>
      <c r="DX32" s="71">
        <v>0</v>
      </c>
      <c r="DY32" s="71">
        <v>0</v>
      </c>
      <c r="DZ32" s="71">
        <v>0</v>
      </c>
      <c r="EA32" s="71">
        <v>0</v>
      </c>
      <c r="EB32" s="72">
        <v>0</v>
      </c>
      <c r="EC32" s="73">
        <v>0</v>
      </c>
      <c r="ED32" s="70">
        <v>1</v>
      </c>
      <c r="EE32" s="71">
        <v>0</v>
      </c>
      <c r="EF32" s="72">
        <v>1</v>
      </c>
      <c r="EG32" s="244"/>
      <c r="EH32" s="71">
        <v>0</v>
      </c>
      <c r="EI32" s="71">
        <v>0</v>
      </c>
      <c r="EJ32" s="71">
        <v>0</v>
      </c>
      <c r="EK32" s="71">
        <v>1</v>
      </c>
      <c r="EL32" s="71">
        <v>0</v>
      </c>
      <c r="EM32" s="72">
        <v>1</v>
      </c>
      <c r="EN32" s="73">
        <v>2</v>
      </c>
      <c r="EO32" s="70">
        <v>1</v>
      </c>
      <c r="EP32" s="71">
        <v>1</v>
      </c>
      <c r="EQ32" s="72">
        <v>2</v>
      </c>
      <c r="ER32" s="244"/>
      <c r="ES32" s="71">
        <v>2</v>
      </c>
      <c r="ET32" s="71">
        <v>0</v>
      </c>
      <c r="EU32" s="71">
        <v>1</v>
      </c>
      <c r="EV32" s="71">
        <v>0</v>
      </c>
      <c r="EW32" s="71">
        <v>0</v>
      </c>
      <c r="EX32" s="72">
        <v>3</v>
      </c>
      <c r="EY32" s="73">
        <v>5</v>
      </c>
      <c r="EZ32" s="70">
        <v>0</v>
      </c>
      <c r="FA32" s="71">
        <v>2</v>
      </c>
      <c r="FB32" s="72">
        <v>2</v>
      </c>
      <c r="FC32" s="244"/>
      <c r="FD32" s="71">
        <v>1</v>
      </c>
      <c r="FE32" s="71">
        <v>0</v>
      </c>
      <c r="FF32" s="71">
        <v>0</v>
      </c>
      <c r="FG32" s="71">
        <v>0</v>
      </c>
      <c r="FH32" s="71">
        <v>0</v>
      </c>
      <c r="FI32" s="72">
        <v>1</v>
      </c>
      <c r="FJ32" s="73">
        <v>3</v>
      </c>
      <c r="FK32" s="70">
        <v>0</v>
      </c>
      <c r="FL32" s="71">
        <v>1</v>
      </c>
      <c r="FM32" s="72">
        <v>1</v>
      </c>
      <c r="FN32" s="244"/>
      <c r="FO32" s="71">
        <v>1</v>
      </c>
      <c r="FP32" s="71">
        <v>1</v>
      </c>
      <c r="FQ32" s="71">
        <v>0</v>
      </c>
      <c r="FR32" s="71">
        <v>0</v>
      </c>
      <c r="FS32" s="71">
        <v>0</v>
      </c>
      <c r="FT32" s="72">
        <v>2</v>
      </c>
      <c r="FU32" s="73">
        <v>3</v>
      </c>
      <c r="FV32" s="70">
        <v>0</v>
      </c>
      <c r="FW32" s="71">
        <v>0</v>
      </c>
      <c r="FX32" s="72">
        <v>0</v>
      </c>
      <c r="FY32" s="244"/>
      <c r="FZ32" s="71">
        <v>0</v>
      </c>
      <c r="GA32" s="71">
        <v>0</v>
      </c>
      <c r="GB32" s="71">
        <v>0</v>
      </c>
      <c r="GC32" s="71">
        <v>0</v>
      </c>
      <c r="GD32" s="71">
        <v>0</v>
      </c>
      <c r="GE32" s="72">
        <v>0</v>
      </c>
      <c r="GF32" s="73">
        <v>0</v>
      </c>
      <c r="GG32" s="70">
        <v>2</v>
      </c>
      <c r="GH32" s="71">
        <v>4</v>
      </c>
      <c r="GI32" s="72">
        <v>6</v>
      </c>
      <c r="GJ32" s="244"/>
      <c r="GK32" s="71">
        <v>4</v>
      </c>
      <c r="GL32" s="71">
        <v>1</v>
      </c>
      <c r="GM32" s="71">
        <v>1</v>
      </c>
      <c r="GN32" s="71">
        <v>1</v>
      </c>
      <c r="GO32" s="71">
        <v>0</v>
      </c>
      <c r="GP32" s="72">
        <v>7</v>
      </c>
      <c r="GQ32" s="73">
        <v>13</v>
      </c>
      <c r="GR32" s="123">
        <v>6</v>
      </c>
      <c r="GS32" s="82">
        <v>6</v>
      </c>
      <c r="GT32" s="83">
        <v>12</v>
      </c>
      <c r="GU32" s="241"/>
      <c r="GV32" s="82">
        <v>7</v>
      </c>
      <c r="GW32" s="82">
        <v>5</v>
      </c>
      <c r="GX32" s="82">
        <v>10</v>
      </c>
      <c r="GY32" s="82">
        <v>5</v>
      </c>
      <c r="GZ32" s="82">
        <v>1</v>
      </c>
      <c r="HA32" s="84">
        <v>28</v>
      </c>
      <c r="HB32" s="85">
        <v>40</v>
      </c>
      <c r="HC32" s="70">
        <v>0</v>
      </c>
      <c r="HD32" s="71">
        <v>0</v>
      </c>
      <c r="HE32" s="72">
        <v>0</v>
      </c>
      <c r="HF32" s="244"/>
      <c r="HG32" s="71">
        <v>0</v>
      </c>
      <c r="HH32" s="71">
        <v>0</v>
      </c>
      <c r="HI32" s="71">
        <v>1</v>
      </c>
      <c r="HJ32" s="71">
        <v>0</v>
      </c>
      <c r="HK32" s="71">
        <v>0</v>
      </c>
      <c r="HL32" s="72">
        <v>1</v>
      </c>
      <c r="HM32" s="73">
        <v>1</v>
      </c>
      <c r="HN32" s="70">
        <v>0</v>
      </c>
      <c r="HO32" s="71">
        <v>1</v>
      </c>
      <c r="HP32" s="72">
        <v>1</v>
      </c>
      <c r="HQ32" s="244"/>
      <c r="HR32" s="71">
        <v>1</v>
      </c>
      <c r="HS32" s="71">
        <v>1</v>
      </c>
      <c r="HT32" s="71">
        <v>0</v>
      </c>
      <c r="HU32" s="71">
        <v>1</v>
      </c>
      <c r="HV32" s="71">
        <v>1</v>
      </c>
      <c r="HW32" s="72">
        <v>4</v>
      </c>
      <c r="HX32" s="73">
        <v>5</v>
      </c>
      <c r="HY32" s="70">
        <v>2</v>
      </c>
      <c r="HZ32" s="71">
        <v>1</v>
      </c>
      <c r="IA32" s="72">
        <v>3</v>
      </c>
      <c r="IB32" s="244"/>
      <c r="IC32" s="71">
        <v>0</v>
      </c>
      <c r="ID32" s="71">
        <v>1</v>
      </c>
      <c r="IE32" s="71">
        <v>1</v>
      </c>
      <c r="IF32" s="71">
        <v>1</v>
      </c>
      <c r="IG32" s="71">
        <v>0</v>
      </c>
      <c r="IH32" s="72">
        <v>3</v>
      </c>
      <c r="II32" s="73">
        <v>6</v>
      </c>
      <c r="IJ32" s="70">
        <v>2</v>
      </c>
      <c r="IK32" s="71">
        <v>1</v>
      </c>
      <c r="IL32" s="72">
        <v>3</v>
      </c>
      <c r="IM32" s="244"/>
      <c r="IN32" s="71">
        <v>3</v>
      </c>
      <c r="IO32" s="71">
        <v>0</v>
      </c>
      <c r="IP32" s="71">
        <v>6</v>
      </c>
      <c r="IQ32" s="71">
        <v>1</v>
      </c>
      <c r="IR32" s="71">
        <v>0</v>
      </c>
      <c r="IS32" s="72">
        <v>10</v>
      </c>
      <c r="IT32" s="73">
        <v>13</v>
      </c>
      <c r="IU32" s="70">
        <v>2</v>
      </c>
      <c r="IV32" s="71">
        <v>2</v>
      </c>
      <c r="IW32" s="72">
        <v>4</v>
      </c>
      <c r="IX32" s="244"/>
      <c r="IY32" s="71">
        <v>1</v>
      </c>
      <c r="IZ32" s="71">
        <v>0</v>
      </c>
      <c r="JA32" s="71">
        <v>0</v>
      </c>
      <c r="JB32" s="71">
        <v>1</v>
      </c>
      <c r="JC32" s="71">
        <v>0</v>
      </c>
      <c r="JD32" s="72">
        <v>2</v>
      </c>
      <c r="JE32" s="73">
        <v>6</v>
      </c>
      <c r="JF32" s="70">
        <v>0</v>
      </c>
      <c r="JG32" s="71">
        <v>1</v>
      </c>
      <c r="JH32" s="72">
        <v>1</v>
      </c>
      <c r="JI32" s="244"/>
      <c r="JJ32" s="71">
        <v>2</v>
      </c>
      <c r="JK32" s="71">
        <v>3</v>
      </c>
      <c r="JL32" s="71">
        <v>2</v>
      </c>
      <c r="JM32" s="71">
        <v>1</v>
      </c>
      <c r="JN32" s="71">
        <v>0</v>
      </c>
      <c r="JO32" s="72">
        <v>8</v>
      </c>
      <c r="JP32" s="73">
        <v>9</v>
      </c>
      <c r="JQ32" s="70">
        <v>0</v>
      </c>
      <c r="JR32" s="71">
        <v>0</v>
      </c>
      <c r="JS32" s="72">
        <v>0</v>
      </c>
      <c r="JT32" s="244"/>
      <c r="JU32" s="71">
        <v>0</v>
      </c>
      <c r="JV32" s="71">
        <v>0</v>
      </c>
      <c r="JW32" s="71">
        <v>0</v>
      </c>
      <c r="JX32" s="71">
        <v>0</v>
      </c>
      <c r="JY32" s="71">
        <v>0</v>
      </c>
      <c r="JZ32" s="72">
        <v>0</v>
      </c>
      <c r="KA32" s="73">
        <v>0</v>
      </c>
      <c r="KB32" s="70">
        <v>6</v>
      </c>
      <c r="KC32" s="71">
        <v>6</v>
      </c>
      <c r="KD32" s="72">
        <v>12</v>
      </c>
      <c r="KE32" s="244"/>
      <c r="KF32" s="71">
        <v>7</v>
      </c>
      <c r="KG32" s="71">
        <v>5</v>
      </c>
      <c r="KH32" s="71">
        <v>10</v>
      </c>
      <c r="KI32" s="71">
        <v>5</v>
      </c>
      <c r="KJ32" s="71">
        <v>1</v>
      </c>
      <c r="KK32" s="72">
        <v>28</v>
      </c>
      <c r="KL32" s="73">
        <v>40</v>
      </c>
    </row>
    <row r="33" spans="1:298" ht="19.5" customHeight="1" x14ac:dyDescent="0.2">
      <c r="A33" s="126" t="s">
        <v>30</v>
      </c>
      <c r="B33" s="316">
        <v>2</v>
      </c>
      <c r="C33" s="82">
        <v>3</v>
      </c>
      <c r="D33" s="83">
        <v>5</v>
      </c>
      <c r="E33" s="241"/>
      <c r="F33" s="82">
        <v>5</v>
      </c>
      <c r="G33" s="82">
        <v>5</v>
      </c>
      <c r="H33" s="82">
        <v>4</v>
      </c>
      <c r="I33" s="82">
        <v>4</v>
      </c>
      <c r="J33" s="82">
        <v>1</v>
      </c>
      <c r="K33" s="84">
        <v>19</v>
      </c>
      <c r="L33" s="85">
        <v>24</v>
      </c>
      <c r="M33" s="70">
        <v>0</v>
      </c>
      <c r="N33" s="71">
        <v>0</v>
      </c>
      <c r="O33" s="72">
        <v>0</v>
      </c>
      <c r="P33" s="244"/>
      <c r="Q33" s="71">
        <v>0</v>
      </c>
      <c r="R33" s="71">
        <v>0</v>
      </c>
      <c r="S33" s="71">
        <v>0</v>
      </c>
      <c r="T33" s="71">
        <v>0</v>
      </c>
      <c r="U33" s="71">
        <v>0</v>
      </c>
      <c r="V33" s="72">
        <v>0</v>
      </c>
      <c r="W33" s="73">
        <v>0</v>
      </c>
      <c r="X33" s="70">
        <v>1</v>
      </c>
      <c r="Y33" s="71">
        <v>0</v>
      </c>
      <c r="Z33" s="72">
        <v>1</v>
      </c>
      <c r="AA33" s="244"/>
      <c r="AB33" s="71">
        <v>1</v>
      </c>
      <c r="AC33" s="71">
        <v>0</v>
      </c>
      <c r="AD33" s="71">
        <v>0</v>
      </c>
      <c r="AE33" s="71">
        <v>1</v>
      </c>
      <c r="AF33" s="71">
        <v>0</v>
      </c>
      <c r="AG33" s="72">
        <v>2</v>
      </c>
      <c r="AH33" s="73">
        <v>3</v>
      </c>
      <c r="AI33" s="70">
        <v>0</v>
      </c>
      <c r="AJ33" s="71">
        <v>0</v>
      </c>
      <c r="AK33" s="72">
        <v>0</v>
      </c>
      <c r="AL33" s="244"/>
      <c r="AM33" s="71">
        <v>0</v>
      </c>
      <c r="AN33" s="71">
        <v>1</v>
      </c>
      <c r="AO33" s="71">
        <v>0</v>
      </c>
      <c r="AP33" s="71">
        <v>0</v>
      </c>
      <c r="AQ33" s="71">
        <v>0</v>
      </c>
      <c r="AR33" s="72">
        <v>1</v>
      </c>
      <c r="AS33" s="73">
        <v>1</v>
      </c>
      <c r="AT33" s="70">
        <v>0</v>
      </c>
      <c r="AU33" s="71">
        <v>1</v>
      </c>
      <c r="AV33" s="72">
        <v>1</v>
      </c>
      <c r="AW33" s="244"/>
      <c r="AX33" s="71">
        <v>1</v>
      </c>
      <c r="AY33" s="71">
        <v>1</v>
      </c>
      <c r="AZ33" s="71">
        <v>1</v>
      </c>
      <c r="BA33" s="71">
        <v>0</v>
      </c>
      <c r="BB33" s="71">
        <v>0</v>
      </c>
      <c r="BC33" s="72">
        <v>3</v>
      </c>
      <c r="BD33" s="73">
        <v>4</v>
      </c>
      <c r="BE33" s="70">
        <v>0</v>
      </c>
      <c r="BF33" s="71">
        <v>1</v>
      </c>
      <c r="BG33" s="72">
        <v>1</v>
      </c>
      <c r="BH33" s="244"/>
      <c r="BI33" s="71">
        <v>1</v>
      </c>
      <c r="BJ33" s="71">
        <v>3</v>
      </c>
      <c r="BK33" s="71">
        <v>1</v>
      </c>
      <c r="BL33" s="71">
        <v>2</v>
      </c>
      <c r="BM33" s="71">
        <v>1</v>
      </c>
      <c r="BN33" s="72">
        <v>8</v>
      </c>
      <c r="BO33" s="73">
        <v>9</v>
      </c>
      <c r="BP33" s="70">
        <v>1</v>
      </c>
      <c r="BQ33" s="71">
        <v>1</v>
      </c>
      <c r="BR33" s="72">
        <v>2</v>
      </c>
      <c r="BS33" s="244"/>
      <c r="BT33" s="71">
        <v>2</v>
      </c>
      <c r="BU33" s="71">
        <v>0</v>
      </c>
      <c r="BV33" s="71">
        <v>2</v>
      </c>
      <c r="BW33" s="71">
        <v>1</v>
      </c>
      <c r="BX33" s="71">
        <v>0</v>
      </c>
      <c r="BY33" s="72">
        <v>5</v>
      </c>
      <c r="BZ33" s="73">
        <v>7</v>
      </c>
      <c r="CA33" s="70">
        <v>0</v>
      </c>
      <c r="CB33" s="71">
        <v>0</v>
      </c>
      <c r="CC33" s="72">
        <v>0</v>
      </c>
      <c r="CD33" s="244"/>
      <c r="CE33" s="71">
        <v>0</v>
      </c>
      <c r="CF33" s="71">
        <v>0</v>
      </c>
      <c r="CG33" s="71">
        <v>0</v>
      </c>
      <c r="CH33" s="71">
        <v>0</v>
      </c>
      <c r="CI33" s="71">
        <v>0</v>
      </c>
      <c r="CJ33" s="72">
        <v>0</v>
      </c>
      <c r="CK33" s="73">
        <v>0</v>
      </c>
      <c r="CL33" s="70">
        <v>2</v>
      </c>
      <c r="CM33" s="71">
        <v>3</v>
      </c>
      <c r="CN33" s="72">
        <v>5</v>
      </c>
      <c r="CO33" s="244"/>
      <c r="CP33" s="71">
        <v>5</v>
      </c>
      <c r="CQ33" s="71">
        <v>5</v>
      </c>
      <c r="CR33" s="71">
        <v>4</v>
      </c>
      <c r="CS33" s="71">
        <v>4</v>
      </c>
      <c r="CT33" s="71">
        <v>1</v>
      </c>
      <c r="CU33" s="72">
        <v>19</v>
      </c>
      <c r="CV33" s="73">
        <v>24</v>
      </c>
      <c r="CW33" s="123">
        <v>2</v>
      </c>
      <c r="CX33" s="82">
        <v>1</v>
      </c>
      <c r="CY33" s="83">
        <v>3</v>
      </c>
      <c r="CZ33" s="241"/>
      <c r="DA33" s="82">
        <v>2</v>
      </c>
      <c r="DB33" s="82">
        <v>1</v>
      </c>
      <c r="DC33" s="82">
        <v>0</v>
      </c>
      <c r="DD33" s="82">
        <v>0</v>
      </c>
      <c r="DE33" s="82">
        <v>0</v>
      </c>
      <c r="DF33" s="84">
        <v>3</v>
      </c>
      <c r="DG33" s="85">
        <v>6</v>
      </c>
      <c r="DH33" s="70">
        <v>0</v>
      </c>
      <c r="DI33" s="71">
        <v>0</v>
      </c>
      <c r="DJ33" s="72">
        <v>0</v>
      </c>
      <c r="DK33" s="244"/>
      <c r="DL33" s="71">
        <v>0</v>
      </c>
      <c r="DM33" s="71">
        <v>0</v>
      </c>
      <c r="DN33" s="71">
        <v>0</v>
      </c>
      <c r="DO33" s="71">
        <v>0</v>
      </c>
      <c r="DP33" s="71">
        <v>0</v>
      </c>
      <c r="DQ33" s="72">
        <v>0</v>
      </c>
      <c r="DR33" s="73">
        <v>0</v>
      </c>
      <c r="DS33" s="70">
        <v>0</v>
      </c>
      <c r="DT33" s="71">
        <v>0</v>
      </c>
      <c r="DU33" s="72">
        <v>0</v>
      </c>
      <c r="DV33" s="244"/>
      <c r="DW33" s="71">
        <v>0</v>
      </c>
      <c r="DX33" s="71">
        <v>0</v>
      </c>
      <c r="DY33" s="71">
        <v>0</v>
      </c>
      <c r="DZ33" s="71">
        <v>0</v>
      </c>
      <c r="EA33" s="71">
        <v>0</v>
      </c>
      <c r="EB33" s="72">
        <v>0</v>
      </c>
      <c r="EC33" s="73">
        <v>0</v>
      </c>
      <c r="ED33" s="70">
        <v>0</v>
      </c>
      <c r="EE33" s="71">
        <v>0</v>
      </c>
      <c r="EF33" s="72">
        <v>0</v>
      </c>
      <c r="EG33" s="244"/>
      <c r="EH33" s="71">
        <v>0</v>
      </c>
      <c r="EI33" s="71">
        <v>0</v>
      </c>
      <c r="EJ33" s="71">
        <v>0</v>
      </c>
      <c r="EK33" s="71">
        <v>0</v>
      </c>
      <c r="EL33" s="71">
        <v>0</v>
      </c>
      <c r="EM33" s="72">
        <v>0</v>
      </c>
      <c r="EN33" s="73">
        <v>0</v>
      </c>
      <c r="EO33" s="70">
        <v>1</v>
      </c>
      <c r="EP33" s="71">
        <v>1</v>
      </c>
      <c r="EQ33" s="72">
        <v>2</v>
      </c>
      <c r="ER33" s="244"/>
      <c r="ES33" s="71">
        <v>0</v>
      </c>
      <c r="ET33" s="71">
        <v>0</v>
      </c>
      <c r="EU33" s="71">
        <v>0</v>
      </c>
      <c r="EV33" s="71">
        <v>0</v>
      </c>
      <c r="EW33" s="71">
        <v>0</v>
      </c>
      <c r="EX33" s="72">
        <v>0</v>
      </c>
      <c r="EY33" s="73">
        <v>2</v>
      </c>
      <c r="EZ33" s="70">
        <v>0</v>
      </c>
      <c r="FA33" s="71">
        <v>0</v>
      </c>
      <c r="FB33" s="72">
        <v>0</v>
      </c>
      <c r="FC33" s="244"/>
      <c r="FD33" s="71">
        <v>1</v>
      </c>
      <c r="FE33" s="71">
        <v>0</v>
      </c>
      <c r="FF33" s="71">
        <v>0</v>
      </c>
      <c r="FG33" s="71">
        <v>0</v>
      </c>
      <c r="FH33" s="71">
        <v>0</v>
      </c>
      <c r="FI33" s="72">
        <v>1</v>
      </c>
      <c r="FJ33" s="73">
        <v>1</v>
      </c>
      <c r="FK33" s="70">
        <v>1</v>
      </c>
      <c r="FL33" s="71">
        <v>0</v>
      </c>
      <c r="FM33" s="72">
        <v>1</v>
      </c>
      <c r="FN33" s="244"/>
      <c r="FO33" s="71">
        <v>1</v>
      </c>
      <c r="FP33" s="71">
        <v>1</v>
      </c>
      <c r="FQ33" s="71">
        <v>0</v>
      </c>
      <c r="FR33" s="71">
        <v>0</v>
      </c>
      <c r="FS33" s="71">
        <v>0</v>
      </c>
      <c r="FT33" s="72">
        <v>2</v>
      </c>
      <c r="FU33" s="73">
        <v>3</v>
      </c>
      <c r="FV33" s="70">
        <v>0</v>
      </c>
      <c r="FW33" s="71">
        <v>0</v>
      </c>
      <c r="FX33" s="72">
        <v>0</v>
      </c>
      <c r="FY33" s="244"/>
      <c r="FZ33" s="71">
        <v>0</v>
      </c>
      <c r="GA33" s="71">
        <v>0</v>
      </c>
      <c r="GB33" s="71">
        <v>0</v>
      </c>
      <c r="GC33" s="71">
        <v>0</v>
      </c>
      <c r="GD33" s="71">
        <v>0</v>
      </c>
      <c r="GE33" s="72">
        <v>0</v>
      </c>
      <c r="GF33" s="73">
        <v>0</v>
      </c>
      <c r="GG33" s="70">
        <v>2</v>
      </c>
      <c r="GH33" s="71">
        <v>1</v>
      </c>
      <c r="GI33" s="72">
        <v>3</v>
      </c>
      <c r="GJ33" s="244"/>
      <c r="GK33" s="71">
        <v>2</v>
      </c>
      <c r="GL33" s="71">
        <v>1</v>
      </c>
      <c r="GM33" s="71">
        <v>0</v>
      </c>
      <c r="GN33" s="71">
        <v>0</v>
      </c>
      <c r="GO33" s="71">
        <v>0</v>
      </c>
      <c r="GP33" s="72">
        <v>3</v>
      </c>
      <c r="GQ33" s="73">
        <v>6</v>
      </c>
      <c r="GR33" s="123">
        <v>4</v>
      </c>
      <c r="GS33" s="82">
        <v>4</v>
      </c>
      <c r="GT33" s="83">
        <v>8</v>
      </c>
      <c r="GU33" s="241"/>
      <c r="GV33" s="82">
        <v>7</v>
      </c>
      <c r="GW33" s="82">
        <v>6</v>
      </c>
      <c r="GX33" s="82">
        <v>4</v>
      </c>
      <c r="GY33" s="82">
        <v>4</v>
      </c>
      <c r="GZ33" s="82">
        <v>1</v>
      </c>
      <c r="HA33" s="84">
        <v>22</v>
      </c>
      <c r="HB33" s="85">
        <v>30</v>
      </c>
      <c r="HC33" s="70">
        <v>0</v>
      </c>
      <c r="HD33" s="71">
        <v>0</v>
      </c>
      <c r="HE33" s="72">
        <v>0</v>
      </c>
      <c r="HF33" s="244"/>
      <c r="HG33" s="71">
        <v>0</v>
      </c>
      <c r="HH33" s="71">
        <v>0</v>
      </c>
      <c r="HI33" s="71">
        <v>0</v>
      </c>
      <c r="HJ33" s="71">
        <v>0</v>
      </c>
      <c r="HK33" s="71">
        <v>0</v>
      </c>
      <c r="HL33" s="72">
        <v>0</v>
      </c>
      <c r="HM33" s="73">
        <v>0</v>
      </c>
      <c r="HN33" s="70">
        <v>1</v>
      </c>
      <c r="HO33" s="71">
        <v>0</v>
      </c>
      <c r="HP33" s="72">
        <v>1</v>
      </c>
      <c r="HQ33" s="244"/>
      <c r="HR33" s="71">
        <v>1</v>
      </c>
      <c r="HS33" s="71">
        <v>0</v>
      </c>
      <c r="HT33" s="71">
        <v>0</v>
      </c>
      <c r="HU33" s="71">
        <v>1</v>
      </c>
      <c r="HV33" s="71">
        <v>0</v>
      </c>
      <c r="HW33" s="72">
        <v>2</v>
      </c>
      <c r="HX33" s="73">
        <v>3</v>
      </c>
      <c r="HY33" s="70">
        <v>0</v>
      </c>
      <c r="HZ33" s="71">
        <v>0</v>
      </c>
      <c r="IA33" s="72">
        <v>0</v>
      </c>
      <c r="IB33" s="244"/>
      <c r="IC33" s="71">
        <v>0</v>
      </c>
      <c r="ID33" s="71">
        <v>1</v>
      </c>
      <c r="IE33" s="71">
        <v>0</v>
      </c>
      <c r="IF33" s="71">
        <v>0</v>
      </c>
      <c r="IG33" s="71">
        <v>0</v>
      </c>
      <c r="IH33" s="72">
        <v>1</v>
      </c>
      <c r="II33" s="73">
        <v>1</v>
      </c>
      <c r="IJ33" s="70">
        <v>1</v>
      </c>
      <c r="IK33" s="71">
        <v>2</v>
      </c>
      <c r="IL33" s="72">
        <v>3</v>
      </c>
      <c r="IM33" s="244"/>
      <c r="IN33" s="71">
        <v>1</v>
      </c>
      <c r="IO33" s="71">
        <v>1</v>
      </c>
      <c r="IP33" s="71">
        <v>1</v>
      </c>
      <c r="IQ33" s="71">
        <v>0</v>
      </c>
      <c r="IR33" s="71">
        <v>0</v>
      </c>
      <c r="IS33" s="72">
        <v>3</v>
      </c>
      <c r="IT33" s="73">
        <v>6</v>
      </c>
      <c r="IU33" s="70">
        <v>0</v>
      </c>
      <c r="IV33" s="71">
        <v>1</v>
      </c>
      <c r="IW33" s="72">
        <v>1</v>
      </c>
      <c r="IX33" s="244"/>
      <c r="IY33" s="71">
        <v>2</v>
      </c>
      <c r="IZ33" s="71">
        <v>3</v>
      </c>
      <c r="JA33" s="71">
        <v>1</v>
      </c>
      <c r="JB33" s="71">
        <v>2</v>
      </c>
      <c r="JC33" s="71">
        <v>1</v>
      </c>
      <c r="JD33" s="72">
        <v>9</v>
      </c>
      <c r="JE33" s="73">
        <v>10</v>
      </c>
      <c r="JF33" s="70">
        <v>2</v>
      </c>
      <c r="JG33" s="71">
        <v>1</v>
      </c>
      <c r="JH33" s="72">
        <v>3</v>
      </c>
      <c r="JI33" s="244"/>
      <c r="JJ33" s="71">
        <v>3</v>
      </c>
      <c r="JK33" s="71">
        <v>1</v>
      </c>
      <c r="JL33" s="71">
        <v>2</v>
      </c>
      <c r="JM33" s="71">
        <v>1</v>
      </c>
      <c r="JN33" s="71">
        <v>0</v>
      </c>
      <c r="JO33" s="72">
        <v>7</v>
      </c>
      <c r="JP33" s="73">
        <v>10</v>
      </c>
      <c r="JQ33" s="70">
        <v>0</v>
      </c>
      <c r="JR33" s="71">
        <v>0</v>
      </c>
      <c r="JS33" s="72">
        <v>0</v>
      </c>
      <c r="JT33" s="244"/>
      <c r="JU33" s="71">
        <v>0</v>
      </c>
      <c r="JV33" s="71">
        <v>0</v>
      </c>
      <c r="JW33" s="71">
        <v>0</v>
      </c>
      <c r="JX33" s="71">
        <v>0</v>
      </c>
      <c r="JY33" s="71">
        <v>0</v>
      </c>
      <c r="JZ33" s="72">
        <v>0</v>
      </c>
      <c r="KA33" s="73">
        <v>0</v>
      </c>
      <c r="KB33" s="70">
        <v>4</v>
      </c>
      <c r="KC33" s="71">
        <v>4</v>
      </c>
      <c r="KD33" s="72">
        <v>8</v>
      </c>
      <c r="KE33" s="244"/>
      <c r="KF33" s="71">
        <v>7</v>
      </c>
      <c r="KG33" s="71">
        <v>6</v>
      </c>
      <c r="KH33" s="71">
        <v>4</v>
      </c>
      <c r="KI33" s="71">
        <v>4</v>
      </c>
      <c r="KJ33" s="71">
        <v>1</v>
      </c>
      <c r="KK33" s="72">
        <v>22</v>
      </c>
      <c r="KL33" s="73">
        <v>30</v>
      </c>
    </row>
    <row r="34" spans="1:298" ht="19.5" customHeight="1" x14ac:dyDescent="0.2">
      <c r="A34" s="126" t="s">
        <v>31</v>
      </c>
      <c r="B34" s="316">
        <v>4</v>
      </c>
      <c r="C34" s="82">
        <v>1</v>
      </c>
      <c r="D34" s="83">
        <v>5</v>
      </c>
      <c r="E34" s="241"/>
      <c r="F34" s="82">
        <v>7</v>
      </c>
      <c r="G34" s="82">
        <v>5</v>
      </c>
      <c r="H34" s="82">
        <v>4</v>
      </c>
      <c r="I34" s="82">
        <v>1</v>
      </c>
      <c r="J34" s="82">
        <v>2</v>
      </c>
      <c r="K34" s="84">
        <v>19</v>
      </c>
      <c r="L34" s="85">
        <v>24</v>
      </c>
      <c r="M34" s="70">
        <v>0</v>
      </c>
      <c r="N34" s="71">
        <v>0</v>
      </c>
      <c r="O34" s="72">
        <v>0</v>
      </c>
      <c r="P34" s="244"/>
      <c r="Q34" s="71">
        <v>0</v>
      </c>
      <c r="R34" s="71">
        <v>1</v>
      </c>
      <c r="S34" s="71">
        <v>1</v>
      </c>
      <c r="T34" s="71">
        <v>0</v>
      </c>
      <c r="U34" s="71">
        <v>0</v>
      </c>
      <c r="V34" s="72">
        <v>2</v>
      </c>
      <c r="W34" s="73">
        <v>2</v>
      </c>
      <c r="X34" s="70">
        <v>1</v>
      </c>
      <c r="Y34" s="71">
        <v>0</v>
      </c>
      <c r="Z34" s="72">
        <v>1</v>
      </c>
      <c r="AA34" s="244"/>
      <c r="AB34" s="71">
        <v>1</v>
      </c>
      <c r="AC34" s="71">
        <v>0</v>
      </c>
      <c r="AD34" s="71">
        <v>1</v>
      </c>
      <c r="AE34" s="71">
        <v>0</v>
      </c>
      <c r="AF34" s="71">
        <v>1</v>
      </c>
      <c r="AG34" s="72">
        <v>3</v>
      </c>
      <c r="AH34" s="73">
        <v>4</v>
      </c>
      <c r="AI34" s="70">
        <v>0</v>
      </c>
      <c r="AJ34" s="71">
        <v>0</v>
      </c>
      <c r="AK34" s="72">
        <v>0</v>
      </c>
      <c r="AL34" s="244"/>
      <c r="AM34" s="71">
        <v>1</v>
      </c>
      <c r="AN34" s="71">
        <v>0</v>
      </c>
      <c r="AO34" s="71">
        <v>0</v>
      </c>
      <c r="AP34" s="71">
        <v>0</v>
      </c>
      <c r="AQ34" s="71">
        <v>0</v>
      </c>
      <c r="AR34" s="72">
        <v>1</v>
      </c>
      <c r="AS34" s="73">
        <v>1</v>
      </c>
      <c r="AT34" s="70">
        <v>0</v>
      </c>
      <c r="AU34" s="71">
        <v>1</v>
      </c>
      <c r="AV34" s="72">
        <v>1</v>
      </c>
      <c r="AW34" s="244"/>
      <c r="AX34" s="71">
        <v>1</v>
      </c>
      <c r="AY34" s="71">
        <v>1</v>
      </c>
      <c r="AZ34" s="71">
        <v>0</v>
      </c>
      <c r="BA34" s="71">
        <v>0</v>
      </c>
      <c r="BB34" s="71">
        <v>1</v>
      </c>
      <c r="BC34" s="72">
        <v>3</v>
      </c>
      <c r="BD34" s="73">
        <v>4</v>
      </c>
      <c r="BE34" s="70">
        <v>3</v>
      </c>
      <c r="BF34" s="71">
        <v>0</v>
      </c>
      <c r="BG34" s="72">
        <v>3</v>
      </c>
      <c r="BH34" s="244"/>
      <c r="BI34" s="71">
        <v>1</v>
      </c>
      <c r="BJ34" s="71">
        <v>1</v>
      </c>
      <c r="BK34" s="71">
        <v>1</v>
      </c>
      <c r="BL34" s="71">
        <v>0</v>
      </c>
      <c r="BM34" s="71">
        <v>0</v>
      </c>
      <c r="BN34" s="72">
        <v>3</v>
      </c>
      <c r="BO34" s="73">
        <v>6</v>
      </c>
      <c r="BP34" s="70">
        <v>0</v>
      </c>
      <c r="BQ34" s="71">
        <v>0</v>
      </c>
      <c r="BR34" s="72">
        <v>0</v>
      </c>
      <c r="BS34" s="244"/>
      <c r="BT34" s="71">
        <v>3</v>
      </c>
      <c r="BU34" s="71">
        <v>2</v>
      </c>
      <c r="BV34" s="71">
        <v>1</v>
      </c>
      <c r="BW34" s="71">
        <v>1</v>
      </c>
      <c r="BX34" s="71">
        <v>0</v>
      </c>
      <c r="BY34" s="72">
        <v>7</v>
      </c>
      <c r="BZ34" s="73">
        <v>7</v>
      </c>
      <c r="CA34" s="70">
        <v>0</v>
      </c>
      <c r="CB34" s="71">
        <v>0</v>
      </c>
      <c r="CC34" s="72">
        <v>0</v>
      </c>
      <c r="CD34" s="244"/>
      <c r="CE34" s="71">
        <v>0</v>
      </c>
      <c r="CF34" s="71">
        <v>0</v>
      </c>
      <c r="CG34" s="71">
        <v>0</v>
      </c>
      <c r="CH34" s="71">
        <v>0</v>
      </c>
      <c r="CI34" s="71">
        <v>0</v>
      </c>
      <c r="CJ34" s="72">
        <v>0</v>
      </c>
      <c r="CK34" s="73">
        <v>0</v>
      </c>
      <c r="CL34" s="70">
        <v>4</v>
      </c>
      <c r="CM34" s="71">
        <v>1</v>
      </c>
      <c r="CN34" s="72">
        <v>5</v>
      </c>
      <c r="CO34" s="244"/>
      <c r="CP34" s="71">
        <v>7</v>
      </c>
      <c r="CQ34" s="71">
        <v>5</v>
      </c>
      <c r="CR34" s="71">
        <v>4</v>
      </c>
      <c r="CS34" s="71">
        <v>1</v>
      </c>
      <c r="CT34" s="71">
        <v>2</v>
      </c>
      <c r="CU34" s="72">
        <v>19</v>
      </c>
      <c r="CV34" s="73">
        <v>24</v>
      </c>
      <c r="CW34" s="123">
        <v>1</v>
      </c>
      <c r="CX34" s="82">
        <v>1</v>
      </c>
      <c r="CY34" s="83">
        <v>2</v>
      </c>
      <c r="CZ34" s="241"/>
      <c r="DA34" s="82">
        <v>0</v>
      </c>
      <c r="DB34" s="82">
        <v>1</v>
      </c>
      <c r="DC34" s="82">
        <v>2</v>
      </c>
      <c r="DD34" s="82">
        <v>1</v>
      </c>
      <c r="DE34" s="82">
        <v>2</v>
      </c>
      <c r="DF34" s="84">
        <v>6</v>
      </c>
      <c r="DG34" s="85">
        <v>8</v>
      </c>
      <c r="DH34" s="70">
        <v>0</v>
      </c>
      <c r="DI34" s="71">
        <v>0</v>
      </c>
      <c r="DJ34" s="72">
        <v>0</v>
      </c>
      <c r="DK34" s="244"/>
      <c r="DL34" s="71">
        <v>0</v>
      </c>
      <c r="DM34" s="71">
        <v>0</v>
      </c>
      <c r="DN34" s="71">
        <v>0</v>
      </c>
      <c r="DO34" s="71">
        <v>0</v>
      </c>
      <c r="DP34" s="71">
        <v>0</v>
      </c>
      <c r="DQ34" s="72">
        <v>0</v>
      </c>
      <c r="DR34" s="73">
        <v>0</v>
      </c>
      <c r="DS34" s="70">
        <v>0</v>
      </c>
      <c r="DT34" s="71">
        <v>1</v>
      </c>
      <c r="DU34" s="72">
        <v>1</v>
      </c>
      <c r="DV34" s="244"/>
      <c r="DW34" s="71">
        <v>0</v>
      </c>
      <c r="DX34" s="71">
        <v>0</v>
      </c>
      <c r="DY34" s="71">
        <v>1</v>
      </c>
      <c r="DZ34" s="71">
        <v>0</v>
      </c>
      <c r="EA34" s="71">
        <v>0</v>
      </c>
      <c r="EB34" s="72">
        <v>1</v>
      </c>
      <c r="EC34" s="73">
        <v>2</v>
      </c>
      <c r="ED34" s="70">
        <v>0</v>
      </c>
      <c r="EE34" s="71">
        <v>0</v>
      </c>
      <c r="EF34" s="72">
        <v>0</v>
      </c>
      <c r="EG34" s="244"/>
      <c r="EH34" s="71">
        <v>0</v>
      </c>
      <c r="EI34" s="71">
        <v>0</v>
      </c>
      <c r="EJ34" s="71">
        <v>0</v>
      </c>
      <c r="EK34" s="71">
        <v>0</v>
      </c>
      <c r="EL34" s="71">
        <v>0</v>
      </c>
      <c r="EM34" s="72">
        <v>0</v>
      </c>
      <c r="EN34" s="73">
        <v>0</v>
      </c>
      <c r="EO34" s="70">
        <v>0</v>
      </c>
      <c r="EP34" s="71">
        <v>0</v>
      </c>
      <c r="EQ34" s="72">
        <v>0</v>
      </c>
      <c r="ER34" s="244"/>
      <c r="ES34" s="71">
        <v>0</v>
      </c>
      <c r="ET34" s="71">
        <v>1</v>
      </c>
      <c r="EU34" s="71">
        <v>0</v>
      </c>
      <c r="EV34" s="71">
        <v>1</v>
      </c>
      <c r="EW34" s="71">
        <v>0</v>
      </c>
      <c r="EX34" s="72">
        <v>2</v>
      </c>
      <c r="EY34" s="73">
        <v>2</v>
      </c>
      <c r="EZ34" s="70">
        <v>0</v>
      </c>
      <c r="FA34" s="71">
        <v>0</v>
      </c>
      <c r="FB34" s="72">
        <v>0</v>
      </c>
      <c r="FC34" s="244"/>
      <c r="FD34" s="71">
        <v>0</v>
      </c>
      <c r="FE34" s="71">
        <v>0</v>
      </c>
      <c r="FF34" s="71">
        <v>0</v>
      </c>
      <c r="FG34" s="71">
        <v>0</v>
      </c>
      <c r="FH34" s="71">
        <v>0</v>
      </c>
      <c r="FI34" s="72">
        <v>0</v>
      </c>
      <c r="FJ34" s="73">
        <v>0</v>
      </c>
      <c r="FK34" s="70">
        <v>1</v>
      </c>
      <c r="FL34" s="71">
        <v>0</v>
      </c>
      <c r="FM34" s="72">
        <v>1</v>
      </c>
      <c r="FN34" s="244"/>
      <c r="FO34" s="71">
        <v>0</v>
      </c>
      <c r="FP34" s="71">
        <v>0</v>
      </c>
      <c r="FQ34" s="71">
        <v>1</v>
      </c>
      <c r="FR34" s="71">
        <v>0</v>
      </c>
      <c r="FS34" s="71">
        <v>2</v>
      </c>
      <c r="FT34" s="72">
        <v>3</v>
      </c>
      <c r="FU34" s="73">
        <v>4</v>
      </c>
      <c r="FV34" s="70">
        <v>0</v>
      </c>
      <c r="FW34" s="71">
        <v>0</v>
      </c>
      <c r="FX34" s="72">
        <v>0</v>
      </c>
      <c r="FY34" s="244"/>
      <c r="FZ34" s="71">
        <v>0</v>
      </c>
      <c r="GA34" s="71">
        <v>0</v>
      </c>
      <c r="GB34" s="71">
        <v>0</v>
      </c>
      <c r="GC34" s="71">
        <v>0</v>
      </c>
      <c r="GD34" s="71">
        <v>0</v>
      </c>
      <c r="GE34" s="72">
        <v>0</v>
      </c>
      <c r="GF34" s="73">
        <v>0</v>
      </c>
      <c r="GG34" s="70">
        <v>1</v>
      </c>
      <c r="GH34" s="71">
        <v>1</v>
      </c>
      <c r="GI34" s="72">
        <v>2</v>
      </c>
      <c r="GJ34" s="244"/>
      <c r="GK34" s="71">
        <v>0</v>
      </c>
      <c r="GL34" s="71">
        <v>1</v>
      </c>
      <c r="GM34" s="71">
        <v>2</v>
      </c>
      <c r="GN34" s="71">
        <v>1</v>
      </c>
      <c r="GO34" s="71">
        <v>2</v>
      </c>
      <c r="GP34" s="72">
        <v>6</v>
      </c>
      <c r="GQ34" s="73">
        <v>8</v>
      </c>
      <c r="GR34" s="123">
        <v>5</v>
      </c>
      <c r="GS34" s="82">
        <v>2</v>
      </c>
      <c r="GT34" s="83">
        <v>7</v>
      </c>
      <c r="GU34" s="241"/>
      <c r="GV34" s="82">
        <v>7</v>
      </c>
      <c r="GW34" s="82">
        <v>6</v>
      </c>
      <c r="GX34" s="82">
        <v>6</v>
      </c>
      <c r="GY34" s="82">
        <v>2</v>
      </c>
      <c r="GZ34" s="82">
        <v>4</v>
      </c>
      <c r="HA34" s="84">
        <v>25</v>
      </c>
      <c r="HB34" s="85">
        <v>32</v>
      </c>
      <c r="HC34" s="70">
        <v>0</v>
      </c>
      <c r="HD34" s="71">
        <v>0</v>
      </c>
      <c r="HE34" s="72">
        <v>0</v>
      </c>
      <c r="HF34" s="244"/>
      <c r="HG34" s="71">
        <v>0</v>
      </c>
      <c r="HH34" s="71">
        <v>1</v>
      </c>
      <c r="HI34" s="71">
        <v>1</v>
      </c>
      <c r="HJ34" s="71">
        <v>0</v>
      </c>
      <c r="HK34" s="71">
        <v>0</v>
      </c>
      <c r="HL34" s="72">
        <v>2</v>
      </c>
      <c r="HM34" s="73">
        <v>2</v>
      </c>
      <c r="HN34" s="70">
        <v>1</v>
      </c>
      <c r="HO34" s="71">
        <v>1</v>
      </c>
      <c r="HP34" s="72">
        <v>2</v>
      </c>
      <c r="HQ34" s="244"/>
      <c r="HR34" s="71">
        <v>1</v>
      </c>
      <c r="HS34" s="71">
        <v>0</v>
      </c>
      <c r="HT34" s="71">
        <v>2</v>
      </c>
      <c r="HU34" s="71">
        <v>0</v>
      </c>
      <c r="HV34" s="71">
        <v>1</v>
      </c>
      <c r="HW34" s="72">
        <v>4</v>
      </c>
      <c r="HX34" s="73">
        <v>6</v>
      </c>
      <c r="HY34" s="70">
        <v>0</v>
      </c>
      <c r="HZ34" s="71">
        <v>0</v>
      </c>
      <c r="IA34" s="72">
        <v>0</v>
      </c>
      <c r="IB34" s="244"/>
      <c r="IC34" s="71">
        <v>1</v>
      </c>
      <c r="ID34" s="71">
        <v>0</v>
      </c>
      <c r="IE34" s="71">
        <v>0</v>
      </c>
      <c r="IF34" s="71">
        <v>0</v>
      </c>
      <c r="IG34" s="71">
        <v>0</v>
      </c>
      <c r="IH34" s="72">
        <v>1</v>
      </c>
      <c r="II34" s="73">
        <v>1</v>
      </c>
      <c r="IJ34" s="70">
        <v>0</v>
      </c>
      <c r="IK34" s="71">
        <v>1</v>
      </c>
      <c r="IL34" s="72">
        <v>1</v>
      </c>
      <c r="IM34" s="244"/>
      <c r="IN34" s="71">
        <v>1</v>
      </c>
      <c r="IO34" s="71">
        <v>2</v>
      </c>
      <c r="IP34" s="71">
        <v>0</v>
      </c>
      <c r="IQ34" s="71">
        <v>1</v>
      </c>
      <c r="IR34" s="71">
        <v>1</v>
      </c>
      <c r="IS34" s="72">
        <v>5</v>
      </c>
      <c r="IT34" s="73">
        <v>6</v>
      </c>
      <c r="IU34" s="70">
        <v>3</v>
      </c>
      <c r="IV34" s="71">
        <v>0</v>
      </c>
      <c r="IW34" s="72">
        <v>3</v>
      </c>
      <c r="IX34" s="244"/>
      <c r="IY34" s="71">
        <v>1</v>
      </c>
      <c r="IZ34" s="71">
        <v>1</v>
      </c>
      <c r="JA34" s="71">
        <v>1</v>
      </c>
      <c r="JB34" s="71">
        <v>0</v>
      </c>
      <c r="JC34" s="71">
        <v>0</v>
      </c>
      <c r="JD34" s="72">
        <v>3</v>
      </c>
      <c r="JE34" s="73">
        <v>6</v>
      </c>
      <c r="JF34" s="70">
        <v>1</v>
      </c>
      <c r="JG34" s="71">
        <v>0</v>
      </c>
      <c r="JH34" s="72">
        <v>1</v>
      </c>
      <c r="JI34" s="244"/>
      <c r="JJ34" s="71">
        <v>3</v>
      </c>
      <c r="JK34" s="71">
        <v>2</v>
      </c>
      <c r="JL34" s="71">
        <v>2</v>
      </c>
      <c r="JM34" s="71">
        <v>1</v>
      </c>
      <c r="JN34" s="71">
        <v>2</v>
      </c>
      <c r="JO34" s="72">
        <v>10</v>
      </c>
      <c r="JP34" s="73">
        <v>11</v>
      </c>
      <c r="JQ34" s="70">
        <v>0</v>
      </c>
      <c r="JR34" s="71">
        <v>0</v>
      </c>
      <c r="JS34" s="72">
        <v>0</v>
      </c>
      <c r="JT34" s="244"/>
      <c r="JU34" s="71">
        <v>0</v>
      </c>
      <c r="JV34" s="71">
        <v>0</v>
      </c>
      <c r="JW34" s="71">
        <v>0</v>
      </c>
      <c r="JX34" s="71">
        <v>0</v>
      </c>
      <c r="JY34" s="71">
        <v>0</v>
      </c>
      <c r="JZ34" s="72">
        <v>0</v>
      </c>
      <c r="KA34" s="73">
        <v>0</v>
      </c>
      <c r="KB34" s="70">
        <v>5</v>
      </c>
      <c r="KC34" s="71">
        <v>2</v>
      </c>
      <c r="KD34" s="72">
        <v>7</v>
      </c>
      <c r="KE34" s="244"/>
      <c r="KF34" s="71">
        <v>7</v>
      </c>
      <c r="KG34" s="71">
        <v>6</v>
      </c>
      <c r="KH34" s="71">
        <v>6</v>
      </c>
      <c r="KI34" s="71">
        <v>2</v>
      </c>
      <c r="KJ34" s="71">
        <v>4</v>
      </c>
      <c r="KK34" s="72">
        <v>25</v>
      </c>
      <c r="KL34" s="73">
        <v>32</v>
      </c>
    </row>
    <row r="35" spans="1:298" ht="19.5" customHeight="1" x14ac:dyDescent="0.2">
      <c r="A35" s="126" t="s">
        <v>32</v>
      </c>
      <c r="B35" s="316">
        <v>4</v>
      </c>
      <c r="C35" s="82">
        <v>1</v>
      </c>
      <c r="D35" s="83">
        <v>5</v>
      </c>
      <c r="E35" s="241"/>
      <c r="F35" s="82">
        <v>8</v>
      </c>
      <c r="G35" s="82">
        <v>6</v>
      </c>
      <c r="H35" s="82">
        <v>3</v>
      </c>
      <c r="I35" s="82">
        <v>3</v>
      </c>
      <c r="J35" s="82">
        <v>3</v>
      </c>
      <c r="K35" s="84">
        <v>23</v>
      </c>
      <c r="L35" s="85">
        <v>28</v>
      </c>
      <c r="M35" s="70">
        <v>1</v>
      </c>
      <c r="N35" s="71">
        <v>0</v>
      </c>
      <c r="O35" s="72">
        <v>1</v>
      </c>
      <c r="P35" s="244"/>
      <c r="Q35" s="71">
        <v>0</v>
      </c>
      <c r="R35" s="71">
        <v>0</v>
      </c>
      <c r="S35" s="71">
        <v>1</v>
      </c>
      <c r="T35" s="71">
        <v>0</v>
      </c>
      <c r="U35" s="71">
        <v>0</v>
      </c>
      <c r="V35" s="72">
        <v>1</v>
      </c>
      <c r="W35" s="73">
        <v>2</v>
      </c>
      <c r="X35" s="70">
        <v>1</v>
      </c>
      <c r="Y35" s="71">
        <v>0</v>
      </c>
      <c r="Z35" s="72">
        <v>1</v>
      </c>
      <c r="AA35" s="244"/>
      <c r="AB35" s="71">
        <v>1</v>
      </c>
      <c r="AC35" s="71">
        <v>0</v>
      </c>
      <c r="AD35" s="71">
        <v>1</v>
      </c>
      <c r="AE35" s="71">
        <v>0</v>
      </c>
      <c r="AF35" s="71">
        <v>0</v>
      </c>
      <c r="AG35" s="72">
        <v>2</v>
      </c>
      <c r="AH35" s="73">
        <v>3</v>
      </c>
      <c r="AI35" s="70">
        <v>2</v>
      </c>
      <c r="AJ35" s="71">
        <v>0</v>
      </c>
      <c r="AK35" s="72">
        <v>2</v>
      </c>
      <c r="AL35" s="244"/>
      <c r="AM35" s="71">
        <v>1</v>
      </c>
      <c r="AN35" s="71">
        <v>1</v>
      </c>
      <c r="AO35" s="71">
        <v>0</v>
      </c>
      <c r="AP35" s="71">
        <v>0</v>
      </c>
      <c r="AQ35" s="71">
        <v>2</v>
      </c>
      <c r="AR35" s="72">
        <v>4</v>
      </c>
      <c r="AS35" s="73">
        <v>6</v>
      </c>
      <c r="AT35" s="70">
        <v>0</v>
      </c>
      <c r="AU35" s="71">
        <v>0</v>
      </c>
      <c r="AV35" s="72">
        <v>0</v>
      </c>
      <c r="AW35" s="244"/>
      <c r="AX35" s="71">
        <v>1</v>
      </c>
      <c r="AY35" s="71">
        <v>0</v>
      </c>
      <c r="AZ35" s="71">
        <v>0</v>
      </c>
      <c r="BA35" s="71">
        <v>1</v>
      </c>
      <c r="BB35" s="71">
        <v>0</v>
      </c>
      <c r="BC35" s="72">
        <v>2</v>
      </c>
      <c r="BD35" s="73">
        <v>2</v>
      </c>
      <c r="BE35" s="70">
        <v>0</v>
      </c>
      <c r="BF35" s="71">
        <v>0</v>
      </c>
      <c r="BG35" s="72">
        <v>0</v>
      </c>
      <c r="BH35" s="244"/>
      <c r="BI35" s="71">
        <v>3</v>
      </c>
      <c r="BJ35" s="71">
        <v>4</v>
      </c>
      <c r="BK35" s="71">
        <v>0</v>
      </c>
      <c r="BL35" s="71">
        <v>1</v>
      </c>
      <c r="BM35" s="71">
        <v>0</v>
      </c>
      <c r="BN35" s="72">
        <v>8</v>
      </c>
      <c r="BO35" s="73">
        <v>8</v>
      </c>
      <c r="BP35" s="70">
        <v>0</v>
      </c>
      <c r="BQ35" s="71">
        <v>1</v>
      </c>
      <c r="BR35" s="72">
        <v>1</v>
      </c>
      <c r="BS35" s="244"/>
      <c r="BT35" s="71">
        <v>2</v>
      </c>
      <c r="BU35" s="71">
        <v>1</v>
      </c>
      <c r="BV35" s="71">
        <v>1</v>
      </c>
      <c r="BW35" s="71">
        <v>1</v>
      </c>
      <c r="BX35" s="71">
        <v>1</v>
      </c>
      <c r="BY35" s="72">
        <v>6</v>
      </c>
      <c r="BZ35" s="73">
        <v>7</v>
      </c>
      <c r="CA35" s="70">
        <v>0</v>
      </c>
      <c r="CB35" s="71">
        <v>0</v>
      </c>
      <c r="CC35" s="72">
        <v>0</v>
      </c>
      <c r="CD35" s="244"/>
      <c r="CE35" s="71">
        <v>0</v>
      </c>
      <c r="CF35" s="71">
        <v>0</v>
      </c>
      <c r="CG35" s="71">
        <v>0</v>
      </c>
      <c r="CH35" s="71">
        <v>0</v>
      </c>
      <c r="CI35" s="71">
        <v>0</v>
      </c>
      <c r="CJ35" s="72">
        <v>0</v>
      </c>
      <c r="CK35" s="73">
        <v>0</v>
      </c>
      <c r="CL35" s="70">
        <v>4</v>
      </c>
      <c r="CM35" s="71">
        <v>1</v>
      </c>
      <c r="CN35" s="72">
        <v>5</v>
      </c>
      <c r="CO35" s="244"/>
      <c r="CP35" s="71">
        <v>8</v>
      </c>
      <c r="CQ35" s="71">
        <v>6</v>
      </c>
      <c r="CR35" s="71">
        <v>3</v>
      </c>
      <c r="CS35" s="71">
        <v>3</v>
      </c>
      <c r="CT35" s="71">
        <v>3</v>
      </c>
      <c r="CU35" s="72">
        <v>23</v>
      </c>
      <c r="CV35" s="73">
        <v>28</v>
      </c>
      <c r="CW35" s="123">
        <v>0</v>
      </c>
      <c r="CX35" s="82">
        <v>2</v>
      </c>
      <c r="CY35" s="83">
        <v>2</v>
      </c>
      <c r="CZ35" s="241"/>
      <c r="DA35" s="82">
        <v>3</v>
      </c>
      <c r="DB35" s="82">
        <v>3</v>
      </c>
      <c r="DC35" s="82">
        <v>1</v>
      </c>
      <c r="DD35" s="82">
        <v>1</v>
      </c>
      <c r="DE35" s="82">
        <v>0</v>
      </c>
      <c r="DF35" s="84">
        <v>8</v>
      </c>
      <c r="DG35" s="85">
        <v>10</v>
      </c>
      <c r="DH35" s="70">
        <v>0</v>
      </c>
      <c r="DI35" s="71">
        <v>0</v>
      </c>
      <c r="DJ35" s="72">
        <v>0</v>
      </c>
      <c r="DK35" s="244"/>
      <c r="DL35" s="71">
        <v>1</v>
      </c>
      <c r="DM35" s="71">
        <v>0</v>
      </c>
      <c r="DN35" s="71">
        <v>0</v>
      </c>
      <c r="DO35" s="71">
        <v>0</v>
      </c>
      <c r="DP35" s="71">
        <v>0</v>
      </c>
      <c r="DQ35" s="72">
        <v>1</v>
      </c>
      <c r="DR35" s="73">
        <v>1</v>
      </c>
      <c r="DS35" s="70">
        <v>0</v>
      </c>
      <c r="DT35" s="71">
        <v>0</v>
      </c>
      <c r="DU35" s="72">
        <v>0</v>
      </c>
      <c r="DV35" s="244"/>
      <c r="DW35" s="71">
        <v>0</v>
      </c>
      <c r="DX35" s="71">
        <v>0</v>
      </c>
      <c r="DY35" s="71">
        <v>0</v>
      </c>
      <c r="DZ35" s="71">
        <v>0</v>
      </c>
      <c r="EA35" s="71">
        <v>0</v>
      </c>
      <c r="EB35" s="72">
        <v>0</v>
      </c>
      <c r="EC35" s="73">
        <v>0</v>
      </c>
      <c r="ED35" s="70">
        <v>0</v>
      </c>
      <c r="EE35" s="71">
        <v>1</v>
      </c>
      <c r="EF35" s="72">
        <v>1</v>
      </c>
      <c r="EG35" s="244"/>
      <c r="EH35" s="71">
        <v>0</v>
      </c>
      <c r="EI35" s="71">
        <v>0</v>
      </c>
      <c r="EJ35" s="71">
        <v>0</v>
      </c>
      <c r="EK35" s="71">
        <v>0</v>
      </c>
      <c r="EL35" s="71">
        <v>0</v>
      </c>
      <c r="EM35" s="72">
        <v>0</v>
      </c>
      <c r="EN35" s="73">
        <v>1</v>
      </c>
      <c r="EO35" s="70">
        <v>0</v>
      </c>
      <c r="EP35" s="71">
        <v>0</v>
      </c>
      <c r="EQ35" s="72">
        <v>0</v>
      </c>
      <c r="ER35" s="244"/>
      <c r="ES35" s="71">
        <v>1</v>
      </c>
      <c r="ET35" s="71">
        <v>1</v>
      </c>
      <c r="EU35" s="71">
        <v>0</v>
      </c>
      <c r="EV35" s="71">
        <v>0</v>
      </c>
      <c r="EW35" s="71">
        <v>0</v>
      </c>
      <c r="EX35" s="72">
        <v>2</v>
      </c>
      <c r="EY35" s="73">
        <v>2</v>
      </c>
      <c r="EZ35" s="70">
        <v>0</v>
      </c>
      <c r="FA35" s="71">
        <v>0</v>
      </c>
      <c r="FB35" s="72">
        <v>0</v>
      </c>
      <c r="FC35" s="244"/>
      <c r="FD35" s="71">
        <v>1</v>
      </c>
      <c r="FE35" s="71">
        <v>2</v>
      </c>
      <c r="FF35" s="71">
        <v>0</v>
      </c>
      <c r="FG35" s="71">
        <v>0</v>
      </c>
      <c r="FH35" s="71">
        <v>0</v>
      </c>
      <c r="FI35" s="72">
        <v>3</v>
      </c>
      <c r="FJ35" s="73">
        <v>3</v>
      </c>
      <c r="FK35" s="70">
        <v>0</v>
      </c>
      <c r="FL35" s="71">
        <v>1</v>
      </c>
      <c r="FM35" s="72">
        <v>1</v>
      </c>
      <c r="FN35" s="244"/>
      <c r="FO35" s="71">
        <v>0</v>
      </c>
      <c r="FP35" s="71">
        <v>0</v>
      </c>
      <c r="FQ35" s="71">
        <v>1</v>
      </c>
      <c r="FR35" s="71">
        <v>1</v>
      </c>
      <c r="FS35" s="71">
        <v>0</v>
      </c>
      <c r="FT35" s="72">
        <v>2</v>
      </c>
      <c r="FU35" s="73">
        <v>3</v>
      </c>
      <c r="FV35" s="70">
        <v>0</v>
      </c>
      <c r="FW35" s="71">
        <v>0</v>
      </c>
      <c r="FX35" s="72">
        <v>0</v>
      </c>
      <c r="FY35" s="244"/>
      <c r="FZ35" s="71">
        <v>0</v>
      </c>
      <c r="GA35" s="71">
        <v>0</v>
      </c>
      <c r="GB35" s="71">
        <v>0</v>
      </c>
      <c r="GC35" s="71">
        <v>0</v>
      </c>
      <c r="GD35" s="71">
        <v>0</v>
      </c>
      <c r="GE35" s="72">
        <v>0</v>
      </c>
      <c r="GF35" s="73">
        <v>0</v>
      </c>
      <c r="GG35" s="70">
        <v>0</v>
      </c>
      <c r="GH35" s="71">
        <v>2</v>
      </c>
      <c r="GI35" s="72">
        <v>2</v>
      </c>
      <c r="GJ35" s="244"/>
      <c r="GK35" s="71">
        <v>3</v>
      </c>
      <c r="GL35" s="71">
        <v>3</v>
      </c>
      <c r="GM35" s="71">
        <v>1</v>
      </c>
      <c r="GN35" s="71">
        <v>1</v>
      </c>
      <c r="GO35" s="71">
        <v>0</v>
      </c>
      <c r="GP35" s="72">
        <v>8</v>
      </c>
      <c r="GQ35" s="73">
        <v>10</v>
      </c>
      <c r="GR35" s="123">
        <v>4</v>
      </c>
      <c r="GS35" s="82">
        <v>3</v>
      </c>
      <c r="GT35" s="83">
        <v>7</v>
      </c>
      <c r="GU35" s="241"/>
      <c r="GV35" s="82">
        <v>11</v>
      </c>
      <c r="GW35" s="82">
        <v>9</v>
      </c>
      <c r="GX35" s="82">
        <v>4</v>
      </c>
      <c r="GY35" s="82">
        <v>4</v>
      </c>
      <c r="GZ35" s="82">
        <v>3</v>
      </c>
      <c r="HA35" s="84">
        <v>31</v>
      </c>
      <c r="HB35" s="85">
        <v>38</v>
      </c>
      <c r="HC35" s="70">
        <v>1</v>
      </c>
      <c r="HD35" s="71">
        <v>0</v>
      </c>
      <c r="HE35" s="72">
        <v>1</v>
      </c>
      <c r="HF35" s="244"/>
      <c r="HG35" s="71">
        <v>1</v>
      </c>
      <c r="HH35" s="71">
        <v>0</v>
      </c>
      <c r="HI35" s="71">
        <v>1</v>
      </c>
      <c r="HJ35" s="71">
        <v>0</v>
      </c>
      <c r="HK35" s="71">
        <v>0</v>
      </c>
      <c r="HL35" s="72">
        <v>2</v>
      </c>
      <c r="HM35" s="73">
        <v>3</v>
      </c>
      <c r="HN35" s="70">
        <v>1</v>
      </c>
      <c r="HO35" s="71">
        <v>0</v>
      </c>
      <c r="HP35" s="72">
        <v>1</v>
      </c>
      <c r="HQ35" s="244"/>
      <c r="HR35" s="71">
        <v>1</v>
      </c>
      <c r="HS35" s="71">
        <v>0</v>
      </c>
      <c r="HT35" s="71">
        <v>1</v>
      </c>
      <c r="HU35" s="71">
        <v>0</v>
      </c>
      <c r="HV35" s="71">
        <v>0</v>
      </c>
      <c r="HW35" s="72">
        <v>2</v>
      </c>
      <c r="HX35" s="73">
        <v>3</v>
      </c>
      <c r="HY35" s="70">
        <v>2</v>
      </c>
      <c r="HZ35" s="71">
        <v>1</v>
      </c>
      <c r="IA35" s="72">
        <v>3</v>
      </c>
      <c r="IB35" s="244"/>
      <c r="IC35" s="71">
        <v>1</v>
      </c>
      <c r="ID35" s="71">
        <v>1</v>
      </c>
      <c r="IE35" s="71">
        <v>0</v>
      </c>
      <c r="IF35" s="71">
        <v>0</v>
      </c>
      <c r="IG35" s="71">
        <v>2</v>
      </c>
      <c r="IH35" s="72">
        <v>4</v>
      </c>
      <c r="II35" s="73">
        <v>7</v>
      </c>
      <c r="IJ35" s="70">
        <v>0</v>
      </c>
      <c r="IK35" s="71">
        <v>0</v>
      </c>
      <c r="IL35" s="72">
        <v>0</v>
      </c>
      <c r="IM35" s="244"/>
      <c r="IN35" s="71">
        <v>2</v>
      </c>
      <c r="IO35" s="71">
        <v>1</v>
      </c>
      <c r="IP35" s="71">
        <v>0</v>
      </c>
      <c r="IQ35" s="71">
        <v>1</v>
      </c>
      <c r="IR35" s="71">
        <v>0</v>
      </c>
      <c r="IS35" s="72">
        <v>4</v>
      </c>
      <c r="IT35" s="73">
        <v>4</v>
      </c>
      <c r="IU35" s="70">
        <v>0</v>
      </c>
      <c r="IV35" s="71">
        <v>0</v>
      </c>
      <c r="IW35" s="72">
        <v>0</v>
      </c>
      <c r="IX35" s="244"/>
      <c r="IY35" s="71">
        <v>4</v>
      </c>
      <c r="IZ35" s="71">
        <v>6</v>
      </c>
      <c r="JA35" s="71">
        <v>0</v>
      </c>
      <c r="JB35" s="71">
        <v>1</v>
      </c>
      <c r="JC35" s="71">
        <v>0</v>
      </c>
      <c r="JD35" s="72">
        <v>11</v>
      </c>
      <c r="JE35" s="73">
        <v>11</v>
      </c>
      <c r="JF35" s="70">
        <v>0</v>
      </c>
      <c r="JG35" s="71">
        <v>2</v>
      </c>
      <c r="JH35" s="72">
        <v>2</v>
      </c>
      <c r="JI35" s="244"/>
      <c r="JJ35" s="71">
        <v>2</v>
      </c>
      <c r="JK35" s="71">
        <v>1</v>
      </c>
      <c r="JL35" s="71">
        <v>2</v>
      </c>
      <c r="JM35" s="71">
        <v>2</v>
      </c>
      <c r="JN35" s="71">
        <v>1</v>
      </c>
      <c r="JO35" s="72">
        <v>8</v>
      </c>
      <c r="JP35" s="73">
        <v>10</v>
      </c>
      <c r="JQ35" s="70">
        <v>0</v>
      </c>
      <c r="JR35" s="71">
        <v>0</v>
      </c>
      <c r="JS35" s="72">
        <v>0</v>
      </c>
      <c r="JT35" s="244"/>
      <c r="JU35" s="71">
        <v>0</v>
      </c>
      <c r="JV35" s="71">
        <v>0</v>
      </c>
      <c r="JW35" s="71">
        <v>0</v>
      </c>
      <c r="JX35" s="71">
        <v>0</v>
      </c>
      <c r="JY35" s="71">
        <v>0</v>
      </c>
      <c r="JZ35" s="72">
        <v>0</v>
      </c>
      <c r="KA35" s="73">
        <v>0</v>
      </c>
      <c r="KB35" s="70">
        <v>4</v>
      </c>
      <c r="KC35" s="71">
        <v>3</v>
      </c>
      <c r="KD35" s="72">
        <v>7</v>
      </c>
      <c r="KE35" s="244"/>
      <c r="KF35" s="71">
        <v>11</v>
      </c>
      <c r="KG35" s="71">
        <v>9</v>
      </c>
      <c r="KH35" s="71">
        <v>4</v>
      </c>
      <c r="KI35" s="71">
        <v>4</v>
      </c>
      <c r="KJ35" s="71">
        <v>3</v>
      </c>
      <c r="KK35" s="72">
        <v>31</v>
      </c>
      <c r="KL35" s="73">
        <v>38</v>
      </c>
    </row>
    <row r="36" spans="1:298" ht="19.5" customHeight="1" x14ac:dyDescent="0.2">
      <c r="A36" s="126" t="s">
        <v>33</v>
      </c>
      <c r="B36" s="316">
        <v>5</v>
      </c>
      <c r="C36" s="82">
        <v>0</v>
      </c>
      <c r="D36" s="83">
        <v>5</v>
      </c>
      <c r="E36" s="241"/>
      <c r="F36" s="82">
        <v>7</v>
      </c>
      <c r="G36" s="82">
        <v>3</v>
      </c>
      <c r="H36" s="82">
        <v>2</v>
      </c>
      <c r="I36" s="82">
        <v>2</v>
      </c>
      <c r="J36" s="82">
        <v>3</v>
      </c>
      <c r="K36" s="84">
        <v>17</v>
      </c>
      <c r="L36" s="85">
        <v>22</v>
      </c>
      <c r="M36" s="70">
        <v>0</v>
      </c>
      <c r="N36" s="71">
        <v>0</v>
      </c>
      <c r="O36" s="72">
        <v>0</v>
      </c>
      <c r="P36" s="244"/>
      <c r="Q36" s="71">
        <v>1</v>
      </c>
      <c r="R36" s="71">
        <v>1</v>
      </c>
      <c r="S36" s="71">
        <v>0</v>
      </c>
      <c r="T36" s="71">
        <v>0</v>
      </c>
      <c r="U36" s="71">
        <v>0</v>
      </c>
      <c r="V36" s="72">
        <v>2</v>
      </c>
      <c r="W36" s="73">
        <v>2</v>
      </c>
      <c r="X36" s="70">
        <v>0</v>
      </c>
      <c r="Y36" s="71">
        <v>0</v>
      </c>
      <c r="Z36" s="72">
        <v>0</v>
      </c>
      <c r="AA36" s="244"/>
      <c r="AB36" s="71">
        <v>0</v>
      </c>
      <c r="AC36" s="71">
        <v>0</v>
      </c>
      <c r="AD36" s="71">
        <v>0</v>
      </c>
      <c r="AE36" s="71">
        <v>1</v>
      </c>
      <c r="AF36" s="71">
        <v>2</v>
      </c>
      <c r="AG36" s="72">
        <v>3</v>
      </c>
      <c r="AH36" s="73">
        <v>3</v>
      </c>
      <c r="AI36" s="70">
        <v>1</v>
      </c>
      <c r="AJ36" s="71">
        <v>0</v>
      </c>
      <c r="AK36" s="72">
        <v>1</v>
      </c>
      <c r="AL36" s="244"/>
      <c r="AM36" s="71">
        <v>1</v>
      </c>
      <c r="AN36" s="71">
        <v>0</v>
      </c>
      <c r="AO36" s="71">
        <v>0</v>
      </c>
      <c r="AP36" s="71">
        <v>1</v>
      </c>
      <c r="AQ36" s="71">
        <v>1</v>
      </c>
      <c r="AR36" s="72">
        <v>3</v>
      </c>
      <c r="AS36" s="73">
        <v>4</v>
      </c>
      <c r="AT36" s="70">
        <v>1</v>
      </c>
      <c r="AU36" s="71">
        <v>0</v>
      </c>
      <c r="AV36" s="72">
        <v>1</v>
      </c>
      <c r="AW36" s="244"/>
      <c r="AX36" s="71">
        <v>0</v>
      </c>
      <c r="AY36" s="71">
        <v>1</v>
      </c>
      <c r="AZ36" s="71">
        <v>0</v>
      </c>
      <c r="BA36" s="71">
        <v>0</v>
      </c>
      <c r="BB36" s="71">
        <v>0</v>
      </c>
      <c r="BC36" s="72">
        <v>1</v>
      </c>
      <c r="BD36" s="73">
        <v>2</v>
      </c>
      <c r="BE36" s="70">
        <v>2</v>
      </c>
      <c r="BF36" s="71">
        <v>0</v>
      </c>
      <c r="BG36" s="72">
        <v>2</v>
      </c>
      <c r="BH36" s="244"/>
      <c r="BI36" s="71">
        <v>2</v>
      </c>
      <c r="BJ36" s="71">
        <v>1</v>
      </c>
      <c r="BK36" s="71">
        <v>1</v>
      </c>
      <c r="BL36" s="71">
        <v>0</v>
      </c>
      <c r="BM36" s="71">
        <v>0</v>
      </c>
      <c r="BN36" s="72">
        <v>4</v>
      </c>
      <c r="BO36" s="73">
        <v>6</v>
      </c>
      <c r="BP36" s="70">
        <v>1</v>
      </c>
      <c r="BQ36" s="71">
        <v>0</v>
      </c>
      <c r="BR36" s="72">
        <v>1</v>
      </c>
      <c r="BS36" s="244"/>
      <c r="BT36" s="71">
        <v>3</v>
      </c>
      <c r="BU36" s="71">
        <v>0</v>
      </c>
      <c r="BV36" s="71">
        <v>1</v>
      </c>
      <c r="BW36" s="71">
        <v>0</v>
      </c>
      <c r="BX36" s="71">
        <v>0</v>
      </c>
      <c r="BY36" s="72">
        <v>4</v>
      </c>
      <c r="BZ36" s="73">
        <v>5</v>
      </c>
      <c r="CA36" s="70">
        <v>0</v>
      </c>
      <c r="CB36" s="71">
        <v>0</v>
      </c>
      <c r="CC36" s="72">
        <v>0</v>
      </c>
      <c r="CD36" s="244"/>
      <c r="CE36" s="71">
        <v>0</v>
      </c>
      <c r="CF36" s="71">
        <v>0</v>
      </c>
      <c r="CG36" s="71">
        <v>0</v>
      </c>
      <c r="CH36" s="71">
        <v>0</v>
      </c>
      <c r="CI36" s="71">
        <v>0</v>
      </c>
      <c r="CJ36" s="72">
        <v>0</v>
      </c>
      <c r="CK36" s="73">
        <v>0</v>
      </c>
      <c r="CL36" s="70">
        <v>5</v>
      </c>
      <c r="CM36" s="71">
        <v>0</v>
      </c>
      <c r="CN36" s="72">
        <v>5</v>
      </c>
      <c r="CO36" s="244"/>
      <c r="CP36" s="71">
        <v>7</v>
      </c>
      <c r="CQ36" s="71">
        <v>3</v>
      </c>
      <c r="CR36" s="71">
        <v>2</v>
      </c>
      <c r="CS36" s="71">
        <v>2</v>
      </c>
      <c r="CT36" s="71">
        <v>3</v>
      </c>
      <c r="CU36" s="72">
        <v>17</v>
      </c>
      <c r="CV36" s="73">
        <v>22</v>
      </c>
      <c r="CW36" s="123">
        <v>2</v>
      </c>
      <c r="CX36" s="82">
        <v>3</v>
      </c>
      <c r="CY36" s="83">
        <v>5</v>
      </c>
      <c r="CZ36" s="241"/>
      <c r="DA36" s="82">
        <v>1</v>
      </c>
      <c r="DB36" s="82">
        <v>4</v>
      </c>
      <c r="DC36" s="82">
        <v>3</v>
      </c>
      <c r="DD36" s="82">
        <v>4</v>
      </c>
      <c r="DE36" s="82">
        <v>2</v>
      </c>
      <c r="DF36" s="84">
        <v>14</v>
      </c>
      <c r="DG36" s="85">
        <v>19</v>
      </c>
      <c r="DH36" s="70">
        <v>0</v>
      </c>
      <c r="DI36" s="71">
        <v>0</v>
      </c>
      <c r="DJ36" s="72">
        <v>0</v>
      </c>
      <c r="DK36" s="244"/>
      <c r="DL36" s="71">
        <v>0</v>
      </c>
      <c r="DM36" s="71">
        <v>0</v>
      </c>
      <c r="DN36" s="71">
        <v>0</v>
      </c>
      <c r="DO36" s="71">
        <v>0</v>
      </c>
      <c r="DP36" s="71">
        <v>0</v>
      </c>
      <c r="DQ36" s="72">
        <v>0</v>
      </c>
      <c r="DR36" s="73">
        <v>0</v>
      </c>
      <c r="DS36" s="70">
        <v>0</v>
      </c>
      <c r="DT36" s="71">
        <v>0</v>
      </c>
      <c r="DU36" s="72">
        <v>0</v>
      </c>
      <c r="DV36" s="244"/>
      <c r="DW36" s="71">
        <v>0</v>
      </c>
      <c r="DX36" s="71">
        <v>0</v>
      </c>
      <c r="DY36" s="71">
        <v>0</v>
      </c>
      <c r="DZ36" s="71">
        <v>0</v>
      </c>
      <c r="EA36" s="71">
        <v>0</v>
      </c>
      <c r="EB36" s="72">
        <v>0</v>
      </c>
      <c r="EC36" s="73">
        <v>0</v>
      </c>
      <c r="ED36" s="70">
        <v>0</v>
      </c>
      <c r="EE36" s="71">
        <v>1</v>
      </c>
      <c r="EF36" s="72">
        <v>1</v>
      </c>
      <c r="EG36" s="244"/>
      <c r="EH36" s="71">
        <v>0</v>
      </c>
      <c r="EI36" s="71">
        <v>0</v>
      </c>
      <c r="EJ36" s="71">
        <v>0</v>
      </c>
      <c r="EK36" s="71">
        <v>2</v>
      </c>
      <c r="EL36" s="71">
        <v>0</v>
      </c>
      <c r="EM36" s="72">
        <v>2</v>
      </c>
      <c r="EN36" s="73">
        <v>3</v>
      </c>
      <c r="EO36" s="70">
        <v>1</v>
      </c>
      <c r="EP36" s="71">
        <v>0</v>
      </c>
      <c r="EQ36" s="72">
        <v>1</v>
      </c>
      <c r="ER36" s="244"/>
      <c r="ES36" s="71">
        <v>0</v>
      </c>
      <c r="ET36" s="71">
        <v>0</v>
      </c>
      <c r="EU36" s="71">
        <v>0</v>
      </c>
      <c r="EV36" s="71">
        <v>0</v>
      </c>
      <c r="EW36" s="71">
        <v>0</v>
      </c>
      <c r="EX36" s="72">
        <v>0</v>
      </c>
      <c r="EY36" s="73">
        <v>1</v>
      </c>
      <c r="EZ36" s="70">
        <v>0</v>
      </c>
      <c r="FA36" s="71">
        <v>2</v>
      </c>
      <c r="FB36" s="72">
        <v>2</v>
      </c>
      <c r="FC36" s="244"/>
      <c r="FD36" s="71">
        <v>1</v>
      </c>
      <c r="FE36" s="71">
        <v>1</v>
      </c>
      <c r="FF36" s="71">
        <v>0</v>
      </c>
      <c r="FG36" s="71">
        <v>0</v>
      </c>
      <c r="FH36" s="71">
        <v>2</v>
      </c>
      <c r="FI36" s="72">
        <v>4</v>
      </c>
      <c r="FJ36" s="73">
        <v>6</v>
      </c>
      <c r="FK36" s="70">
        <v>1</v>
      </c>
      <c r="FL36" s="71">
        <v>0</v>
      </c>
      <c r="FM36" s="72">
        <v>1</v>
      </c>
      <c r="FN36" s="244"/>
      <c r="FO36" s="71">
        <v>0</v>
      </c>
      <c r="FP36" s="71">
        <v>3</v>
      </c>
      <c r="FQ36" s="71">
        <v>3</v>
      </c>
      <c r="FR36" s="71">
        <v>2</v>
      </c>
      <c r="FS36" s="71">
        <v>0</v>
      </c>
      <c r="FT36" s="72">
        <v>8</v>
      </c>
      <c r="FU36" s="73">
        <v>9</v>
      </c>
      <c r="FV36" s="70">
        <v>0</v>
      </c>
      <c r="FW36" s="71">
        <v>0</v>
      </c>
      <c r="FX36" s="72">
        <v>0</v>
      </c>
      <c r="FY36" s="244"/>
      <c r="FZ36" s="71">
        <v>0</v>
      </c>
      <c r="GA36" s="71">
        <v>0</v>
      </c>
      <c r="GB36" s="71">
        <v>0</v>
      </c>
      <c r="GC36" s="71">
        <v>0</v>
      </c>
      <c r="GD36" s="71">
        <v>0</v>
      </c>
      <c r="GE36" s="72">
        <v>0</v>
      </c>
      <c r="GF36" s="73">
        <v>0</v>
      </c>
      <c r="GG36" s="70">
        <v>2</v>
      </c>
      <c r="GH36" s="71">
        <v>3</v>
      </c>
      <c r="GI36" s="72">
        <v>5</v>
      </c>
      <c r="GJ36" s="244"/>
      <c r="GK36" s="71">
        <v>1</v>
      </c>
      <c r="GL36" s="71">
        <v>4</v>
      </c>
      <c r="GM36" s="71">
        <v>3</v>
      </c>
      <c r="GN36" s="71">
        <v>4</v>
      </c>
      <c r="GO36" s="71">
        <v>2</v>
      </c>
      <c r="GP36" s="72">
        <v>14</v>
      </c>
      <c r="GQ36" s="73">
        <v>19</v>
      </c>
      <c r="GR36" s="123">
        <v>7</v>
      </c>
      <c r="GS36" s="82">
        <v>3</v>
      </c>
      <c r="GT36" s="83">
        <v>10</v>
      </c>
      <c r="GU36" s="241"/>
      <c r="GV36" s="82">
        <v>8</v>
      </c>
      <c r="GW36" s="82">
        <v>7</v>
      </c>
      <c r="GX36" s="82">
        <v>5</v>
      </c>
      <c r="GY36" s="82">
        <v>6</v>
      </c>
      <c r="GZ36" s="82">
        <v>5</v>
      </c>
      <c r="HA36" s="84">
        <v>31</v>
      </c>
      <c r="HB36" s="85">
        <v>41</v>
      </c>
      <c r="HC36" s="70">
        <v>0</v>
      </c>
      <c r="HD36" s="71">
        <v>0</v>
      </c>
      <c r="HE36" s="72">
        <v>0</v>
      </c>
      <c r="HF36" s="244"/>
      <c r="HG36" s="71">
        <v>1</v>
      </c>
      <c r="HH36" s="71">
        <v>1</v>
      </c>
      <c r="HI36" s="71">
        <v>0</v>
      </c>
      <c r="HJ36" s="71">
        <v>0</v>
      </c>
      <c r="HK36" s="71">
        <v>0</v>
      </c>
      <c r="HL36" s="72">
        <v>2</v>
      </c>
      <c r="HM36" s="73">
        <v>2</v>
      </c>
      <c r="HN36" s="70">
        <v>0</v>
      </c>
      <c r="HO36" s="71">
        <v>0</v>
      </c>
      <c r="HP36" s="72">
        <v>0</v>
      </c>
      <c r="HQ36" s="244"/>
      <c r="HR36" s="71">
        <v>0</v>
      </c>
      <c r="HS36" s="71">
        <v>0</v>
      </c>
      <c r="HT36" s="71">
        <v>0</v>
      </c>
      <c r="HU36" s="71">
        <v>1</v>
      </c>
      <c r="HV36" s="71">
        <v>2</v>
      </c>
      <c r="HW36" s="72">
        <v>3</v>
      </c>
      <c r="HX36" s="73">
        <v>3</v>
      </c>
      <c r="HY36" s="70">
        <v>1</v>
      </c>
      <c r="HZ36" s="71">
        <v>1</v>
      </c>
      <c r="IA36" s="72">
        <v>2</v>
      </c>
      <c r="IB36" s="244"/>
      <c r="IC36" s="71">
        <v>1</v>
      </c>
      <c r="ID36" s="71">
        <v>0</v>
      </c>
      <c r="IE36" s="71">
        <v>0</v>
      </c>
      <c r="IF36" s="71">
        <v>3</v>
      </c>
      <c r="IG36" s="71">
        <v>1</v>
      </c>
      <c r="IH36" s="72">
        <v>5</v>
      </c>
      <c r="II36" s="73">
        <v>7</v>
      </c>
      <c r="IJ36" s="70">
        <v>2</v>
      </c>
      <c r="IK36" s="71">
        <v>0</v>
      </c>
      <c r="IL36" s="72">
        <v>2</v>
      </c>
      <c r="IM36" s="244"/>
      <c r="IN36" s="71">
        <v>0</v>
      </c>
      <c r="IO36" s="71">
        <v>1</v>
      </c>
      <c r="IP36" s="71">
        <v>0</v>
      </c>
      <c r="IQ36" s="71">
        <v>0</v>
      </c>
      <c r="IR36" s="71">
        <v>0</v>
      </c>
      <c r="IS36" s="72">
        <v>1</v>
      </c>
      <c r="IT36" s="73">
        <v>3</v>
      </c>
      <c r="IU36" s="70">
        <v>2</v>
      </c>
      <c r="IV36" s="71">
        <v>2</v>
      </c>
      <c r="IW36" s="72">
        <v>4</v>
      </c>
      <c r="IX36" s="244"/>
      <c r="IY36" s="71">
        <v>3</v>
      </c>
      <c r="IZ36" s="71">
        <v>2</v>
      </c>
      <c r="JA36" s="71">
        <v>1</v>
      </c>
      <c r="JB36" s="71">
        <v>0</v>
      </c>
      <c r="JC36" s="71">
        <v>2</v>
      </c>
      <c r="JD36" s="72">
        <v>8</v>
      </c>
      <c r="JE36" s="73">
        <v>12</v>
      </c>
      <c r="JF36" s="70">
        <v>2</v>
      </c>
      <c r="JG36" s="71">
        <v>0</v>
      </c>
      <c r="JH36" s="72">
        <v>2</v>
      </c>
      <c r="JI36" s="244"/>
      <c r="JJ36" s="71">
        <v>3</v>
      </c>
      <c r="JK36" s="71">
        <v>3</v>
      </c>
      <c r="JL36" s="71">
        <v>4</v>
      </c>
      <c r="JM36" s="71">
        <v>2</v>
      </c>
      <c r="JN36" s="71">
        <v>0</v>
      </c>
      <c r="JO36" s="72">
        <v>12</v>
      </c>
      <c r="JP36" s="73">
        <v>14</v>
      </c>
      <c r="JQ36" s="70">
        <v>0</v>
      </c>
      <c r="JR36" s="71">
        <v>0</v>
      </c>
      <c r="JS36" s="72">
        <v>0</v>
      </c>
      <c r="JT36" s="244"/>
      <c r="JU36" s="71">
        <v>0</v>
      </c>
      <c r="JV36" s="71">
        <v>0</v>
      </c>
      <c r="JW36" s="71">
        <v>0</v>
      </c>
      <c r="JX36" s="71">
        <v>0</v>
      </c>
      <c r="JY36" s="71">
        <v>0</v>
      </c>
      <c r="JZ36" s="72">
        <v>0</v>
      </c>
      <c r="KA36" s="73">
        <v>0</v>
      </c>
      <c r="KB36" s="70">
        <v>7</v>
      </c>
      <c r="KC36" s="71">
        <v>3</v>
      </c>
      <c r="KD36" s="72">
        <v>10</v>
      </c>
      <c r="KE36" s="244"/>
      <c r="KF36" s="71">
        <v>8</v>
      </c>
      <c r="KG36" s="71">
        <v>7</v>
      </c>
      <c r="KH36" s="71">
        <v>5</v>
      </c>
      <c r="KI36" s="71">
        <v>6</v>
      </c>
      <c r="KJ36" s="71">
        <v>5</v>
      </c>
      <c r="KK36" s="72">
        <v>31</v>
      </c>
      <c r="KL36" s="73">
        <v>41</v>
      </c>
    </row>
    <row r="37" spans="1:298" ht="19.5" customHeight="1" x14ac:dyDescent="0.2">
      <c r="A37" s="126" t="s">
        <v>34</v>
      </c>
      <c r="B37" s="316">
        <v>1</v>
      </c>
      <c r="C37" s="82">
        <v>1</v>
      </c>
      <c r="D37" s="83">
        <v>2</v>
      </c>
      <c r="E37" s="241"/>
      <c r="F37" s="82">
        <v>2</v>
      </c>
      <c r="G37" s="82">
        <v>3</v>
      </c>
      <c r="H37" s="82">
        <v>1</v>
      </c>
      <c r="I37" s="82">
        <v>2</v>
      </c>
      <c r="J37" s="82">
        <v>0</v>
      </c>
      <c r="K37" s="84">
        <v>8</v>
      </c>
      <c r="L37" s="85">
        <v>10</v>
      </c>
      <c r="M37" s="70">
        <v>0</v>
      </c>
      <c r="N37" s="71">
        <v>0</v>
      </c>
      <c r="O37" s="72">
        <v>0</v>
      </c>
      <c r="P37" s="244"/>
      <c r="Q37" s="71">
        <v>0</v>
      </c>
      <c r="R37" s="71">
        <v>0</v>
      </c>
      <c r="S37" s="71">
        <v>0</v>
      </c>
      <c r="T37" s="71">
        <v>0</v>
      </c>
      <c r="U37" s="71">
        <v>0</v>
      </c>
      <c r="V37" s="72">
        <v>0</v>
      </c>
      <c r="W37" s="73">
        <v>0</v>
      </c>
      <c r="X37" s="70">
        <v>0</v>
      </c>
      <c r="Y37" s="71">
        <v>0</v>
      </c>
      <c r="Z37" s="72">
        <v>0</v>
      </c>
      <c r="AA37" s="244"/>
      <c r="AB37" s="71">
        <v>0</v>
      </c>
      <c r="AC37" s="71">
        <v>0</v>
      </c>
      <c r="AD37" s="71">
        <v>0</v>
      </c>
      <c r="AE37" s="71">
        <v>0</v>
      </c>
      <c r="AF37" s="71">
        <v>0</v>
      </c>
      <c r="AG37" s="72">
        <v>0</v>
      </c>
      <c r="AH37" s="73">
        <v>0</v>
      </c>
      <c r="AI37" s="70">
        <v>0</v>
      </c>
      <c r="AJ37" s="71">
        <v>1</v>
      </c>
      <c r="AK37" s="72">
        <v>1</v>
      </c>
      <c r="AL37" s="244"/>
      <c r="AM37" s="71">
        <v>0</v>
      </c>
      <c r="AN37" s="71">
        <v>0</v>
      </c>
      <c r="AO37" s="71">
        <v>1</v>
      </c>
      <c r="AP37" s="71">
        <v>1</v>
      </c>
      <c r="AQ37" s="71">
        <v>0</v>
      </c>
      <c r="AR37" s="72">
        <v>2</v>
      </c>
      <c r="AS37" s="73">
        <v>3</v>
      </c>
      <c r="AT37" s="70">
        <v>1</v>
      </c>
      <c r="AU37" s="71">
        <v>0</v>
      </c>
      <c r="AV37" s="72">
        <v>1</v>
      </c>
      <c r="AW37" s="244"/>
      <c r="AX37" s="71">
        <v>1</v>
      </c>
      <c r="AY37" s="71">
        <v>0</v>
      </c>
      <c r="AZ37" s="71">
        <v>0</v>
      </c>
      <c r="BA37" s="71">
        <v>0</v>
      </c>
      <c r="BB37" s="71">
        <v>0</v>
      </c>
      <c r="BC37" s="72">
        <v>1</v>
      </c>
      <c r="BD37" s="73">
        <v>2</v>
      </c>
      <c r="BE37" s="70">
        <v>0</v>
      </c>
      <c r="BF37" s="71">
        <v>0</v>
      </c>
      <c r="BG37" s="72">
        <v>0</v>
      </c>
      <c r="BH37" s="244"/>
      <c r="BI37" s="71">
        <v>0</v>
      </c>
      <c r="BJ37" s="71">
        <v>1</v>
      </c>
      <c r="BK37" s="71">
        <v>0</v>
      </c>
      <c r="BL37" s="71">
        <v>0</v>
      </c>
      <c r="BM37" s="71">
        <v>0</v>
      </c>
      <c r="BN37" s="72">
        <v>1</v>
      </c>
      <c r="BO37" s="73">
        <v>1</v>
      </c>
      <c r="BP37" s="70">
        <v>0</v>
      </c>
      <c r="BQ37" s="71">
        <v>0</v>
      </c>
      <c r="BR37" s="72">
        <v>0</v>
      </c>
      <c r="BS37" s="244"/>
      <c r="BT37" s="71">
        <v>1</v>
      </c>
      <c r="BU37" s="71">
        <v>2</v>
      </c>
      <c r="BV37" s="71">
        <v>0</v>
      </c>
      <c r="BW37" s="71">
        <v>1</v>
      </c>
      <c r="BX37" s="71">
        <v>0</v>
      </c>
      <c r="BY37" s="72">
        <v>4</v>
      </c>
      <c r="BZ37" s="73">
        <v>4</v>
      </c>
      <c r="CA37" s="70">
        <v>0</v>
      </c>
      <c r="CB37" s="71">
        <v>0</v>
      </c>
      <c r="CC37" s="72">
        <v>0</v>
      </c>
      <c r="CD37" s="244"/>
      <c r="CE37" s="71">
        <v>0</v>
      </c>
      <c r="CF37" s="71">
        <v>0</v>
      </c>
      <c r="CG37" s="71">
        <v>0</v>
      </c>
      <c r="CH37" s="71">
        <v>0</v>
      </c>
      <c r="CI37" s="71">
        <v>0</v>
      </c>
      <c r="CJ37" s="72">
        <v>0</v>
      </c>
      <c r="CK37" s="73">
        <v>0</v>
      </c>
      <c r="CL37" s="70">
        <v>1</v>
      </c>
      <c r="CM37" s="71">
        <v>1</v>
      </c>
      <c r="CN37" s="72">
        <v>2</v>
      </c>
      <c r="CO37" s="244"/>
      <c r="CP37" s="71">
        <v>2</v>
      </c>
      <c r="CQ37" s="71">
        <v>3</v>
      </c>
      <c r="CR37" s="71">
        <v>1</v>
      </c>
      <c r="CS37" s="71">
        <v>2</v>
      </c>
      <c r="CT37" s="71">
        <v>0</v>
      </c>
      <c r="CU37" s="72">
        <v>8</v>
      </c>
      <c r="CV37" s="73">
        <v>10</v>
      </c>
      <c r="CW37" s="123">
        <v>1</v>
      </c>
      <c r="CX37" s="82">
        <v>1</v>
      </c>
      <c r="CY37" s="83">
        <v>2</v>
      </c>
      <c r="CZ37" s="241"/>
      <c r="DA37" s="82">
        <v>1</v>
      </c>
      <c r="DB37" s="82">
        <v>0</v>
      </c>
      <c r="DC37" s="82">
        <v>3</v>
      </c>
      <c r="DD37" s="82">
        <v>0</v>
      </c>
      <c r="DE37" s="82">
        <v>0</v>
      </c>
      <c r="DF37" s="84">
        <v>4</v>
      </c>
      <c r="DG37" s="85">
        <v>6</v>
      </c>
      <c r="DH37" s="70">
        <v>0</v>
      </c>
      <c r="DI37" s="71">
        <v>0</v>
      </c>
      <c r="DJ37" s="72">
        <v>0</v>
      </c>
      <c r="DK37" s="244"/>
      <c r="DL37" s="71">
        <v>0</v>
      </c>
      <c r="DM37" s="71">
        <v>0</v>
      </c>
      <c r="DN37" s="71">
        <v>1</v>
      </c>
      <c r="DO37" s="71">
        <v>0</v>
      </c>
      <c r="DP37" s="71">
        <v>0</v>
      </c>
      <c r="DQ37" s="72">
        <v>1</v>
      </c>
      <c r="DR37" s="73">
        <v>1</v>
      </c>
      <c r="DS37" s="70">
        <v>0</v>
      </c>
      <c r="DT37" s="71">
        <v>0</v>
      </c>
      <c r="DU37" s="72">
        <v>0</v>
      </c>
      <c r="DV37" s="244"/>
      <c r="DW37" s="71">
        <v>0</v>
      </c>
      <c r="DX37" s="71">
        <v>0</v>
      </c>
      <c r="DY37" s="71">
        <v>0</v>
      </c>
      <c r="DZ37" s="71">
        <v>0</v>
      </c>
      <c r="EA37" s="71">
        <v>0</v>
      </c>
      <c r="EB37" s="72">
        <v>0</v>
      </c>
      <c r="EC37" s="73">
        <v>0</v>
      </c>
      <c r="ED37" s="70">
        <v>0</v>
      </c>
      <c r="EE37" s="71">
        <v>0</v>
      </c>
      <c r="EF37" s="72">
        <v>0</v>
      </c>
      <c r="EG37" s="244"/>
      <c r="EH37" s="71">
        <v>0</v>
      </c>
      <c r="EI37" s="71">
        <v>0</v>
      </c>
      <c r="EJ37" s="71">
        <v>1</v>
      </c>
      <c r="EK37" s="71">
        <v>0</v>
      </c>
      <c r="EL37" s="71">
        <v>0</v>
      </c>
      <c r="EM37" s="72">
        <v>1</v>
      </c>
      <c r="EN37" s="73">
        <v>1</v>
      </c>
      <c r="EO37" s="70">
        <v>1</v>
      </c>
      <c r="EP37" s="71">
        <v>0</v>
      </c>
      <c r="EQ37" s="72">
        <v>1</v>
      </c>
      <c r="ER37" s="244"/>
      <c r="ES37" s="71">
        <v>0</v>
      </c>
      <c r="ET37" s="71">
        <v>0</v>
      </c>
      <c r="EU37" s="71">
        <v>0</v>
      </c>
      <c r="EV37" s="71">
        <v>0</v>
      </c>
      <c r="EW37" s="71">
        <v>0</v>
      </c>
      <c r="EX37" s="72">
        <v>0</v>
      </c>
      <c r="EY37" s="73">
        <v>1</v>
      </c>
      <c r="EZ37" s="70">
        <v>0</v>
      </c>
      <c r="FA37" s="71">
        <v>0</v>
      </c>
      <c r="FB37" s="72">
        <v>0</v>
      </c>
      <c r="FC37" s="244"/>
      <c r="FD37" s="71">
        <v>1</v>
      </c>
      <c r="FE37" s="71">
        <v>0</v>
      </c>
      <c r="FF37" s="71">
        <v>0</v>
      </c>
      <c r="FG37" s="71">
        <v>0</v>
      </c>
      <c r="FH37" s="71">
        <v>0</v>
      </c>
      <c r="FI37" s="72">
        <v>1</v>
      </c>
      <c r="FJ37" s="73">
        <v>1</v>
      </c>
      <c r="FK37" s="70">
        <v>0</v>
      </c>
      <c r="FL37" s="71">
        <v>1</v>
      </c>
      <c r="FM37" s="72">
        <v>1</v>
      </c>
      <c r="FN37" s="244"/>
      <c r="FO37" s="71">
        <v>0</v>
      </c>
      <c r="FP37" s="71">
        <v>0</v>
      </c>
      <c r="FQ37" s="71">
        <v>1</v>
      </c>
      <c r="FR37" s="71">
        <v>0</v>
      </c>
      <c r="FS37" s="71">
        <v>0</v>
      </c>
      <c r="FT37" s="72">
        <v>1</v>
      </c>
      <c r="FU37" s="73">
        <v>2</v>
      </c>
      <c r="FV37" s="70">
        <v>0</v>
      </c>
      <c r="FW37" s="71">
        <v>0</v>
      </c>
      <c r="FX37" s="72">
        <v>0</v>
      </c>
      <c r="FY37" s="244"/>
      <c r="FZ37" s="71">
        <v>0</v>
      </c>
      <c r="GA37" s="71">
        <v>0</v>
      </c>
      <c r="GB37" s="71">
        <v>0</v>
      </c>
      <c r="GC37" s="71">
        <v>0</v>
      </c>
      <c r="GD37" s="71">
        <v>0</v>
      </c>
      <c r="GE37" s="72">
        <v>0</v>
      </c>
      <c r="GF37" s="73">
        <v>0</v>
      </c>
      <c r="GG37" s="70">
        <v>1</v>
      </c>
      <c r="GH37" s="71">
        <v>1</v>
      </c>
      <c r="GI37" s="72">
        <v>2</v>
      </c>
      <c r="GJ37" s="244"/>
      <c r="GK37" s="71">
        <v>1</v>
      </c>
      <c r="GL37" s="71">
        <v>0</v>
      </c>
      <c r="GM37" s="71">
        <v>3</v>
      </c>
      <c r="GN37" s="71">
        <v>0</v>
      </c>
      <c r="GO37" s="71">
        <v>0</v>
      </c>
      <c r="GP37" s="72">
        <v>4</v>
      </c>
      <c r="GQ37" s="73">
        <v>6</v>
      </c>
      <c r="GR37" s="123">
        <v>2</v>
      </c>
      <c r="GS37" s="82">
        <v>2</v>
      </c>
      <c r="GT37" s="83">
        <v>4</v>
      </c>
      <c r="GU37" s="241"/>
      <c r="GV37" s="82">
        <v>3</v>
      </c>
      <c r="GW37" s="82">
        <v>3</v>
      </c>
      <c r="GX37" s="82">
        <v>4</v>
      </c>
      <c r="GY37" s="82">
        <v>2</v>
      </c>
      <c r="GZ37" s="82">
        <v>0</v>
      </c>
      <c r="HA37" s="84">
        <v>12</v>
      </c>
      <c r="HB37" s="85">
        <v>16</v>
      </c>
      <c r="HC37" s="70">
        <v>0</v>
      </c>
      <c r="HD37" s="71">
        <v>0</v>
      </c>
      <c r="HE37" s="72">
        <v>0</v>
      </c>
      <c r="HF37" s="244"/>
      <c r="HG37" s="71">
        <v>0</v>
      </c>
      <c r="HH37" s="71">
        <v>0</v>
      </c>
      <c r="HI37" s="71">
        <v>1</v>
      </c>
      <c r="HJ37" s="71">
        <v>0</v>
      </c>
      <c r="HK37" s="71">
        <v>0</v>
      </c>
      <c r="HL37" s="72">
        <v>1</v>
      </c>
      <c r="HM37" s="73">
        <v>1</v>
      </c>
      <c r="HN37" s="70">
        <v>0</v>
      </c>
      <c r="HO37" s="71">
        <v>0</v>
      </c>
      <c r="HP37" s="72">
        <v>0</v>
      </c>
      <c r="HQ37" s="244"/>
      <c r="HR37" s="71">
        <v>0</v>
      </c>
      <c r="HS37" s="71">
        <v>0</v>
      </c>
      <c r="HT37" s="71">
        <v>0</v>
      </c>
      <c r="HU37" s="71">
        <v>0</v>
      </c>
      <c r="HV37" s="71">
        <v>0</v>
      </c>
      <c r="HW37" s="72">
        <v>0</v>
      </c>
      <c r="HX37" s="73">
        <v>0</v>
      </c>
      <c r="HY37" s="70">
        <v>0</v>
      </c>
      <c r="HZ37" s="71">
        <v>1</v>
      </c>
      <c r="IA37" s="72">
        <v>1</v>
      </c>
      <c r="IB37" s="244"/>
      <c r="IC37" s="71">
        <v>0</v>
      </c>
      <c r="ID37" s="71">
        <v>0</v>
      </c>
      <c r="IE37" s="71">
        <v>2</v>
      </c>
      <c r="IF37" s="71">
        <v>1</v>
      </c>
      <c r="IG37" s="71">
        <v>0</v>
      </c>
      <c r="IH37" s="72">
        <v>3</v>
      </c>
      <c r="II37" s="73">
        <v>4</v>
      </c>
      <c r="IJ37" s="70">
        <v>2</v>
      </c>
      <c r="IK37" s="71">
        <v>0</v>
      </c>
      <c r="IL37" s="72">
        <v>2</v>
      </c>
      <c r="IM37" s="244"/>
      <c r="IN37" s="71">
        <v>1</v>
      </c>
      <c r="IO37" s="71">
        <v>0</v>
      </c>
      <c r="IP37" s="71">
        <v>0</v>
      </c>
      <c r="IQ37" s="71">
        <v>0</v>
      </c>
      <c r="IR37" s="71">
        <v>0</v>
      </c>
      <c r="IS37" s="72">
        <v>1</v>
      </c>
      <c r="IT37" s="73">
        <v>3</v>
      </c>
      <c r="IU37" s="70">
        <v>0</v>
      </c>
      <c r="IV37" s="71">
        <v>0</v>
      </c>
      <c r="IW37" s="72">
        <v>0</v>
      </c>
      <c r="IX37" s="244"/>
      <c r="IY37" s="71">
        <v>1</v>
      </c>
      <c r="IZ37" s="71">
        <v>1</v>
      </c>
      <c r="JA37" s="71">
        <v>0</v>
      </c>
      <c r="JB37" s="71">
        <v>0</v>
      </c>
      <c r="JC37" s="71">
        <v>0</v>
      </c>
      <c r="JD37" s="72">
        <v>2</v>
      </c>
      <c r="JE37" s="73">
        <v>2</v>
      </c>
      <c r="JF37" s="70">
        <v>0</v>
      </c>
      <c r="JG37" s="71">
        <v>1</v>
      </c>
      <c r="JH37" s="72">
        <v>1</v>
      </c>
      <c r="JI37" s="244"/>
      <c r="JJ37" s="71">
        <v>1</v>
      </c>
      <c r="JK37" s="71">
        <v>2</v>
      </c>
      <c r="JL37" s="71">
        <v>1</v>
      </c>
      <c r="JM37" s="71">
        <v>1</v>
      </c>
      <c r="JN37" s="71">
        <v>0</v>
      </c>
      <c r="JO37" s="72">
        <v>5</v>
      </c>
      <c r="JP37" s="73">
        <v>6</v>
      </c>
      <c r="JQ37" s="70">
        <v>0</v>
      </c>
      <c r="JR37" s="71">
        <v>0</v>
      </c>
      <c r="JS37" s="72">
        <v>0</v>
      </c>
      <c r="JT37" s="244"/>
      <c r="JU37" s="71">
        <v>0</v>
      </c>
      <c r="JV37" s="71">
        <v>0</v>
      </c>
      <c r="JW37" s="71">
        <v>0</v>
      </c>
      <c r="JX37" s="71">
        <v>0</v>
      </c>
      <c r="JY37" s="71">
        <v>0</v>
      </c>
      <c r="JZ37" s="72">
        <v>0</v>
      </c>
      <c r="KA37" s="73">
        <v>0</v>
      </c>
      <c r="KB37" s="70">
        <v>2</v>
      </c>
      <c r="KC37" s="71">
        <v>2</v>
      </c>
      <c r="KD37" s="72">
        <v>4</v>
      </c>
      <c r="KE37" s="244"/>
      <c r="KF37" s="71">
        <v>3</v>
      </c>
      <c r="KG37" s="71">
        <v>3</v>
      </c>
      <c r="KH37" s="71">
        <v>4</v>
      </c>
      <c r="KI37" s="71">
        <v>2</v>
      </c>
      <c r="KJ37" s="71">
        <v>0</v>
      </c>
      <c r="KK37" s="72">
        <v>12</v>
      </c>
      <c r="KL37" s="73">
        <v>16</v>
      </c>
    </row>
    <row r="38" spans="1:298" ht="19.5" customHeight="1" x14ac:dyDescent="0.2">
      <c r="A38" s="126" t="s">
        <v>35</v>
      </c>
      <c r="B38" s="316">
        <v>8</v>
      </c>
      <c r="C38" s="82">
        <v>6</v>
      </c>
      <c r="D38" s="83">
        <v>14</v>
      </c>
      <c r="E38" s="241"/>
      <c r="F38" s="82">
        <v>17</v>
      </c>
      <c r="G38" s="82">
        <v>8</v>
      </c>
      <c r="H38" s="82">
        <v>1</v>
      </c>
      <c r="I38" s="82">
        <v>5</v>
      </c>
      <c r="J38" s="82">
        <v>0</v>
      </c>
      <c r="K38" s="84">
        <v>31</v>
      </c>
      <c r="L38" s="85">
        <v>45</v>
      </c>
      <c r="M38" s="70">
        <v>0</v>
      </c>
      <c r="N38" s="71">
        <v>0</v>
      </c>
      <c r="O38" s="72">
        <v>0</v>
      </c>
      <c r="P38" s="244"/>
      <c r="Q38" s="71">
        <v>1</v>
      </c>
      <c r="R38" s="71">
        <v>0</v>
      </c>
      <c r="S38" s="71">
        <v>0</v>
      </c>
      <c r="T38" s="71">
        <v>0</v>
      </c>
      <c r="U38" s="71">
        <v>0</v>
      </c>
      <c r="V38" s="72">
        <v>1</v>
      </c>
      <c r="W38" s="73">
        <v>1</v>
      </c>
      <c r="X38" s="70">
        <v>0</v>
      </c>
      <c r="Y38" s="71">
        <v>0</v>
      </c>
      <c r="Z38" s="72">
        <v>0</v>
      </c>
      <c r="AA38" s="244"/>
      <c r="AB38" s="71">
        <v>1</v>
      </c>
      <c r="AC38" s="71">
        <v>1</v>
      </c>
      <c r="AD38" s="71">
        <v>0</v>
      </c>
      <c r="AE38" s="71">
        <v>0</v>
      </c>
      <c r="AF38" s="71">
        <v>0</v>
      </c>
      <c r="AG38" s="72">
        <v>2</v>
      </c>
      <c r="AH38" s="73">
        <v>2</v>
      </c>
      <c r="AI38" s="70">
        <v>2</v>
      </c>
      <c r="AJ38" s="71">
        <v>1</v>
      </c>
      <c r="AK38" s="72">
        <v>3</v>
      </c>
      <c r="AL38" s="244"/>
      <c r="AM38" s="71">
        <v>2</v>
      </c>
      <c r="AN38" s="71">
        <v>1</v>
      </c>
      <c r="AO38" s="71">
        <v>1</v>
      </c>
      <c r="AP38" s="71">
        <v>2</v>
      </c>
      <c r="AQ38" s="71">
        <v>0</v>
      </c>
      <c r="AR38" s="72">
        <v>6</v>
      </c>
      <c r="AS38" s="73">
        <v>9</v>
      </c>
      <c r="AT38" s="70">
        <v>3</v>
      </c>
      <c r="AU38" s="71">
        <v>2</v>
      </c>
      <c r="AV38" s="72">
        <v>5</v>
      </c>
      <c r="AW38" s="244"/>
      <c r="AX38" s="71">
        <v>3</v>
      </c>
      <c r="AY38" s="71">
        <v>2</v>
      </c>
      <c r="AZ38" s="71">
        <v>0</v>
      </c>
      <c r="BA38" s="71">
        <v>1</v>
      </c>
      <c r="BB38" s="71">
        <v>0</v>
      </c>
      <c r="BC38" s="72">
        <v>6</v>
      </c>
      <c r="BD38" s="73">
        <v>11</v>
      </c>
      <c r="BE38" s="70">
        <v>0</v>
      </c>
      <c r="BF38" s="71">
        <v>3</v>
      </c>
      <c r="BG38" s="72">
        <v>3</v>
      </c>
      <c r="BH38" s="244"/>
      <c r="BI38" s="71">
        <v>6</v>
      </c>
      <c r="BJ38" s="71">
        <v>2</v>
      </c>
      <c r="BK38" s="71">
        <v>0</v>
      </c>
      <c r="BL38" s="71">
        <v>0</v>
      </c>
      <c r="BM38" s="71">
        <v>0</v>
      </c>
      <c r="BN38" s="72">
        <v>8</v>
      </c>
      <c r="BO38" s="73">
        <v>11</v>
      </c>
      <c r="BP38" s="70">
        <v>3</v>
      </c>
      <c r="BQ38" s="71">
        <v>0</v>
      </c>
      <c r="BR38" s="72">
        <v>3</v>
      </c>
      <c r="BS38" s="244"/>
      <c r="BT38" s="71">
        <v>4</v>
      </c>
      <c r="BU38" s="71">
        <v>2</v>
      </c>
      <c r="BV38" s="71">
        <v>0</v>
      </c>
      <c r="BW38" s="71">
        <v>2</v>
      </c>
      <c r="BX38" s="71">
        <v>0</v>
      </c>
      <c r="BY38" s="72">
        <v>8</v>
      </c>
      <c r="BZ38" s="73">
        <v>11</v>
      </c>
      <c r="CA38" s="70">
        <v>0</v>
      </c>
      <c r="CB38" s="71">
        <v>0</v>
      </c>
      <c r="CC38" s="72">
        <v>0</v>
      </c>
      <c r="CD38" s="244"/>
      <c r="CE38" s="71">
        <v>0</v>
      </c>
      <c r="CF38" s="71">
        <v>0</v>
      </c>
      <c r="CG38" s="71">
        <v>0</v>
      </c>
      <c r="CH38" s="71">
        <v>0</v>
      </c>
      <c r="CI38" s="71">
        <v>0</v>
      </c>
      <c r="CJ38" s="72">
        <v>0</v>
      </c>
      <c r="CK38" s="73">
        <v>0</v>
      </c>
      <c r="CL38" s="70">
        <v>8</v>
      </c>
      <c r="CM38" s="71">
        <v>6</v>
      </c>
      <c r="CN38" s="72">
        <v>14</v>
      </c>
      <c r="CO38" s="244"/>
      <c r="CP38" s="71">
        <v>17</v>
      </c>
      <c r="CQ38" s="71">
        <v>8</v>
      </c>
      <c r="CR38" s="71">
        <v>1</v>
      </c>
      <c r="CS38" s="71">
        <v>5</v>
      </c>
      <c r="CT38" s="71">
        <v>0</v>
      </c>
      <c r="CU38" s="72">
        <v>31</v>
      </c>
      <c r="CV38" s="73">
        <v>45</v>
      </c>
      <c r="CW38" s="123">
        <v>0</v>
      </c>
      <c r="CX38" s="82">
        <v>2</v>
      </c>
      <c r="CY38" s="83">
        <v>2</v>
      </c>
      <c r="CZ38" s="241"/>
      <c r="DA38" s="82">
        <v>6</v>
      </c>
      <c r="DB38" s="82">
        <v>2</v>
      </c>
      <c r="DC38" s="82">
        <v>6</v>
      </c>
      <c r="DD38" s="82">
        <v>4</v>
      </c>
      <c r="DE38" s="82">
        <v>1</v>
      </c>
      <c r="DF38" s="84">
        <v>19</v>
      </c>
      <c r="DG38" s="85">
        <v>21</v>
      </c>
      <c r="DH38" s="70">
        <v>0</v>
      </c>
      <c r="DI38" s="71">
        <v>0</v>
      </c>
      <c r="DJ38" s="72">
        <v>0</v>
      </c>
      <c r="DK38" s="244"/>
      <c r="DL38" s="71">
        <v>0</v>
      </c>
      <c r="DM38" s="71">
        <v>0</v>
      </c>
      <c r="DN38" s="71">
        <v>0</v>
      </c>
      <c r="DO38" s="71">
        <v>0</v>
      </c>
      <c r="DP38" s="71">
        <v>0</v>
      </c>
      <c r="DQ38" s="72">
        <v>0</v>
      </c>
      <c r="DR38" s="73">
        <v>0</v>
      </c>
      <c r="DS38" s="70">
        <v>0</v>
      </c>
      <c r="DT38" s="71">
        <v>0</v>
      </c>
      <c r="DU38" s="72">
        <v>0</v>
      </c>
      <c r="DV38" s="244"/>
      <c r="DW38" s="71">
        <v>1</v>
      </c>
      <c r="DX38" s="71">
        <v>0</v>
      </c>
      <c r="DY38" s="71">
        <v>1</v>
      </c>
      <c r="DZ38" s="71">
        <v>0</v>
      </c>
      <c r="EA38" s="71">
        <v>0</v>
      </c>
      <c r="EB38" s="72">
        <v>2</v>
      </c>
      <c r="EC38" s="73">
        <v>2</v>
      </c>
      <c r="ED38" s="70">
        <v>0</v>
      </c>
      <c r="EE38" s="71">
        <v>0</v>
      </c>
      <c r="EF38" s="72">
        <v>0</v>
      </c>
      <c r="EG38" s="244"/>
      <c r="EH38" s="71">
        <v>1</v>
      </c>
      <c r="EI38" s="71">
        <v>0</v>
      </c>
      <c r="EJ38" s="71">
        <v>0</v>
      </c>
      <c r="EK38" s="71">
        <v>0</v>
      </c>
      <c r="EL38" s="71">
        <v>0</v>
      </c>
      <c r="EM38" s="72">
        <v>1</v>
      </c>
      <c r="EN38" s="73">
        <v>1</v>
      </c>
      <c r="EO38" s="70">
        <v>0</v>
      </c>
      <c r="EP38" s="71">
        <v>0</v>
      </c>
      <c r="EQ38" s="72">
        <v>0</v>
      </c>
      <c r="ER38" s="244"/>
      <c r="ES38" s="71">
        <v>1</v>
      </c>
      <c r="ET38" s="71">
        <v>1</v>
      </c>
      <c r="EU38" s="71">
        <v>1</v>
      </c>
      <c r="EV38" s="71">
        <v>1</v>
      </c>
      <c r="EW38" s="71">
        <v>0</v>
      </c>
      <c r="EX38" s="72">
        <v>4</v>
      </c>
      <c r="EY38" s="73">
        <v>4</v>
      </c>
      <c r="EZ38" s="70">
        <v>0</v>
      </c>
      <c r="FA38" s="71">
        <v>1</v>
      </c>
      <c r="FB38" s="72">
        <v>1</v>
      </c>
      <c r="FC38" s="244"/>
      <c r="FD38" s="71">
        <v>3</v>
      </c>
      <c r="FE38" s="71">
        <v>1</v>
      </c>
      <c r="FF38" s="71">
        <v>1</v>
      </c>
      <c r="FG38" s="71">
        <v>0</v>
      </c>
      <c r="FH38" s="71">
        <v>0</v>
      </c>
      <c r="FI38" s="72">
        <v>5</v>
      </c>
      <c r="FJ38" s="73">
        <v>6</v>
      </c>
      <c r="FK38" s="70">
        <v>0</v>
      </c>
      <c r="FL38" s="71">
        <v>1</v>
      </c>
      <c r="FM38" s="72">
        <v>1</v>
      </c>
      <c r="FN38" s="244"/>
      <c r="FO38" s="71">
        <v>0</v>
      </c>
      <c r="FP38" s="71">
        <v>0</v>
      </c>
      <c r="FQ38" s="71">
        <v>3</v>
      </c>
      <c r="FR38" s="71">
        <v>3</v>
      </c>
      <c r="FS38" s="71">
        <v>1</v>
      </c>
      <c r="FT38" s="72">
        <v>7</v>
      </c>
      <c r="FU38" s="73">
        <v>8</v>
      </c>
      <c r="FV38" s="70">
        <v>0</v>
      </c>
      <c r="FW38" s="71">
        <v>0</v>
      </c>
      <c r="FX38" s="72">
        <v>0</v>
      </c>
      <c r="FY38" s="244"/>
      <c r="FZ38" s="71">
        <v>0</v>
      </c>
      <c r="GA38" s="71">
        <v>0</v>
      </c>
      <c r="GB38" s="71">
        <v>0</v>
      </c>
      <c r="GC38" s="71">
        <v>0</v>
      </c>
      <c r="GD38" s="71">
        <v>0</v>
      </c>
      <c r="GE38" s="72">
        <v>0</v>
      </c>
      <c r="GF38" s="73">
        <v>0</v>
      </c>
      <c r="GG38" s="70">
        <v>0</v>
      </c>
      <c r="GH38" s="71">
        <v>2</v>
      </c>
      <c r="GI38" s="72">
        <v>2</v>
      </c>
      <c r="GJ38" s="244"/>
      <c r="GK38" s="71">
        <v>6</v>
      </c>
      <c r="GL38" s="71">
        <v>2</v>
      </c>
      <c r="GM38" s="71">
        <v>6</v>
      </c>
      <c r="GN38" s="71">
        <v>4</v>
      </c>
      <c r="GO38" s="71">
        <v>1</v>
      </c>
      <c r="GP38" s="72">
        <v>19</v>
      </c>
      <c r="GQ38" s="73">
        <v>21</v>
      </c>
      <c r="GR38" s="123">
        <v>8</v>
      </c>
      <c r="GS38" s="82">
        <v>8</v>
      </c>
      <c r="GT38" s="83">
        <v>16</v>
      </c>
      <c r="GU38" s="241"/>
      <c r="GV38" s="82">
        <v>23</v>
      </c>
      <c r="GW38" s="82">
        <v>10</v>
      </c>
      <c r="GX38" s="82">
        <v>7</v>
      </c>
      <c r="GY38" s="82">
        <v>9</v>
      </c>
      <c r="GZ38" s="82">
        <v>1</v>
      </c>
      <c r="HA38" s="84">
        <v>50</v>
      </c>
      <c r="HB38" s="85">
        <v>66</v>
      </c>
      <c r="HC38" s="70">
        <v>0</v>
      </c>
      <c r="HD38" s="71">
        <v>0</v>
      </c>
      <c r="HE38" s="72">
        <v>0</v>
      </c>
      <c r="HF38" s="244"/>
      <c r="HG38" s="71">
        <v>1</v>
      </c>
      <c r="HH38" s="71">
        <v>0</v>
      </c>
      <c r="HI38" s="71">
        <v>0</v>
      </c>
      <c r="HJ38" s="71">
        <v>0</v>
      </c>
      <c r="HK38" s="71">
        <v>0</v>
      </c>
      <c r="HL38" s="72">
        <v>1</v>
      </c>
      <c r="HM38" s="73">
        <v>1</v>
      </c>
      <c r="HN38" s="70">
        <v>0</v>
      </c>
      <c r="HO38" s="71">
        <v>0</v>
      </c>
      <c r="HP38" s="72">
        <v>0</v>
      </c>
      <c r="HQ38" s="244"/>
      <c r="HR38" s="71">
        <v>2</v>
      </c>
      <c r="HS38" s="71">
        <v>1</v>
      </c>
      <c r="HT38" s="71">
        <v>1</v>
      </c>
      <c r="HU38" s="71">
        <v>0</v>
      </c>
      <c r="HV38" s="71">
        <v>0</v>
      </c>
      <c r="HW38" s="72">
        <v>4</v>
      </c>
      <c r="HX38" s="73">
        <v>4</v>
      </c>
      <c r="HY38" s="70">
        <v>2</v>
      </c>
      <c r="HZ38" s="71">
        <v>1</v>
      </c>
      <c r="IA38" s="72">
        <v>3</v>
      </c>
      <c r="IB38" s="244"/>
      <c r="IC38" s="71">
        <v>3</v>
      </c>
      <c r="ID38" s="71">
        <v>1</v>
      </c>
      <c r="IE38" s="71">
        <v>1</v>
      </c>
      <c r="IF38" s="71">
        <v>2</v>
      </c>
      <c r="IG38" s="71">
        <v>0</v>
      </c>
      <c r="IH38" s="72">
        <v>7</v>
      </c>
      <c r="II38" s="73">
        <v>10</v>
      </c>
      <c r="IJ38" s="70">
        <v>3</v>
      </c>
      <c r="IK38" s="71">
        <v>2</v>
      </c>
      <c r="IL38" s="72">
        <v>5</v>
      </c>
      <c r="IM38" s="244"/>
      <c r="IN38" s="71">
        <v>4</v>
      </c>
      <c r="IO38" s="71">
        <v>3</v>
      </c>
      <c r="IP38" s="71">
        <v>1</v>
      </c>
      <c r="IQ38" s="71">
        <v>2</v>
      </c>
      <c r="IR38" s="71">
        <v>0</v>
      </c>
      <c r="IS38" s="72">
        <v>10</v>
      </c>
      <c r="IT38" s="73">
        <v>15</v>
      </c>
      <c r="IU38" s="70">
        <v>0</v>
      </c>
      <c r="IV38" s="71">
        <v>4</v>
      </c>
      <c r="IW38" s="72">
        <v>4</v>
      </c>
      <c r="IX38" s="244"/>
      <c r="IY38" s="71">
        <v>9</v>
      </c>
      <c r="IZ38" s="71">
        <v>3</v>
      </c>
      <c r="JA38" s="71">
        <v>1</v>
      </c>
      <c r="JB38" s="71">
        <v>0</v>
      </c>
      <c r="JC38" s="71">
        <v>0</v>
      </c>
      <c r="JD38" s="72">
        <v>13</v>
      </c>
      <c r="JE38" s="73">
        <v>17</v>
      </c>
      <c r="JF38" s="70">
        <v>3</v>
      </c>
      <c r="JG38" s="71">
        <v>1</v>
      </c>
      <c r="JH38" s="72">
        <v>4</v>
      </c>
      <c r="JI38" s="244"/>
      <c r="JJ38" s="71">
        <v>4</v>
      </c>
      <c r="JK38" s="71">
        <v>2</v>
      </c>
      <c r="JL38" s="71">
        <v>3</v>
      </c>
      <c r="JM38" s="71">
        <v>5</v>
      </c>
      <c r="JN38" s="71">
        <v>1</v>
      </c>
      <c r="JO38" s="72">
        <v>15</v>
      </c>
      <c r="JP38" s="73">
        <v>19</v>
      </c>
      <c r="JQ38" s="70">
        <v>0</v>
      </c>
      <c r="JR38" s="71">
        <v>0</v>
      </c>
      <c r="JS38" s="72">
        <v>0</v>
      </c>
      <c r="JT38" s="244"/>
      <c r="JU38" s="71">
        <v>0</v>
      </c>
      <c r="JV38" s="71">
        <v>0</v>
      </c>
      <c r="JW38" s="71">
        <v>0</v>
      </c>
      <c r="JX38" s="71">
        <v>0</v>
      </c>
      <c r="JY38" s="71">
        <v>0</v>
      </c>
      <c r="JZ38" s="72">
        <v>0</v>
      </c>
      <c r="KA38" s="73">
        <v>0</v>
      </c>
      <c r="KB38" s="70">
        <v>8</v>
      </c>
      <c r="KC38" s="71">
        <v>8</v>
      </c>
      <c r="KD38" s="72">
        <v>16</v>
      </c>
      <c r="KE38" s="244"/>
      <c r="KF38" s="71">
        <v>23</v>
      </c>
      <c r="KG38" s="71">
        <v>10</v>
      </c>
      <c r="KH38" s="71">
        <v>7</v>
      </c>
      <c r="KI38" s="71">
        <v>9</v>
      </c>
      <c r="KJ38" s="71">
        <v>1</v>
      </c>
      <c r="KK38" s="72">
        <v>50</v>
      </c>
      <c r="KL38" s="73">
        <v>66</v>
      </c>
    </row>
    <row r="39" spans="1:298" ht="19.5" customHeight="1" x14ac:dyDescent="0.2">
      <c r="A39" s="126" t="s">
        <v>36</v>
      </c>
      <c r="B39" s="316">
        <v>2</v>
      </c>
      <c r="C39" s="82">
        <v>6</v>
      </c>
      <c r="D39" s="83">
        <v>8</v>
      </c>
      <c r="E39" s="241"/>
      <c r="F39" s="82">
        <v>9</v>
      </c>
      <c r="G39" s="82">
        <v>5</v>
      </c>
      <c r="H39" s="82">
        <v>3</v>
      </c>
      <c r="I39" s="82">
        <v>4</v>
      </c>
      <c r="J39" s="82">
        <v>3</v>
      </c>
      <c r="K39" s="84">
        <v>24</v>
      </c>
      <c r="L39" s="85">
        <v>32</v>
      </c>
      <c r="M39" s="70">
        <v>0</v>
      </c>
      <c r="N39" s="71">
        <v>0</v>
      </c>
      <c r="O39" s="72">
        <v>0</v>
      </c>
      <c r="P39" s="244"/>
      <c r="Q39" s="71">
        <v>1</v>
      </c>
      <c r="R39" s="71">
        <v>0</v>
      </c>
      <c r="S39" s="71">
        <v>0</v>
      </c>
      <c r="T39" s="71">
        <v>0</v>
      </c>
      <c r="U39" s="71">
        <v>1</v>
      </c>
      <c r="V39" s="72">
        <v>2</v>
      </c>
      <c r="W39" s="73">
        <v>2</v>
      </c>
      <c r="X39" s="70">
        <v>1</v>
      </c>
      <c r="Y39" s="71">
        <v>0</v>
      </c>
      <c r="Z39" s="72">
        <v>1</v>
      </c>
      <c r="AA39" s="244"/>
      <c r="AB39" s="71">
        <v>1</v>
      </c>
      <c r="AC39" s="71">
        <v>2</v>
      </c>
      <c r="AD39" s="71">
        <v>0</v>
      </c>
      <c r="AE39" s="71">
        <v>0</v>
      </c>
      <c r="AF39" s="71">
        <v>0</v>
      </c>
      <c r="AG39" s="72">
        <v>3</v>
      </c>
      <c r="AH39" s="73">
        <v>4</v>
      </c>
      <c r="AI39" s="70">
        <v>1</v>
      </c>
      <c r="AJ39" s="71">
        <v>0</v>
      </c>
      <c r="AK39" s="72">
        <v>1</v>
      </c>
      <c r="AL39" s="244"/>
      <c r="AM39" s="71">
        <v>2</v>
      </c>
      <c r="AN39" s="71">
        <v>0</v>
      </c>
      <c r="AO39" s="71">
        <v>0</v>
      </c>
      <c r="AP39" s="71">
        <v>0</v>
      </c>
      <c r="AQ39" s="71">
        <v>1</v>
      </c>
      <c r="AR39" s="72">
        <v>3</v>
      </c>
      <c r="AS39" s="73">
        <v>4</v>
      </c>
      <c r="AT39" s="70">
        <v>0</v>
      </c>
      <c r="AU39" s="71">
        <v>3</v>
      </c>
      <c r="AV39" s="72">
        <v>3</v>
      </c>
      <c r="AW39" s="244"/>
      <c r="AX39" s="71">
        <v>2</v>
      </c>
      <c r="AY39" s="71">
        <v>2</v>
      </c>
      <c r="AZ39" s="71">
        <v>1</v>
      </c>
      <c r="BA39" s="71">
        <v>0</v>
      </c>
      <c r="BB39" s="71">
        <v>0</v>
      </c>
      <c r="BC39" s="72">
        <v>5</v>
      </c>
      <c r="BD39" s="73">
        <v>8</v>
      </c>
      <c r="BE39" s="70">
        <v>0</v>
      </c>
      <c r="BF39" s="71">
        <v>3</v>
      </c>
      <c r="BG39" s="72">
        <v>3</v>
      </c>
      <c r="BH39" s="244"/>
      <c r="BI39" s="71">
        <v>0</v>
      </c>
      <c r="BJ39" s="71">
        <v>0</v>
      </c>
      <c r="BK39" s="71">
        <v>2</v>
      </c>
      <c r="BL39" s="71">
        <v>3</v>
      </c>
      <c r="BM39" s="71">
        <v>1</v>
      </c>
      <c r="BN39" s="72">
        <v>6</v>
      </c>
      <c r="BO39" s="73">
        <v>9</v>
      </c>
      <c r="BP39" s="70">
        <v>0</v>
      </c>
      <c r="BQ39" s="71">
        <v>0</v>
      </c>
      <c r="BR39" s="72">
        <v>0</v>
      </c>
      <c r="BS39" s="244"/>
      <c r="BT39" s="71">
        <v>3</v>
      </c>
      <c r="BU39" s="71">
        <v>1</v>
      </c>
      <c r="BV39" s="71">
        <v>0</v>
      </c>
      <c r="BW39" s="71">
        <v>1</v>
      </c>
      <c r="BX39" s="71">
        <v>0</v>
      </c>
      <c r="BY39" s="72">
        <v>5</v>
      </c>
      <c r="BZ39" s="73">
        <v>5</v>
      </c>
      <c r="CA39" s="70">
        <v>0</v>
      </c>
      <c r="CB39" s="71">
        <v>0</v>
      </c>
      <c r="CC39" s="72">
        <v>0</v>
      </c>
      <c r="CD39" s="244"/>
      <c r="CE39" s="71">
        <v>0</v>
      </c>
      <c r="CF39" s="71">
        <v>0</v>
      </c>
      <c r="CG39" s="71">
        <v>0</v>
      </c>
      <c r="CH39" s="71">
        <v>0</v>
      </c>
      <c r="CI39" s="71">
        <v>0</v>
      </c>
      <c r="CJ39" s="72">
        <v>0</v>
      </c>
      <c r="CK39" s="73">
        <v>0</v>
      </c>
      <c r="CL39" s="70">
        <v>2</v>
      </c>
      <c r="CM39" s="71">
        <v>6</v>
      </c>
      <c r="CN39" s="72">
        <v>8</v>
      </c>
      <c r="CO39" s="244"/>
      <c r="CP39" s="71">
        <v>9</v>
      </c>
      <c r="CQ39" s="71">
        <v>5</v>
      </c>
      <c r="CR39" s="71">
        <v>3</v>
      </c>
      <c r="CS39" s="71">
        <v>4</v>
      </c>
      <c r="CT39" s="71">
        <v>3</v>
      </c>
      <c r="CU39" s="72">
        <v>24</v>
      </c>
      <c r="CV39" s="73">
        <v>32</v>
      </c>
      <c r="CW39" s="123">
        <v>2</v>
      </c>
      <c r="CX39" s="82">
        <v>3</v>
      </c>
      <c r="CY39" s="83">
        <v>5</v>
      </c>
      <c r="CZ39" s="241"/>
      <c r="DA39" s="82">
        <v>7</v>
      </c>
      <c r="DB39" s="82">
        <v>7</v>
      </c>
      <c r="DC39" s="82">
        <v>1</v>
      </c>
      <c r="DD39" s="82">
        <v>4</v>
      </c>
      <c r="DE39" s="82">
        <v>1</v>
      </c>
      <c r="DF39" s="84">
        <v>20</v>
      </c>
      <c r="DG39" s="85">
        <v>25</v>
      </c>
      <c r="DH39" s="70">
        <v>0</v>
      </c>
      <c r="DI39" s="71">
        <v>0</v>
      </c>
      <c r="DJ39" s="72">
        <v>0</v>
      </c>
      <c r="DK39" s="244"/>
      <c r="DL39" s="71">
        <v>0</v>
      </c>
      <c r="DM39" s="71">
        <v>0</v>
      </c>
      <c r="DN39" s="71">
        <v>0</v>
      </c>
      <c r="DO39" s="71">
        <v>0</v>
      </c>
      <c r="DP39" s="71">
        <v>0</v>
      </c>
      <c r="DQ39" s="72">
        <v>0</v>
      </c>
      <c r="DR39" s="73">
        <v>0</v>
      </c>
      <c r="DS39" s="70">
        <v>0</v>
      </c>
      <c r="DT39" s="71">
        <v>0</v>
      </c>
      <c r="DU39" s="72">
        <v>0</v>
      </c>
      <c r="DV39" s="244"/>
      <c r="DW39" s="71">
        <v>0</v>
      </c>
      <c r="DX39" s="71">
        <v>0</v>
      </c>
      <c r="DY39" s="71">
        <v>0</v>
      </c>
      <c r="DZ39" s="71">
        <v>0</v>
      </c>
      <c r="EA39" s="71">
        <v>0</v>
      </c>
      <c r="EB39" s="72">
        <v>0</v>
      </c>
      <c r="EC39" s="73">
        <v>0</v>
      </c>
      <c r="ED39" s="70">
        <v>0</v>
      </c>
      <c r="EE39" s="71">
        <v>0</v>
      </c>
      <c r="EF39" s="72">
        <v>0</v>
      </c>
      <c r="EG39" s="244"/>
      <c r="EH39" s="71">
        <v>1</v>
      </c>
      <c r="EI39" s="71">
        <v>1</v>
      </c>
      <c r="EJ39" s="71">
        <v>0</v>
      </c>
      <c r="EK39" s="71">
        <v>0</v>
      </c>
      <c r="EL39" s="71">
        <v>0</v>
      </c>
      <c r="EM39" s="72">
        <v>2</v>
      </c>
      <c r="EN39" s="73">
        <v>2</v>
      </c>
      <c r="EO39" s="70">
        <v>0</v>
      </c>
      <c r="EP39" s="71">
        <v>2</v>
      </c>
      <c r="EQ39" s="72">
        <v>2</v>
      </c>
      <c r="ER39" s="244"/>
      <c r="ES39" s="71">
        <v>1</v>
      </c>
      <c r="ET39" s="71">
        <v>1</v>
      </c>
      <c r="EU39" s="71">
        <v>1</v>
      </c>
      <c r="EV39" s="71">
        <v>0</v>
      </c>
      <c r="EW39" s="71">
        <v>0</v>
      </c>
      <c r="EX39" s="72">
        <v>3</v>
      </c>
      <c r="EY39" s="73">
        <v>5</v>
      </c>
      <c r="EZ39" s="70">
        <v>2</v>
      </c>
      <c r="FA39" s="71">
        <v>1</v>
      </c>
      <c r="FB39" s="72">
        <v>3</v>
      </c>
      <c r="FC39" s="244"/>
      <c r="FD39" s="71">
        <v>3</v>
      </c>
      <c r="FE39" s="71">
        <v>3</v>
      </c>
      <c r="FF39" s="71">
        <v>0</v>
      </c>
      <c r="FG39" s="71">
        <v>1</v>
      </c>
      <c r="FH39" s="71">
        <v>0</v>
      </c>
      <c r="FI39" s="72">
        <v>7</v>
      </c>
      <c r="FJ39" s="73">
        <v>10</v>
      </c>
      <c r="FK39" s="70">
        <v>0</v>
      </c>
      <c r="FL39" s="71">
        <v>0</v>
      </c>
      <c r="FM39" s="72">
        <v>0</v>
      </c>
      <c r="FN39" s="244"/>
      <c r="FO39" s="71">
        <v>2</v>
      </c>
      <c r="FP39" s="71">
        <v>2</v>
      </c>
      <c r="FQ39" s="71">
        <v>0</v>
      </c>
      <c r="FR39" s="71">
        <v>3</v>
      </c>
      <c r="FS39" s="71">
        <v>1</v>
      </c>
      <c r="FT39" s="72">
        <v>8</v>
      </c>
      <c r="FU39" s="73">
        <v>8</v>
      </c>
      <c r="FV39" s="70">
        <v>0</v>
      </c>
      <c r="FW39" s="71">
        <v>0</v>
      </c>
      <c r="FX39" s="72">
        <v>0</v>
      </c>
      <c r="FY39" s="244"/>
      <c r="FZ39" s="71">
        <v>0</v>
      </c>
      <c r="GA39" s="71">
        <v>0</v>
      </c>
      <c r="GB39" s="71">
        <v>0</v>
      </c>
      <c r="GC39" s="71">
        <v>0</v>
      </c>
      <c r="GD39" s="71">
        <v>0</v>
      </c>
      <c r="GE39" s="72">
        <v>0</v>
      </c>
      <c r="GF39" s="73">
        <v>0</v>
      </c>
      <c r="GG39" s="70">
        <v>2</v>
      </c>
      <c r="GH39" s="71">
        <v>3</v>
      </c>
      <c r="GI39" s="72">
        <v>5</v>
      </c>
      <c r="GJ39" s="244"/>
      <c r="GK39" s="71">
        <v>7</v>
      </c>
      <c r="GL39" s="71">
        <v>7</v>
      </c>
      <c r="GM39" s="71">
        <v>1</v>
      </c>
      <c r="GN39" s="71">
        <v>4</v>
      </c>
      <c r="GO39" s="71">
        <v>1</v>
      </c>
      <c r="GP39" s="72">
        <v>20</v>
      </c>
      <c r="GQ39" s="73">
        <v>25</v>
      </c>
      <c r="GR39" s="123">
        <v>4</v>
      </c>
      <c r="GS39" s="82">
        <v>9</v>
      </c>
      <c r="GT39" s="83">
        <v>13</v>
      </c>
      <c r="GU39" s="241"/>
      <c r="GV39" s="82">
        <v>16</v>
      </c>
      <c r="GW39" s="82">
        <v>12</v>
      </c>
      <c r="GX39" s="82">
        <v>4</v>
      </c>
      <c r="GY39" s="82">
        <v>8</v>
      </c>
      <c r="GZ39" s="82">
        <v>4</v>
      </c>
      <c r="HA39" s="84">
        <v>44</v>
      </c>
      <c r="HB39" s="85">
        <v>57</v>
      </c>
      <c r="HC39" s="70">
        <v>0</v>
      </c>
      <c r="HD39" s="71">
        <v>0</v>
      </c>
      <c r="HE39" s="72">
        <v>0</v>
      </c>
      <c r="HF39" s="244"/>
      <c r="HG39" s="71">
        <v>1</v>
      </c>
      <c r="HH39" s="71">
        <v>0</v>
      </c>
      <c r="HI39" s="71">
        <v>0</v>
      </c>
      <c r="HJ39" s="71">
        <v>0</v>
      </c>
      <c r="HK39" s="71">
        <v>1</v>
      </c>
      <c r="HL39" s="72">
        <v>2</v>
      </c>
      <c r="HM39" s="73">
        <v>2</v>
      </c>
      <c r="HN39" s="70">
        <v>1</v>
      </c>
      <c r="HO39" s="71">
        <v>0</v>
      </c>
      <c r="HP39" s="72">
        <v>1</v>
      </c>
      <c r="HQ39" s="244"/>
      <c r="HR39" s="71">
        <v>1</v>
      </c>
      <c r="HS39" s="71">
        <v>2</v>
      </c>
      <c r="HT39" s="71">
        <v>0</v>
      </c>
      <c r="HU39" s="71">
        <v>0</v>
      </c>
      <c r="HV39" s="71">
        <v>0</v>
      </c>
      <c r="HW39" s="72">
        <v>3</v>
      </c>
      <c r="HX39" s="73">
        <v>4</v>
      </c>
      <c r="HY39" s="70">
        <v>1</v>
      </c>
      <c r="HZ39" s="71">
        <v>0</v>
      </c>
      <c r="IA39" s="72">
        <v>1</v>
      </c>
      <c r="IB39" s="244"/>
      <c r="IC39" s="71">
        <v>3</v>
      </c>
      <c r="ID39" s="71">
        <v>1</v>
      </c>
      <c r="IE39" s="71">
        <v>0</v>
      </c>
      <c r="IF39" s="71">
        <v>0</v>
      </c>
      <c r="IG39" s="71">
        <v>1</v>
      </c>
      <c r="IH39" s="72">
        <v>5</v>
      </c>
      <c r="II39" s="73">
        <v>6</v>
      </c>
      <c r="IJ39" s="70">
        <v>0</v>
      </c>
      <c r="IK39" s="71">
        <v>5</v>
      </c>
      <c r="IL39" s="72">
        <v>5</v>
      </c>
      <c r="IM39" s="244"/>
      <c r="IN39" s="71">
        <v>3</v>
      </c>
      <c r="IO39" s="71">
        <v>3</v>
      </c>
      <c r="IP39" s="71">
        <v>2</v>
      </c>
      <c r="IQ39" s="71">
        <v>0</v>
      </c>
      <c r="IR39" s="71">
        <v>0</v>
      </c>
      <c r="IS39" s="72">
        <v>8</v>
      </c>
      <c r="IT39" s="73">
        <v>13</v>
      </c>
      <c r="IU39" s="70">
        <v>2</v>
      </c>
      <c r="IV39" s="71">
        <v>4</v>
      </c>
      <c r="IW39" s="72">
        <v>6</v>
      </c>
      <c r="IX39" s="244"/>
      <c r="IY39" s="71">
        <v>3</v>
      </c>
      <c r="IZ39" s="71">
        <v>3</v>
      </c>
      <c r="JA39" s="71">
        <v>2</v>
      </c>
      <c r="JB39" s="71">
        <v>4</v>
      </c>
      <c r="JC39" s="71">
        <v>1</v>
      </c>
      <c r="JD39" s="72">
        <v>13</v>
      </c>
      <c r="JE39" s="73">
        <v>19</v>
      </c>
      <c r="JF39" s="70">
        <v>0</v>
      </c>
      <c r="JG39" s="71">
        <v>0</v>
      </c>
      <c r="JH39" s="72">
        <v>0</v>
      </c>
      <c r="JI39" s="244"/>
      <c r="JJ39" s="71">
        <v>5</v>
      </c>
      <c r="JK39" s="71">
        <v>3</v>
      </c>
      <c r="JL39" s="71">
        <v>0</v>
      </c>
      <c r="JM39" s="71">
        <v>4</v>
      </c>
      <c r="JN39" s="71">
        <v>1</v>
      </c>
      <c r="JO39" s="72">
        <v>13</v>
      </c>
      <c r="JP39" s="73">
        <v>13</v>
      </c>
      <c r="JQ39" s="70">
        <v>0</v>
      </c>
      <c r="JR39" s="71">
        <v>0</v>
      </c>
      <c r="JS39" s="72">
        <v>0</v>
      </c>
      <c r="JT39" s="244"/>
      <c r="JU39" s="71">
        <v>0</v>
      </c>
      <c r="JV39" s="71">
        <v>0</v>
      </c>
      <c r="JW39" s="71">
        <v>0</v>
      </c>
      <c r="JX39" s="71">
        <v>0</v>
      </c>
      <c r="JY39" s="71">
        <v>0</v>
      </c>
      <c r="JZ39" s="72">
        <v>0</v>
      </c>
      <c r="KA39" s="73">
        <v>0</v>
      </c>
      <c r="KB39" s="70">
        <v>4</v>
      </c>
      <c r="KC39" s="71">
        <v>9</v>
      </c>
      <c r="KD39" s="72">
        <v>13</v>
      </c>
      <c r="KE39" s="244"/>
      <c r="KF39" s="71">
        <v>16</v>
      </c>
      <c r="KG39" s="71">
        <v>12</v>
      </c>
      <c r="KH39" s="71">
        <v>4</v>
      </c>
      <c r="KI39" s="71">
        <v>8</v>
      </c>
      <c r="KJ39" s="71">
        <v>4</v>
      </c>
      <c r="KK39" s="72">
        <v>44</v>
      </c>
      <c r="KL39" s="73">
        <v>57</v>
      </c>
    </row>
    <row r="40" spans="1:298" ht="19.5" customHeight="1" thickBot="1" x14ac:dyDescent="0.25">
      <c r="A40" s="127" t="s">
        <v>37</v>
      </c>
      <c r="B40" s="317">
        <v>0</v>
      </c>
      <c r="C40" s="87">
        <v>0</v>
      </c>
      <c r="D40" s="88">
        <v>0</v>
      </c>
      <c r="E40" s="242"/>
      <c r="F40" s="87">
        <v>0</v>
      </c>
      <c r="G40" s="87">
        <v>0</v>
      </c>
      <c r="H40" s="87">
        <v>1</v>
      </c>
      <c r="I40" s="87">
        <v>1</v>
      </c>
      <c r="J40" s="87">
        <v>1</v>
      </c>
      <c r="K40" s="89">
        <v>3</v>
      </c>
      <c r="L40" s="90">
        <v>3</v>
      </c>
      <c r="M40" s="74">
        <v>0</v>
      </c>
      <c r="N40" s="75">
        <v>0</v>
      </c>
      <c r="O40" s="76">
        <v>0</v>
      </c>
      <c r="P40" s="245"/>
      <c r="Q40" s="75">
        <v>0</v>
      </c>
      <c r="R40" s="75">
        <v>0</v>
      </c>
      <c r="S40" s="75">
        <v>0</v>
      </c>
      <c r="T40" s="75">
        <v>0</v>
      </c>
      <c r="U40" s="75">
        <v>0</v>
      </c>
      <c r="V40" s="76">
        <v>0</v>
      </c>
      <c r="W40" s="77">
        <v>0</v>
      </c>
      <c r="X40" s="74">
        <v>0</v>
      </c>
      <c r="Y40" s="75">
        <v>0</v>
      </c>
      <c r="Z40" s="76">
        <v>0</v>
      </c>
      <c r="AA40" s="245"/>
      <c r="AB40" s="75">
        <v>0</v>
      </c>
      <c r="AC40" s="75">
        <v>0</v>
      </c>
      <c r="AD40" s="75">
        <v>0</v>
      </c>
      <c r="AE40" s="75">
        <v>0</v>
      </c>
      <c r="AF40" s="75">
        <v>0</v>
      </c>
      <c r="AG40" s="76">
        <v>0</v>
      </c>
      <c r="AH40" s="77">
        <v>0</v>
      </c>
      <c r="AI40" s="74">
        <v>0</v>
      </c>
      <c r="AJ40" s="75">
        <v>0</v>
      </c>
      <c r="AK40" s="76">
        <v>0</v>
      </c>
      <c r="AL40" s="245"/>
      <c r="AM40" s="75">
        <v>0</v>
      </c>
      <c r="AN40" s="75">
        <v>0</v>
      </c>
      <c r="AO40" s="75">
        <v>0</v>
      </c>
      <c r="AP40" s="75">
        <v>0</v>
      </c>
      <c r="AQ40" s="75">
        <v>0</v>
      </c>
      <c r="AR40" s="76">
        <v>0</v>
      </c>
      <c r="AS40" s="77">
        <v>0</v>
      </c>
      <c r="AT40" s="74">
        <v>0</v>
      </c>
      <c r="AU40" s="75">
        <v>0</v>
      </c>
      <c r="AV40" s="76">
        <v>0</v>
      </c>
      <c r="AW40" s="245"/>
      <c r="AX40" s="75">
        <v>0</v>
      </c>
      <c r="AY40" s="75">
        <v>0</v>
      </c>
      <c r="AZ40" s="75">
        <v>0</v>
      </c>
      <c r="BA40" s="75">
        <v>1</v>
      </c>
      <c r="BB40" s="75">
        <v>1</v>
      </c>
      <c r="BC40" s="76">
        <v>2</v>
      </c>
      <c r="BD40" s="77">
        <v>2</v>
      </c>
      <c r="BE40" s="74">
        <v>0</v>
      </c>
      <c r="BF40" s="75">
        <v>0</v>
      </c>
      <c r="BG40" s="76">
        <v>0</v>
      </c>
      <c r="BH40" s="245"/>
      <c r="BI40" s="75">
        <v>0</v>
      </c>
      <c r="BJ40" s="75">
        <v>0</v>
      </c>
      <c r="BK40" s="75">
        <v>1</v>
      </c>
      <c r="BL40" s="75">
        <v>0</v>
      </c>
      <c r="BM40" s="75">
        <v>0</v>
      </c>
      <c r="BN40" s="76">
        <v>1</v>
      </c>
      <c r="BO40" s="77">
        <v>1</v>
      </c>
      <c r="BP40" s="74">
        <v>0</v>
      </c>
      <c r="BQ40" s="75">
        <v>0</v>
      </c>
      <c r="BR40" s="76">
        <v>0</v>
      </c>
      <c r="BS40" s="245"/>
      <c r="BT40" s="75">
        <v>0</v>
      </c>
      <c r="BU40" s="75">
        <v>0</v>
      </c>
      <c r="BV40" s="75">
        <v>0</v>
      </c>
      <c r="BW40" s="75">
        <v>0</v>
      </c>
      <c r="BX40" s="75">
        <v>0</v>
      </c>
      <c r="BY40" s="76">
        <v>0</v>
      </c>
      <c r="BZ40" s="77">
        <v>0</v>
      </c>
      <c r="CA40" s="74">
        <v>0</v>
      </c>
      <c r="CB40" s="75">
        <v>0</v>
      </c>
      <c r="CC40" s="76">
        <v>0</v>
      </c>
      <c r="CD40" s="245"/>
      <c r="CE40" s="75">
        <v>0</v>
      </c>
      <c r="CF40" s="75">
        <v>0</v>
      </c>
      <c r="CG40" s="75">
        <v>0</v>
      </c>
      <c r="CH40" s="75">
        <v>0</v>
      </c>
      <c r="CI40" s="75">
        <v>0</v>
      </c>
      <c r="CJ40" s="76">
        <v>0</v>
      </c>
      <c r="CK40" s="77">
        <v>0</v>
      </c>
      <c r="CL40" s="74">
        <v>0</v>
      </c>
      <c r="CM40" s="75">
        <v>0</v>
      </c>
      <c r="CN40" s="76">
        <v>0</v>
      </c>
      <c r="CO40" s="245"/>
      <c r="CP40" s="75">
        <v>0</v>
      </c>
      <c r="CQ40" s="75">
        <v>0</v>
      </c>
      <c r="CR40" s="75">
        <v>1</v>
      </c>
      <c r="CS40" s="75">
        <v>1</v>
      </c>
      <c r="CT40" s="75">
        <v>1</v>
      </c>
      <c r="CU40" s="76">
        <v>3</v>
      </c>
      <c r="CV40" s="77">
        <v>3</v>
      </c>
      <c r="CW40" s="124">
        <v>0</v>
      </c>
      <c r="CX40" s="87">
        <v>0</v>
      </c>
      <c r="CY40" s="88">
        <v>0</v>
      </c>
      <c r="CZ40" s="242"/>
      <c r="DA40" s="87">
        <v>0</v>
      </c>
      <c r="DB40" s="87">
        <v>0</v>
      </c>
      <c r="DC40" s="87">
        <v>0</v>
      </c>
      <c r="DD40" s="87">
        <v>0</v>
      </c>
      <c r="DE40" s="87">
        <v>1</v>
      </c>
      <c r="DF40" s="89">
        <v>1</v>
      </c>
      <c r="DG40" s="90">
        <v>1</v>
      </c>
      <c r="DH40" s="74">
        <v>0</v>
      </c>
      <c r="DI40" s="75">
        <v>0</v>
      </c>
      <c r="DJ40" s="76">
        <v>0</v>
      </c>
      <c r="DK40" s="245"/>
      <c r="DL40" s="75">
        <v>0</v>
      </c>
      <c r="DM40" s="75">
        <v>0</v>
      </c>
      <c r="DN40" s="75">
        <v>0</v>
      </c>
      <c r="DO40" s="75">
        <v>0</v>
      </c>
      <c r="DP40" s="75">
        <v>0</v>
      </c>
      <c r="DQ40" s="76">
        <v>0</v>
      </c>
      <c r="DR40" s="77">
        <v>0</v>
      </c>
      <c r="DS40" s="74">
        <v>0</v>
      </c>
      <c r="DT40" s="75">
        <v>0</v>
      </c>
      <c r="DU40" s="76">
        <v>0</v>
      </c>
      <c r="DV40" s="245"/>
      <c r="DW40" s="75">
        <v>0</v>
      </c>
      <c r="DX40" s="75">
        <v>0</v>
      </c>
      <c r="DY40" s="75">
        <v>0</v>
      </c>
      <c r="DZ40" s="75">
        <v>0</v>
      </c>
      <c r="EA40" s="75">
        <v>0</v>
      </c>
      <c r="EB40" s="76">
        <v>0</v>
      </c>
      <c r="EC40" s="77">
        <v>0</v>
      </c>
      <c r="ED40" s="74">
        <v>0</v>
      </c>
      <c r="EE40" s="75">
        <v>0</v>
      </c>
      <c r="EF40" s="76">
        <v>0</v>
      </c>
      <c r="EG40" s="245"/>
      <c r="EH40" s="75">
        <v>0</v>
      </c>
      <c r="EI40" s="75">
        <v>0</v>
      </c>
      <c r="EJ40" s="75">
        <v>0</v>
      </c>
      <c r="EK40" s="75">
        <v>0</v>
      </c>
      <c r="EL40" s="75">
        <v>0</v>
      </c>
      <c r="EM40" s="76">
        <v>0</v>
      </c>
      <c r="EN40" s="77">
        <v>0</v>
      </c>
      <c r="EO40" s="74">
        <v>0</v>
      </c>
      <c r="EP40" s="75">
        <v>0</v>
      </c>
      <c r="EQ40" s="76">
        <v>0</v>
      </c>
      <c r="ER40" s="245"/>
      <c r="ES40" s="75">
        <v>0</v>
      </c>
      <c r="ET40" s="75">
        <v>0</v>
      </c>
      <c r="EU40" s="75">
        <v>0</v>
      </c>
      <c r="EV40" s="75">
        <v>0</v>
      </c>
      <c r="EW40" s="75">
        <v>0</v>
      </c>
      <c r="EX40" s="76">
        <v>0</v>
      </c>
      <c r="EY40" s="77">
        <v>0</v>
      </c>
      <c r="EZ40" s="74">
        <v>0</v>
      </c>
      <c r="FA40" s="75">
        <v>0</v>
      </c>
      <c r="FB40" s="76">
        <v>0</v>
      </c>
      <c r="FC40" s="245"/>
      <c r="FD40" s="75">
        <v>0</v>
      </c>
      <c r="FE40" s="75">
        <v>0</v>
      </c>
      <c r="FF40" s="75">
        <v>0</v>
      </c>
      <c r="FG40" s="75">
        <v>0</v>
      </c>
      <c r="FH40" s="75">
        <v>0</v>
      </c>
      <c r="FI40" s="76">
        <v>0</v>
      </c>
      <c r="FJ40" s="77">
        <v>0</v>
      </c>
      <c r="FK40" s="74">
        <v>0</v>
      </c>
      <c r="FL40" s="75">
        <v>0</v>
      </c>
      <c r="FM40" s="76">
        <v>0</v>
      </c>
      <c r="FN40" s="245"/>
      <c r="FO40" s="75">
        <v>0</v>
      </c>
      <c r="FP40" s="75">
        <v>0</v>
      </c>
      <c r="FQ40" s="75">
        <v>0</v>
      </c>
      <c r="FR40" s="75">
        <v>0</v>
      </c>
      <c r="FS40" s="75">
        <v>1</v>
      </c>
      <c r="FT40" s="76">
        <v>1</v>
      </c>
      <c r="FU40" s="77">
        <v>1</v>
      </c>
      <c r="FV40" s="74">
        <v>0</v>
      </c>
      <c r="FW40" s="75">
        <v>0</v>
      </c>
      <c r="FX40" s="76">
        <v>0</v>
      </c>
      <c r="FY40" s="245"/>
      <c r="FZ40" s="75">
        <v>0</v>
      </c>
      <c r="GA40" s="75">
        <v>0</v>
      </c>
      <c r="GB40" s="75">
        <v>0</v>
      </c>
      <c r="GC40" s="75">
        <v>0</v>
      </c>
      <c r="GD40" s="75">
        <v>0</v>
      </c>
      <c r="GE40" s="76">
        <v>0</v>
      </c>
      <c r="GF40" s="77">
        <v>0</v>
      </c>
      <c r="GG40" s="74">
        <v>0</v>
      </c>
      <c r="GH40" s="75">
        <v>0</v>
      </c>
      <c r="GI40" s="76">
        <v>0</v>
      </c>
      <c r="GJ40" s="245"/>
      <c r="GK40" s="75">
        <v>0</v>
      </c>
      <c r="GL40" s="75">
        <v>0</v>
      </c>
      <c r="GM40" s="75">
        <v>0</v>
      </c>
      <c r="GN40" s="75">
        <v>0</v>
      </c>
      <c r="GO40" s="75">
        <v>1</v>
      </c>
      <c r="GP40" s="76">
        <v>1</v>
      </c>
      <c r="GQ40" s="77">
        <v>1</v>
      </c>
      <c r="GR40" s="124">
        <v>0</v>
      </c>
      <c r="GS40" s="87">
        <v>0</v>
      </c>
      <c r="GT40" s="88">
        <v>0</v>
      </c>
      <c r="GU40" s="242"/>
      <c r="GV40" s="87">
        <v>0</v>
      </c>
      <c r="GW40" s="87">
        <v>0</v>
      </c>
      <c r="GX40" s="87">
        <v>1</v>
      </c>
      <c r="GY40" s="87">
        <v>1</v>
      </c>
      <c r="GZ40" s="87">
        <v>2</v>
      </c>
      <c r="HA40" s="89">
        <v>4</v>
      </c>
      <c r="HB40" s="90">
        <v>4</v>
      </c>
      <c r="HC40" s="74">
        <v>0</v>
      </c>
      <c r="HD40" s="75">
        <v>0</v>
      </c>
      <c r="HE40" s="76">
        <v>0</v>
      </c>
      <c r="HF40" s="245"/>
      <c r="HG40" s="75">
        <v>0</v>
      </c>
      <c r="HH40" s="75">
        <v>0</v>
      </c>
      <c r="HI40" s="75">
        <v>0</v>
      </c>
      <c r="HJ40" s="75">
        <v>0</v>
      </c>
      <c r="HK40" s="75">
        <v>0</v>
      </c>
      <c r="HL40" s="76">
        <v>0</v>
      </c>
      <c r="HM40" s="77">
        <v>0</v>
      </c>
      <c r="HN40" s="74">
        <v>0</v>
      </c>
      <c r="HO40" s="75">
        <v>0</v>
      </c>
      <c r="HP40" s="76">
        <v>0</v>
      </c>
      <c r="HQ40" s="245"/>
      <c r="HR40" s="75">
        <v>0</v>
      </c>
      <c r="HS40" s="75">
        <v>0</v>
      </c>
      <c r="HT40" s="75">
        <v>0</v>
      </c>
      <c r="HU40" s="75">
        <v>0</v>
      </c>
      <c r="HV40" s="75">
        <v>0</v>
      </c>
      <c r="HW40" s="76">
        <v>0</v>
      </c>
      <c r="HX40" s="77">
        <v>0</v>
      </c>
      <c r="HY40" s="74">
        <v>0</v>
      </c>
      <c r="HZ40" s="75">
        <v>0</v>
      </c>
      <c r="IA40" s="76">
        <v>0</v>
      </c>
      <c r="IB40" s="245"/>
      <c r="IC40" s="75">
        <v>0</v>
      </c>
      <c r="ID40" s="75">
        <v>0</v>
      </c>
      <c r="IE40" s="75">
        <v>0</v>
      </c>
      <c r="IF40" s="75">
        <v>0</v>
      </c>
      <c r="IG40" s="75">
        <v>0</v>
      </c>
      <c r="IH40" s="76">
        <v>0</v>
      </c>
      <c r="II40" s="77">
        <v>0</v>
      </c>
      <c r="IJ40" s="74">
        <v>0</v>
      </c>
      <c r="IK40" s="75">
        <v>0</v>
      </c>
      <c r="IL40" s="76">
        <v>0</v>
      </c>
      <c r="IM40" s="245"/>
      <c r="IN40" s="75">
        <v>0</v>
      </c>
      <c r="IO40" s="75">
        <v>0</v>
      </c>
      <c r="IP40" s="75">
        <v>0</v>
      </c>
      <c r="IQ40" s="75">
        <v>1</v>
      </c>
      <c r="IR40" s="75">
        <v>1</v>
      </c>
      <c r="IS40" s="76">
        <v>2</v>
      </c>
      <c r="IT40" s="77">
        <v>2</v>
      </c>
      <c r="IU40" s="74">
        <v>0</v>
      </c>
      <c r="IV40" s="75">
        <v>0</v>
      </c>
      <c r="IW40" s="76">
        <v>0</v>
      </c>
      <c r="IX40" s="245"/>
      <c r="IY40" s="75">
        <v>0</v>
      </c>
      <c r="IZ40" s="75">
        <v>0</v>
      </c>
      <c r="JA40" s="75">
        <v>1</v>
      </c>
      <c r="JB40" s="75">
        <v>0</v>
      </c>
      <c r="JC40" s="75">
        <v>0</v>
      </c>
      <c r="JD40" s="76">
        <v>1</v>
      </c>
      <c r="JE40" s="77">
        <v>1</v>
      </c>
      <c r="JF40" s="74">
        <v>0</v>
      </c>
      <c r="JG40" s="75">
        <v>0</v>
      </c>
      <c r="JH40" s="76">
        <v>0</v>
      </c>
      <c r="JI40" s="245"/>
      <c r="JJ40" s="75">
        <v>0</v>
      </c>
      <c r="JK40" s="75">
        <v>0</v>
      </c>
      <c r="JL40" s="75">
        <v>0</v>
      </c>
      <c r="JM40" s="75">
        <v>0</v>
      </c>
      <c r="JN40" s="75">
        <v>1</v>
      </c>
      <c r="JO40" s="76">
        <v>1</v>
      </c>
      <c r="JP40" s="77">
        <v>1</v>
      </c>
      <c r="JQ40" s="74">
        <v>0</v>
      </c>
      <c r="JR40" s="75">
        <v>0</v>
      </c>
      <c r="JS40" s="76">
        <v>0</v>
      </c>
      <c r="JT40" s="245"/>
      <c r="JU40" s="75">
        <v>0</v>
      </c>
      <c r="JV40" s="75">
        <v>0</v>
      </c>
      <c r="JW40" s="75">
        <v>0</v>
      </c>
      <c r="JX40" s="75">
        <v>0</v>
      </c>
      <c r="JY40" s="75">
        <v>0</v>
      </c>
      <c r="JZ40" s="76">
        <v>0</v>
      </c>
      <c r="KA40" s="77">
        <v>0</v>
      </c>
      <c r="KB40" s="74">
        <v>0</v>
      </c>
      <c r="KC40" s="75">
        <v>0</v>
      </c>
      <c r="KD40" s="76">
        <v>0</v>
      </c>
      <c r="KE40" s="245"/>
      <c r="KF40" s="75">
        <v>0</v>
      </c>
      <c r="KG40" s="75">
        <v>0</v>
      </c>
      <c r="KH40" s="75">
        <v>1</v>
      </c>
      <c r="KI40" s="75">
        <v>1</v>
      </c>
      <c r="KJ40" s="75">
        <v>2</v>
      </c>
      <c r="KK40" s="76">
        <v>4</v>
      </c>
      <c r="KL40" s="77">
        <v>4</v>
      </c>
    </row>
    <row r="41" spans="1:298" ht="32.25" customHeight="1" x14ac:dyDescent="0.2">
      <c r="B41" s="311" t="s">
        <v>126</v>
      </c>
    </row>
  </sheetData>
  <mergeCells count="36">
    <mergeCell ref="EO5:EY5"/>
    <mergeCell ref="EZ5:FJ5"/>
    <mergeCell ref="A3:A5"/>
    <mergeCell ref="B3:CV3"/>
    <mergeCell ref="CW3:GQ3"/>
    <mergeCell ref="B5:L5"/>
    <mergeCell ref="M5:W5"/>
    <mergeCell ref="X5:AH5"/>
    <mergeCell ref="AI5:AS5"/>
    <mergeCell ref="AT5:BD5"/>
    <mergeCell ref="ED5:EN5"/>
    <mergeCell ref="FV4:GF5"/>
    <mergeCell ref="GG4:GQ5"/>
    <mergeCell ref="BE5:BO5"/>
    <mergeCell ref="CW5:DG5"/>
    <mergeCell ref="IU5:JE5"/>
    <mergeCell ref="GR5:HB5"/>
    <mergeCell ref="HC5:HM5"/>
    <mergeCell ref="HN5:HX5"/>
    <mergeCell ref="JF5:JP5"/>
    <mergeCell ref="E1:F1"/>
    <mergeCell ref="H1:I1"/>
    <mergeCell ref="GR3:KL3"/>
    <mergeCell ref="CL4:CV5"/>
    <mergeCell ref="CW4:FU4"/>
    <mergeCell ref="KB4:KL5"/>
    <mergeCell ref="GR4:JP4"/>
    <mergeCell ref="JQ4:KA5"/>
    <mergeCell ref="DH5:DR5"/>
    <mergeCell ref="DS5:EC5"/>
    <mergeCell ref="HY5:II5"/>
    <mergeCell ref="IJ5:IT5"/>
    <mergeCell ref="BP5:BZ5"/>
    <mergeCell ref="B4:BZ4"/>
    <mergeCell ref="CA4:CK5"/>
    <mergeCell ref="FK5:FU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9.6" x14ac:dyDescent="0.2"/>
  <cols>
    <col min="1" max="1" width="8.77734375" style="23" customWidth="1"/>
    <col min="2" max="5" width="7.77734375" style="21" customWidth="1"/>
    <col min="6" max="6" width="8.109375" style="21" customWidth="1"/>
    <col min="7" max="7" width="7.44140625" style="21" customWidth="1"/>
    <col min="8" max="8" width="9.109375" style="21" customWidth="1"/>
    <col min="9" max="9" width="7.77734375" style="21" customWidth="1"/>
    <col min="10" max="10" width="8.6640625" style="21" customWidth="1"/>
    <col min="11" max="11" width="9.33203125" style="21" customWidth="1"/>
    <col min="12" max="12" width="8.33203125" style="21" customWidth="1"/>
    <col min="13" max="25" width="7.77734375" style="21" customWidth="1"/>
    <col min="26" max="32" width="7.77734375" style="23" customWidth="1"/>
    <col min="33" max="33" width="9" style="23"/>
    <col min="34" max="34" width="8.6640625" style="23" customWidth="1"/>
    <col min="35" max="16384" width="9" style="23"/>
  </cols>
  <sheetData>
    <row r="1" spans="1:34" ht="20.25" customHeight="1" x14ac:dyDescent="0.2">
      <c r="A1" s="20" t="s">
        <v>134</v>
      </c>
      <c r="E1" s="22"/>
      <c r="F1" s="528">
        <f>第１表!F2</f>
        <v>4</v>
      </c>
      <c r="G1" s="528"/>
      <c r="H1" s="248">
        <f>第１表!G2</f>
        <v>6</v>
      </c>
      <c r="I1" s="529">
        <f>IF(H1&lt;3,H1+12-2,H1-2)</f>
        <v>4</v>
      </c>
      <c r="J1" s="529"/>
    </row>
    <row r="2" spans="1:34" ht="17.25" customHeight="1" thickBot="1" x14ac:dyDescent="0.25">
      <c r="A2" s="292"/>
      <c r="I2" s="24"/>
      <c r="J2" s="24"/>
      <c r="K2" s="24"/>
      <c r="L2" s="24"/>
      <c r="M2" s="24"/>
      <c r="N2" s="24"/>
      <c r="O2" s="25"/>
      <c r="P2" s="25"/>
      <c r="Q2" s="25"/>
    </row>
    <row r="3" spans="1:34" s="44" customFormat="1" ht="19.5" customHeight="1" thickBot="1" x14ac:dyDescent="0.25">
      <c r="A3" s="54"/>
      <c r="B3" s="525" t="s">
        <v>53</v>
      </c>
      <c r="C3" s="526"/>
      <c r="D3" s="526"/>
      <c r="E3" s="526"/>
      <c r="F3" s="526"/>
      <c r="G3" s="526"/>
      <c r="H3" s="526"/>
      <c r="I3" s="526"/>
      <c r="J3" s="526"/>
      <c r="K3" s="526"/>
      <c r="L3" s="527"/>
      <c r="M3" s="525" t="s">
        <v>54</v>
      </c>
      <c r="N3" s="526"/>
      <c r="O3" s="526"/>
      <c r="P3" s="526"/>
      <c r="Q3" s="526"/>
      <c r="R3" s="526"/>
      <c r="S3" s="526"/>
      <c r="T3" s="526"/>
      <c r="U3" s="526"/>
      <c r="V3" s="526"/>
      <c r="W3" s="527"/>
      <c r="X3" s="525" t="s">
        <v>55</v>
      </c>
      <c r="Y3" s="526"/>
      <c r="Z3" s="526"/>
      <c r="AA3" s="526"/>
      <c r="AB3" s="526"/>
      <c r="AC3" s="526"/>
      <c r="AD3" s="526"/>
      <c r="AE3" s="526"/>
      <c r="AF3" s="526"/>
      <c r="AG3" s="526"/>
      <c r="AH3" s="527"/>
    </row>
    <row r="4" spans="1:34" s="44" customFormat="1" ht="29.25" customHeight="1" thickBot="1" x14ac:dyDescent="0.25">
      <c r="A4" s="54" t="s">
        <v>42</v>
      </c>
      <c r="B4" s="55" t="s">
        <v>43</v>
      </c>
      <c r="C4" s="56" t="s">
        <v>44</v>
      </c>
      <c r="D4" s="57" t="s">
        <v>45</v>
      </c>
      <c r="E4" s="58" t="s">
        <v>46</v>
      </c>
      <c r="F4" s="56" t="s">
        <v>47</v>
      </c>
      <c r="G4" s="56" t="s">
        <v>48</v>
      </c>
      <c r="H4" s="56" t="s">
        <v>49</v>
      </c>
      <c r="I4" s="56" t="s">
        <v>50</v>
      </c>
      <c r="J4" s="56" t="s">
        <v>51</v>
      </c>
      <c r="K4" s="57" t="s">
        <v>45</v>
      </c>
      <c r="L4" s="45" t="s">
        <v>52</v>
      </c>
      <c r="M4" s="55" t="s">
        <v>43</v>
      </c>
      <c r="N4" s="56" t="s">
        <v>44</v>
      </c>
      <c r="O4" s="57" t="s">
        <v>45</v>
      </c>
      <c r="P4" s="58" t="s">
        <v>46</v>
      </c>
      <c r="Q4" s="56" t="s">
        <v>47</v>
      </c>
      <c r="R4" s="56" t="s">
        <v>48</v>
      </c>
      <c r="S4" s="56" t="s">
        <v>49</v>
      </c>
      <c r="T4" s="56" t="s">
        <v>50</v>
      </c>
      <c r="U4" s="56" t="s">
        <v>51</v>
      </c>
      <c r="V4" s="57" t="s">
        <v>45</v>
      </c>
      <c r="W4" s="45" t="s">
        <v>52</v>
      </c>
      <c r="X4" s="55" t="s">
        <v>43</v>
      </c>
      <c r="Y4" s="56" t="s">
        <v>44</v>
      </c>
      <c r="Z4" s="57" t="s">
        <v>45</v>
      </c>
      <c r="AA4" s="58" t="s">
        <v>46</v>
      </c>
      <c r="AB4" s="56" t="s">
        <v>47</v>
      </c>
      <c r="AC4" s="56" t="s">
        <v>48</v>
      </c>
      <c r="AD4" s="56" t="s">
        <v>49</v>
      </c>
      <c r="AE4" s="56" t="s">
        <v>50</v>
      </c>
      <c r="AF4" s="56" t="s">
        <v>51</v>
      </c>
      <c r="AG4" s="57" t="s">
        <v>45</v>
      </c>
      <c r="AH4" s="45" t="s">
        <v>52</v>
      </c>
    </row>
    <row r="5" spans="1:34" ht="19.5" customHeight="1" x14ac:dyDescent="0.2">
      <c r="A5" s="46" t="s">
        <v>4</v>
      </c>
      <c r="B5" s="215">
        <v>15726</v>
      </c>
      <c r="C5" s="216">
        <v>27777</v>
      </c>
      <c r="D5" s="217">
        <v>43503</v>
      </c>
      <c r="E5" s="212">
        <v>0</v>
      </c>
      <c r="F5" s="216">
        <v>58586</v>
      </c>
      <c r="G5" s="216">
        <v>58969</v>
      </c>
      <c r="H5" s="216">
        <v>34306</v>
      </c>
      <c r="I5" s="216">
        <v>26667</v>
      </c>
      <c r="J5" s="216">
        <v>15826</v>
      </c>
      <c r="K5" s="217">
        <v>194354</v>
      </c>
      <c r="L5" s="218">
        <v>237857</v>
      </c>
      <c r="M5" s="219">
        <v>244</v>
      </c>
      <c r="N5" s="216">
        <v>774</v>
      </c>
      <c r="O5" s="217">
        <v>1018</v>
      </c>
      <c r="P5" s="212">
        <v>0</v>
      </c>
      <c r="Q5" s="216">
        <v>1045</v>
      </c>
      <c r="R5" s="216">
        <v>1828</v>
      </c>
      <c r="S5" s="216">
        <v>957</v>
      </c>
      <c r="T5" s="216">
        <v>818</v>
      </c>
      <c r="U5" s="216">
        <v>727</v>
      </c>
      <c r="V5" s="217">
        <v>5375</v>
      </c>
      <c r="W5" s="218">
        <v>6393</v>
      </c>
      <c r="X5" s="215">
        <v>15970</v>
      </c>
      <c r="Y5" s="216">
        <v>28551</v>
      </c>
      <c r="Z5" s="217">
        <v>44521</v>
      </c>
      <c r="AA5" s="212">
        <v>0</v>
      </c>
      <c r="AB5" s="216">
        <v>59631</v>
      </c>
      <c r="AC5" s="216">
        <v>60797</v>
      </c>
      <c r="AD5" s="216">
        <v>35263</v>
      </c>
      <c r="AE5" s="216">
        <v>27485</v>
      </c>
      <c r="AF5" s="216">
        <v>16553</v>
      </c>
      <c r="AG5" s="217">
        <v>199729</v>
      </c>
      <c r="AH5" s="218">
        <v>244250</v>
      </c>
    </row>
    <row r="6" spans="1:34" ht="19.5" customHeight="1" x14ac:dyDescent="0.2">
      <c r="A6" s="49" t="s">
        <v>5</v>
      </c>
      <c r="B6" s="220">
        <v>5814</v>
      </c>
      <c r="C6" s="221">
        <v>12119</v>
      </c>
      <c r="D6" s="222">
        <v>17933</v>
      </c>
      <c r="E6" s="213">
        <v>0</v>
      </c>
      <c r="F6" s="221">
        <v>15728</v>
      </c>
      <c r="G6" s="221">
        <v>22423</v>
      </c>
      <c r="H6" s="221">
        <v>11300</v>
      </c>
      <c r="I6" s="221">
        <v>8950</v>
      </c>
      <c r="J6" s="221">
        <v>5287</v>
      </c>
      <c r="K6" s="222">
        <v>63688</v>
      </c>
      <c r="L6" s="223">
        <v>81621</v>
      </c>
      <c r="M6" s="224">
        <v>100</v>
      </c>
      <c r="N6" s="221">
        <v>322</v>
      </c>
      <c r="O6" s="222">
        <v>422</v>
      </c>
      <c r="P6" s="213">
        <v>0</v>
      </c>
      <c r="Q6" s="221">
        <v>239</v>
      </c>
      <c r="R6" s="221">
        <v>748</v>
      </c>
      <c r="S6" s="221">
        <v>363</v>
      </c>
      <c r="T6" s="221">
        <v>303</v>
      </c>
      <c r="U6" s="221">
        <v>290</v>
      </c>
      <c r="V6" s="222">
        <v>1943</v>
      </c>
      <c r="W6" s="223">
        <v>2365</v>
      </c>
      <c r="X6" s="220">
        <v>5914</v>
      </c>
      <c r="Y6" s="221">
        <v>12441</v>
      </c>
      <c r="Z6" s="222">
        <v>18355</v>
      </c>
      <c r="AA6" s="213">
        <v>0</v>
      </c>
      <c r="AB6" s="221">
        <v>15967</v>
      </c>
      <c r="AC6" s="221">
        <v>23171</v>
      </c>
      <c r="AD6" s="221">
        <v>11663</v>
      </c>
      <c r="AE6" s="221">
        <v>9253</v>
      </c>
      <c r="AF6" s="221">
        <v>5577</v>
      </c>
      <c r="AG6" s="222">
        <v>65631</v>
      </c>
      <c r="AH6" s="223">
        <v>83986</v>
      </c>
    </row>
    <row r="7" spans="1:34" ht="19.5" customHeight="1" x14ac:dyDescent="0.2">
      <c r="A7" s="49" t="s">
        <v>6</v>
      </c>
      <c r="B7" s="220">
        <v>2221</v>
      </c>
      <c r="C7" s="221">
        <v>3455</v>
      </c>
      <c r="D7" s="222">
        <v>5676</v>
      </c>
      <c r="E7" s="213">
        <v>0</v>
      </c>
      <c r="F7" s="221">
        <v>10709</v>
      </c>
      <c r="G7" s="221">
        <v>8506</v>
      </c>
      <c r="H7" s="221">
        <v>5597</v>
      </c>
      <c r="I7" s="221">
        <v>4670</v>
      </c>
      <c r="J7" s="221">
        <v>2804</v>
      </c>
      <c r="K7" s="222">
        <v>32286</v>
      </c>
      <c r="L7" s="223">
        <v>37962</v>
      </c>
      <c r="M7" s="224">
        <v>40</v>
      </c>
      <c r="N7" s="221">
        <v>116</v>
      </c>
      <c r="O7" s="222">
        <v>156</v>
      </c>
      <c r="P7" s="213">
        <v>0</v>
      </c>
      <c r="Q7" s="221">
        <v>227</v>
      </c>
      <c r="R7" s="221">
        <v>255</v>
      </c>
      <c r="S7" s="221">
        <v>169</v>
      </c>
      <c r="T7" s="221">
        <v>166</v>
      </c>
      <c r="U7" s="221">
        <v>134</v>
      </c>
      <c r="V7" s="222">
        <v>951</v>
      </c>
      <c r="W7" s="223">
        <v>1107</v>
      </c>
      <c r="X7" s="220">
        <v>2261</v>
      </c>
      <c r="Y7" s="221">
        <v>3571</v>
      </c>
      <c r="Z7" s="222">
        <v>5832</v>
      </c>
      <c r="AA7" s="213">
        <v>0</v>
      </c>
      <c r="AB7" s="221">
        <v>10936</v>
      </c>
      <c r="AC7" s="221">
        <v>8761</v>
      </c>
      <c r="AD7" s="221">
        <v>5766</v>
      </c>
      <c r="AE7" s="221">
        <v>4836</v>
      </c>
      <c r="AF7" s="221">
        <v>2938</v>
      </c>
      <c r="AG7" s="222">
        <v>33237</v>
      </c>
      <c r="AH7" s="223">
        <v>39069</v>
      </c>
    </row>
    <row r="8" spans="1:34" ht="19.5" customHeight="1" x14ac:dyDescent="0.2">
      <c r="A8" s="49" t="s">
        <v>14</v>
      </c>
      <c r="B8" s="220">
        <v>1119</v>
      </c>
      <c r="C8" s="221">
        <v>2605</v>
      </c>
      <c r="D8" s="222">
        <v>3724</v>
      </c>
      <c r="E8" s="213">
        <v>0</v>
      </c>
      <c r="F8" s="221">
        <v>4380</v>
      </c>
      <c r="G8" s="221">
        <v>5065</v>
      </c>
      <c r="H8" s="221">
        <v>3277</v>
      </c>
      <c r="I8" s="221">
        <v>2283</v>
      </c>
      <c r="J8" s="221">
        <v>1292</v>
      </c>
      <c r="K8" s="222">
        <v>16297</v>
      </c>
      <c r="L8" s="223">
        <v>20021</v>
      </c>
      <c r="M8" s="224">
        <v>20</v>
      </c>
      <c r="N8" s="221">
        <v>85</v>
      </c>
      <c r="O8" s="222">
        <v>105</v>
      </c>
      <c r="P8" s="213">
        <v>0</v>
      </c>
      <c r="Q8" s="221">
        <v>63</v>
      </c>
      <c r="R8" s="221">
        <v>150</v>
      </c>
      <c r="S8" s="221">
        <v>82</v>
      </c>
      <c r="T8" s="221">
        <v>80</v>
      </c>
      <c r="U8" s="221">
        <v>52</v>
      </c>
      <c r="V8" s="222">
        <v>427</v>
      </c>
      <c r="W8" s="223">
        <v>532</v>
      </c>
      <c r="X8" s="220">
        <v>1139</v>
      </c>
      <c r="Y8" s="221">
        <v>2690</v>
      </c>
      <c r="Z8" s="222">
        <v>3829</v>
      </c>
      <c r="AA8" s="213">
        <v>0</v>
      </c>
      <c r="AB8" s="221">
        <v>4443</v>
      </c>
      <c r="AC8" s="221">
        <v>5215</v>
      </c>
      <c r="AD8" s="221">
        <v>3359</v>
      </c>
      <c r="AE8" s="221">
        <v>2363</v>
      </c>
      <c r="AF8" s="221">
        <v>1344</v>
      </c>
      <c r="AG8" s="222">
        <v>16724</v>
      </c>
      <c r="AH8" s="223">
        <v>20553</v>
      </c>
    </row>
    <row r="9" spans="1:34" ht="19.5" customHeight="1" x14ac:dyDescent="0.2">
      <c r="A9" s="49" t="s">
        <v>7</v>
      </c>
      <c r="B9" s="220">
        <v>493</v>
      </c>
      <c r="C9" s="221">
        <v>780</v>
      </c>
      <c r="D9" s="222">
        <v>1273</v>
      </c>
      <c r="E9" s="213">
        <v>0</v>
      </c>
      <c r="F9" s="221">
        <v>4870</v>
      </c>
      <c r="G9" s="221">
        <v>3407</v>
      </c>
      <c r="H9" s="221">
        <v>1952</v>
      </c>
      <c r="I9" s="221">
        <v>1502</v>
      </c>
      <c r="J9" s="221">
        <v>822</v>
      </c>
      <c r="K9" s="222">
        <v>12553</v>
      </c>
      <c r="L9" s="223">
        <v>13826</v>
      </c>
      <c r="M9" s="224">
        <v>8</v>
      </c>
      <c r="N9" s="221">
        <v>9</v>
      </c>
      <c r="O9" s="222">
        <v>17</v>
      </c>
      <c r="P9" s="213">
        <v>0</v>
      </c>
      <c r="Q9" s="221">
        <v>88</v>
      </c>
      <c r="R9" s="221">
        <v>100</v>
      </c>
      <c r="S9" s="221">
        <v>44</v>
      </c>
      <c r="T9" s="221">
        <v>33</v>
      </c>
      <c r="U9" s="221">
        <v>26</v>
      </c>
      <c r="V9" s="222">
        <v>291</v>
      </c>
      <c r="W9" s="223">
        <v>308</v>
      </c>
      <c r="X9" s="220">
        <v>501</v>
      </c>
      <c r="Y9" s="221">
        <v>789</v>
      </c>
      <c r="Z9" s="222">
        <v>1290</v>
      </c>
      <c r="AA9" s="213">
        <v>0</v>
      </c>
      <c r="AB9" s="221">
        <v>4958</v>
      </c>
      <c r="AC9" s="221">
        <v>3507</v>
      </c>
      <c r="AD9" s="221">
        <v>1996</v>
      </c>
      <c r="AE9" s="221">
        <v>1535</v>
      </c>
      <c r="AF9" s="221">
        <v>848</v>
      </c>
      <c r="AG9" s="222">
        <v>12844</v>
      </c>
      <c r="AH9" s="223">
        <v>14134</v>
      </c>
    </row>
    <row r="10" spans="1:34" ht="19.5" customHeight="1" x14ac:dyDescent="0.2">
      <c r="A10" s="49" t="s">
        <v>8</v>
      </c>
      <c r="B10" s="220">
        <v>520</v>
      </c>
      <c r="C10" s="221">
        <v>642</v>
      </c>
      <c r="D10" s="222">
        <v>1162</v>
      </c>
      <c r="E10" s="213">
        <v>0</v>
      </c>
      <c r="F10" s="221">
        <v>1991</v>
      </c>
      <c r="G10" s="221">
        <v>2011</v>
      </c>
      <c r="H10" s="221">
        <v>1235</v>
      </c>
      <c r="I10" s="221">
        <v>832</v>
      </c>
      <c r="J10" s="221">
        <v>502</v>
      </c>
      <c r="K10" s="222">
        <v>6571</v>
      </c>
      <c r="L10" s="223">
        <v>7733</v>
      </c>
      <c r="M10" s="224">
        <v>4</v>
      </c>
      <c r="N10" s="221">
        <v>26</v>
      </c>
      <c r="O10" s="222">
        <v>30</v>
      </c>
      <c r="P10" s="213">
        <v>0</v>
      </c>
      <c r="Q10" s="221">
        <v>30</v>
      </c>
      <c r="R10" s="221">
        <v>61</v>
      </c>
      <c r="S10" s="221">
        <v>32</v>
      </c>
      <c r="T10" s="221">
        <v>21</v>
      </c>
      <c r="U10" s="221">
        <v>30</v>
      </c>
      <c r="V10" s="222">
        <v>174</v>
      </c>
      <c r="W10" s="223">
        <v>204</v>
      </c>
      <c r="X10" s="220">
        <v>524</v>
      </c>
      <c r="Y10" s="221">
        <v>668</v>
      </c>
      <c r="Z10" s="222">
        <v>1192</v>
      </c>
      <c r="AA10" s="213">
        <v>0</v>
      </c>
      <c r="AB10" s="221">
        <v>2021</v>
      </c>
      <c r="AC10" s="221">
        <v>2072</v>
      </c>
      <c r="AD10" s="221">
        <v>1267</v>
      </c>
      <c r="AE10" s="221">
        <v>853</v>
      </c>
      <c r="AF10" s="221">
        <v>532</v>
      </c>
      <c r="AG10" s="222">
        <v>6745</v>
      </c>
      <c r="AH10" s="223">
        <v>7937</v>
      </c>
    </row>
    <row r="11" spans="1:34" ht="19.5" customHeight="1" x14ac:dyDescent="0.2">
      <c r="A11" s="49" t="s">
        <v>9</v>
      </c>
      <c r="B11" s="220">
        <v>472</v>
      </c>
      <c r="C11" s="221">
        <v>562</v>
      </c>
      <c r="D11" s="222">
        <v>1034</v>
      </c>
      <c r="E11" s="213">
        <v>0</v>
      </c>
      <c r="F11" s="221">
        <v>1890</v>
      </c>
      <c r="G11" s="221">
        <v>1489</v>
      </c>
      <c r="H11" s="221">
        <v>1002</v>
      </c>
      <c r="I11" s="221">
        <v>844</v>
      </c>
      <c r="J11" s="221">
        <v>529</v>
      </c>
      <c r="K11" s="222">
        <v>5754</v>
      </c>
      <c r="L11" s="223">
        <v>6788</v>
      </c>
      <c r="M11" s="224">
        <v>3</v>
      </c>
      <c r="N11" s="221">
        <v>12</v>
      </c>
      <c r="O11" s="222">
        <v>15</v>
      </c>
      <c r="P11" s="213">
        <v>0</v>
      </c>
      <c r="Q11" s="221">
        <v>25</v>
      </c>
      <c r="R11" s="221">
        <v>33</v>
      </c>
      <c r="S11" s="221">
        <v>18</v>
      </c>
      <c r="T11" s="221">
        <v>15</v>
      </c>
      <c r="U11" s="221">
        <v>11</v>
      </c>
      <c r="V11" s="222">
        <v>102</v>
      </c>
      <c r="W11" s="223">
        <v>117</v>
      </c>
      <c r="X11" s="220">
        <v>475</v>
      </c>
      <c r="Y11" s="221">
        <v>574</v>
      </c>
      <c r="Z11" s="222">
        <v>1049</v>
      </c>
      <c r="AA11" s="213">
        <v>0</v>
      </c>
      <c r="AB11" s="221">
        <v>1915</v>
      </c>
      <c r="AC11" s="221">
        <v>1522</v>
      </c>
      <c r="AD11" s="221">
        <v>1020</v>
      </c>
      <c r="AE11" s="221">
        <v>859</v>
      </c>
      <c r="AF11" s="221">
        <v>540</v>
      </c>
      <c r="AG11" s="222">
        <v>5856</v>
      </c>
      <c r="AH11" s="223">
        <v>6905</v>
      </c>
    </row>
    <row r="12" spans="1:34" ht="19.5" customHeight="1" x14ac:dyDescent="0.2">
      <c r="A12" s="49" t="s">
        <v>10</v>
      </c>
      <c r="B12" s="220">
        <v>1239</v>
      </c>
      <c r="C12" s="221">
        <v>1571</v>
      </c>
      <c r="D12" s="222">
        <v>2810</v>
      </c>
      <c r="E12" s="213">
        <v>0</v>
      </c>
      <c r="F12" s="221">
        <v>3887</v>
      </c>
      <c r="G12" s="221">
        <v>2349</v>
      </c>
      <c r="H12" s="221">
        <v>1551</v>
      </c>
      <c r="I12" s="221">
        <v>1192</v>
      </c>
      <c r="J12" s="221">
        <v>860</v>
      </c>
      <c r="K12" s="222">
        <v>9839</v>
      </c>
      <c r="L12" s="223">
        <v>12649</v>
      </c>
      <c r="M12" s="224">
        <v>19</v>
      </c>
      <c r="N12" s="221">
        <v>38</v>
      </c>
      <c r="O12" s="222">
        <v>57</v>
      </c>
      <c r="P12" s="213">
        <v>0</v>
      </c>
      <c r="Q12" s="221">
        <v>89</v>
      </c>
      <c r="R12" s="221">
        <v>71</v>
      </c>
      <c r="S12" s="221">
        <v>42</v>
      </c>
      <c r="T12" s="221">
        <v>27</v>
      </c>
      <c r="U12" s="221">
        <v>36</v>
      </c>
      <c r="V12" s="222">
        <v>265</v>
      </c>
      <c r="W12" s="223">
        <v>322</v>
      </c>
      <c r="X12" s="220">
        <v>1258</v>
      </c>
      <c r="Y12" s="221">
        <v>1609</v>
      </c>
      <c r="Z12" s="222">
        <v>2867</v>
      </c>
      <c r="AA12" s="213">
        <v>0</v>
      </c>
      <c r="AB12" s="221">
        <v>3976</v>
      </c>
      <c r="AC12" s="221">
        <v>2420</v>
      </c>
      <c r="AD12" s="221">
        <v>1593</v>
      </c>
      <c r="AE12" s="221">
        <v>1219</v>
      </c>
      <c r="AF12" s="221">
        <v>896</v>
      </c>
      <c r="AG12" s="222">
        <v>10104</v>
      </c>
      <c r="AH12" s="223">
        <v>12971</v>
      </c>
    </row>
    <row r="13" spans="1:34" ht="19.5" customHeight="1" x14ac:dyDescent="0.2">
      <c r="A13" s="49" t="s">
        <v>11</v>
      </c>
      <c r="B13" s="220">
        <v>537</v>
      </c>
      <c r="C13" s="221">
        <v>555</v>
      </c>
      <c r="D13" s="222">
        <v>1092</v>
      </c>
      <c r="E13" s="213">
        <v>0</v>
      </c>
      <c r="F13" s="221">
        <v>2168</v>
      </c>
      <c r="G13" s="221">
        <v>1269</v>
      </c>
      <c r="H13" s="221">
        <v>894</v>
      </c>
      <c r="I13" s="221">
        <v>705</v>
      </c>
      <c r="J13" s="221">
        <v>386</v>
      </c>
      <c r="K13" s="222">
        <v>5422</v>
      </c>
      <c r="L13" s="223">
        <v>6514</v>
      </c>
      <c r="M13" s="224">
        <v>6</v>
      </c>
      <c r="N13" s="221">
        <v>8</v>
      </c>
      <c r="O13" s="222">
        <v>14</v>
      </c>
      <c r="P13" s="213">
        <v>0</v>
      </c>
      <c r="Q13" s="221">
        <v>38</v>
      </c>
      <c r="R13" s="221">
        <v>33</v>
      </c>
      <c r="S13" s="221">
        <v>16</v>
      </c>
      <c r="T13" s="221">
        <v>14</v>
      </c>
      <c r="U13" s="221">
        <v>16</v>
      </c>
      <c r="V13" s="222">
        <v>117</v>
      </c>
      <c r="W13" s="223">
        <v>131</v>
      </c>
      <c r="X13" s="220">
        <v>543</v>
      </c>
      <c r="Y13" s="221">
        <v>563</v>
      </c>
      <c r="Z13" s="222">
        <v>1106</v>
      </c>
      <c r="AA13" s="213">
        <v>0</v>
      </c>
      <c r="AB13" s="221">
        <v>2206</v>
      </c>
      <c r="AC13" s="221">
        <v>1302</v>
      </c>
      <c r="AD13" s="221">
        <v>910</v>
      </c>
      <c r="AE13" s="221">
        <v>719</v>
      </c>
      <c r="AF13" s="221">
        <v>402</v>
      </c>
      <c r="AG13" s="222">
        <v>5539</v>
      </c>
      <c r="AH13" s="223">
        <v>6645</v>
      </c>
    </row>
    <row r="14" spans="1:34" ht="19.5" customHeight="1" x14ac:dyDescent="0.2">
      <c r="A14" s="49" t="s">
        <v>12</v>
      </c>
      <c r="B14" s="220">
        <v>732</v>
      </c>
      <c r="C14" s="221">
        <v>971</v>
      </c>
      <c r="D14" s="222">
        <v>1703</v>
      </c>
      <c r="E14" s="213">
        <v>0</v>
      </c>
      <c r="F14" s="221">
        <v>1592</v>
      </c>
      <c r="G14" s="221">
        <v>1320</v>
      </c>
      <c r="H14" s="221">
        <v>957</v>
      </c>
      <c r="I14" s="221">
        <v>827</v>
      </c>
      <c r="J14" s="221">
        <v>483</v>
      </c>
      <c r="K14" s="222">
        <v>5179</v>
      </c>
      <c r="L14" s="223">
        <v>6882</v>
      </c>
      <c r="M14" s="224">
        <v>9</v>
      </c>
      <c r="N14" s="221">
        <v>25</v>
      </c>
      <c r="O14" s="222">
        <v>34</v>
      </c>
      <c r="P14" s="213">
        <v>0</v>
      </c>
      <c r="Q14" s="221">
        <v>21</v>
      </c>
      <c r="R14" s="221">
        <v>28</v>
      </c>
      <c r="S14" s="221">
        <v>16</v>
      </c>
      <c r="T14" s="221">
        <v>26</v>
      </c>
      <c r="U14" s="221">
        <v>14</v>
      </c>
      <c r="V14" s="222">
        <v>105</v>
      </c>
      <c r="W14" s="223">
        <v>139</v>
      </c>
      <c r="X14" s="220">
        <v>741</v>
      </c>
      <c r="Y14" s="221">
        <v>996</v>
      </c>
      <c r="Z14" s="222">
        <v>1737</v>
      </c>
      <c r="AA14" s="213">
        <v>0</v>
      </c>
      <c r="AB14" s="221">
        <v>1613</v>
      </c>
      <c r="AC14" s="221">
        <v>1348</v>
      </c>
      <c r="AD14" s="221">
        <v>973</v>
      </c>
      <c r="AE14" s="221">
        <v>853</v>
      </c>
      <c r="AF14" s="221">
        <v>497</v>
      </c>
      <c r="AG14" s="222">
        <v>5284</v>
      </c>
      <c r="AH14" s="223">
        <v>7021</v>
      </c>
    </row>
    <row r="15" spans="1:34" ht="19.5" customHeight="1" x14ac:dyDescent="0.2">
      <c r="A15" s="49" t="s">
        <v>13</v>
      </c>
      <c r="B15" s="220">
        <v>124</v>
      </c>
      <c r="C15" s="221">
        <v>227</v>
      </c>
      <c r="D15" s="222">
        <v>351</v>
      </c>
      <c r="E15" s="213">
        <v>0</v>
      </c>
      <c r="F15" s="221">
        <v>643</v>
      </c>
      <c r="G15" s="221">
        <v>599</v>
      </c>
      <c r="H15" s="221">
        <v>381</v>
      </c>
      <c r="I15" s="221">
        <v>311</v>
      </c>
      <c r="J15" s="221">
        <v>199</v>
      </c>
      <c r="K15" s="222">
        <v>2133</v>
      </c>
      <c r="L15" s="223">
        <v>2484</v>
      </c>
      <c r="M15" s="224">
        <v>0</v>
      </c>
      <c r="N15" s="221">
        <v>1</v>
      </c>
      <c r="O15" s="222">
        <v>1</v>
      </c>
      <c r="P15" s="213">
        <v>0</v>
      </c>
      <c r="Q15" s="221">
        <v>12</v>
      </c>
      <c r="R15" s="221">
        <v>15</v>
      </c>
      <c r="S15" s="221">
        <v>9</v>
      </c>
      <c r="T15" s="221">
        <v>6</v>
      </c>
      <c r="U15" s="221">
        <v>8</v>
      </c>
      <c r="V15" s="222">
        <v>50</v>
      </c>
      <c r="W15" s="223">
        <v>51</v>
      </c>
      <c r="X15" s="220">
        <v>124</v>
      </c>
      <c r="Y15" s="221">
        <v>228</v>
      </c>
      <c r="Z15" s="222">
        <v>352</v>
      </c>
      <c r="AA15" s="213">
        <v>0</v>
      </c>
      <c r="AB15" s="221">
        <v>655</v>
      </c>
      <c r="AC15" s="221">
        <v>614</v>
      </c>
      <c r="AD15" s="221">
        <v>390</v>
      </c>
      <c r="AE15" s="221">
        <v>317</v>
      </c>
      <c r="AF15" s="221">
        <v>207</v>
      </c>
      <c r="AG15" s="222">
        <v>2183</v>
      </c>
      <c r="AH15" s="223">
        <v>2535</v>
      </c>
    </row>
    <row r="16" spans="1:34" ht="19.5" customHeight="1" x14ac:dyDescent="0.2">
      <c r="A16" s="49" t="s">
        <v>15</v>
      </c>
      <c r="B16" s="220">
        <v>82</v>
      </c>
      <c r="C16" s="221">
        <v>184</v>
      </c>
      <c r="D16" s="222">
        <v>266</v>
      </c>
      <c r="E16" s="213">
        <v>0</v>
      </c>
      <c r="F16" s="221">
        <v>470</v>
      </c>
      <c r="G16" s="221">
        <v>557</v>
      </c>
      <c r="H16" s="221">
        <v>296</v>
      </c>
      <c r="I16" s="221">
        <v>215</v>
      </c>
      <c r="J16" s="221">
        <v>112</v>
      </c>
      <c r="K16" s="222">
        <v>1650</v>
      </c>
      <c r="L16" s="223">
        <v>1916</v>
      </c>
      <c r="M16" s="224">
        <v>0</v>
      </c>
      <c r="N16" s="221">
        <v>6</v>
      </c>
      <c r="O16" s="222">
        <v>6</v>
      </c>
      <c r="P16" s="213">
        <v>0</v>
      </c>
      <c r="Q16" s="221">
        <v>4</v>
      </c>
      <c r="R16" s="221">
        <v>16</v>
      </c>
      <c r="S16" s="221">
        <v>3</v>
      </c>
      <c r="T16" s="221">
        <v>1</v>
      </c>
      <c r="U16" s="221">
        <v>8</v>
      </c>
      <c r="V16" s="222">
        <v>32</v>
      </c>
      <c r="W16" s="223">
        <v>38</v>
      </c>
      <c r="X16" s="220">
        <v>82</v>
      </c>
      <c r="Y16" s="221">
        <v>190</v>
      </c>
      <c r="Z16" s="222">
        <v>272</v>
      </c>
      <c r="AA16" s="213">
        <v>0</v>
      </c>
      <c r="AB16" s="221">
        <v>474</v>
      </c>
      <c r="AC16" s="221">
        <v>573</v>
      </c>
      <c r="AD16" s="221">
        <v>299</v>
      </c>
      <c r="AE16" s="221">
        <v>216</v>
      </c>
      <c r="AF16" s="221">
        <v>120</v>
      </c>
      <c r="AG16" s="222">
        <v>1682</v>
      </c>
      <c r="AH16" s="223">
        <v>1954</v>
      </c>
    </row>
    <row r="17" spans="1:34" ht="19.5" customHeight="1" x14ac:dyDescent="0.2">
      <c r="A17" s="49" t="s">
        <v>16</v>
      </c>
      <c r="B17" s="220">
        <v>240</v>
      </c>
      <c r="C17" s="221">
        <v>392</v>
      </c>
      <c r="D17" s="222">
        <v>632</v>
      </c>
      <c r="E17" s="213">
        <v>0</v>
      </c>
      <c r="F17" s="221">
        <v>970</v>
      </c>
      <c r="G17" s="221">
        <v>1256</v>
      </c>
      <c r="H17" s="221">
        <v>739</v>
      </c>
      <c r="I17" s="221">
        <v>515</v>
      </c>
      <c r="J17" s="221">
        <v>331</v>
      </c>
      <c r="K17" s="222">
        <v>3811</v>
      </c>
      <c r="L17" s="223">
        <v>4443</v>
      </c>
      <c r="M17" s="224">
        <v>5</v>
      </c>
      <c r="N17" s="221">
        <v>8</v>
      </c>
      <c r="O17" s="222">
        <v>13</v>
      </c>
      <c r="P17" s="213">
        <v>0</v>
      </c>
      <c r="Q17" s="221">
        <v>16</v>
      </c>
      <c r="R17" s="221">
        <v>36</v>
      </c>
      <c r="S17" s="221">
        <v>23</v>
      </c>
      <c r="T17" s="221">
        <v>17</v>
      </c>
      <c r="U17" s="221">
        <v>11</v>
      </c>
      <c r="V17" s="222">
        <v>103</v>
      </c>
      <c r="W17" s="223">
        <v>116</v>
      </c>
      <c r="X17" s="220">
        <v>245</v>
      </c>
      <c r="Y17" s="221">
        <v>400</v>
      </c>
      <c r="Z17" s="222">
        <v>645</v>
      </c>
      <c r="AA17" s="213">
        <v>0</v>
      </c>
      <c r="AB17" s="221">
        <v>986</v>
      </c>
      <c r="AC17" s="221">
        <v>1292</v>
      </c>
      <c r="AD17" s="221">
        <v>762</v>
      </c>
      <c r="AE17" s="221">
        <v>532</v>
      </c>
      <c r="AF17" s="221">
        <v>342</v>
      </c>
      <c r="AG17" s="222">
        <v>3914</v>
      </c>
      <c r="AH17" s="223">
        <v>4559</v>
      </c>
    </row>
    <row r="18" spans="1:34" ht="19.5" customHeight="1" x14ac:dyDescent="0.2">
      <c r="A18" s="49" t="s">
        <v>17</v>
      </c>
      <c r="B18" s="220">
        <v>273</v>
      </c>
      <c r="C18" s="221">
        <v>573</v>
      </c>
      <c r="D18" s="222">
        <v>846</v>
      </c>
      <c r="E18" s="213">
        <v>0</v>
      </c>
      <c r="F18" s="221">
        <v>1082</v>
      </c>
      <c r="G18" s="221">
        <v>1604</v>
      </c>
      <c r="H18" s="221">
        <v>893</v>
      </c>
      <c r="I18" s="221">
        <v>674</v>
      </c>
      <c r="J18" s="221">
        <v>445</v>
      </c>
      <c r="K18" s="222">
        <v>4698</v>
      </c>
      <c r="L18" s="223">
        <v>5544</v>
      </c>
      <c r="M18" s="224">
        <v>0</v>
      </c>
      <c r="N18" s="221">
        <v>27</v>
      </c>
      <c r="O18" s="222">
        <v>27</v>
      </c>
      <c r="P18" s="213">
        <v>0</v>
      </c>
      <c r="Q18" s="221">
        <v>16</v>
      </c>
      <c r="R18" s="221">
        <v>67</v>
      </c>
      <c r="S18" s="221">
        <v>35</v>
      </c>
      <c r="T18" s="221">
        <v>26</v>
      </c>
      <c r="U18" s="221">
        <v>16</v>
      </c>
      <c r="V18" s="222">
        <v>160</v>
      </c>
      <c r="W18" s="223">
        <v>187</v>
      </c>
      <c r="X18" s="220">
        <v>273</v>
      </c>
      <c r="Y18" s="221">
        <v>600</v>
      </c>
      <c r="Z18" s="222">
        <v>873</v>
      </c>
      <c r="AA18" s="213">
        <v>0</v>
      </c>
      <c r="AB18" s="221">
        <v>1098</v>
      </c>
      <c r="AC18" s="221">
        <v>1671</v>
      </c>
      <c r="AD18" s="221">
        <v>928</v>
      </c>
      <c r="AE18" s="221">
        <v>700</v>
      </c>
      <c r="AF18" s="221">
        <v>461</v>
      </c>
      <c r="AG18" s="222">
        <v>4858</v>
      </c>
      <c r="AH18" s="223">
        <v>5731</v>
      </c>
    </row>
    <row r="19" spans="1:34" ht="19.5" customHeight="1" x14ac:dyDescent="0.2">
      <c r="A19" s="49" t="s">
        <v>18</v>
      </c>
      <c r="B19" s="220">
        <v>340</v>
      </c>
      <c r="C19" s="221">
        <v>618</v>
      </c>
      <c r="D19" s="222">
        <v>958</v>
      </c>
      <c r="E19" s="213">
        <v>0</v>
      </c>
      <c r="F19" s="221">
        <v>1764</v>
      </c>
      <c r="G19" s="221">
        <v>1627</v>
      </c>
      <c r="H19" s="221">
        <v>1022</v>
      </c>
      <c r="I19" s="221">
        <v>734</v>
      </c>
      <c r="J19" s="221">
        <v>409</v>
      </c>
      <c r="K19" s="222">
        <v>5556</v>
      </c>
      <c r="L19" s="223">
        <v>6514</v>
      </c>
      <c r="M19" s="224">
        <v>9</v>
      </c>
      <c r="N19" s="221">
        <v>19</v>
      </c>
      <c r="O19" s="222">
        <v>28</v>
      </c>
      <c r="P19" s="213">
        <v>0</v>
      </c>
      <c r="Q19" s="221">
        <v>44</v>
      </c>
      <c r="R19" s="221">
        <v>58</v>
      </c>
      <c r="S19" s="221">
        <v>38</v>
      </c>
      <c r="T19" s="221">
        <v>22</v>
      </c>
      <c r="U19" s="221">
        <v>29</v>
      </c>
      <c r="V19" s="222">
        <v>191</v>
      </c>
      <c r="W19" s="223">
        <v>219</v>
      </c>
      <c r="X19" s="220">
        <v>349</v>
      </c>
      <c r="Y19" s="221">
        <v>637</v>
      </c>
      <c r="Z19" s="222">
        <v>986</v>
      </c>
      <c r="AA19" s="213">
        <v>0</v>
      </c>
      <c r="AB19" s="221">
        <v>1808</v>
      </c>
      <c r="AC19" s="221">
        <v>1685</v>
      </c>
      <c r="AD19" s="221">
        <v>1060</v>
      </c>
      <c r="AE19" s="221">
        <v>756</v>
      </c>
      <c r="AF19" s="221">
        <v>438</v>
      </c>
      <c r="AG19" s="222">
        <v>5747</v>
      </c>
      <c r="AH19" s="223">
        <v>6733</v>
      </c>
    </row>
    <row r="20" spans="1:34" ht="19.5" customHeight="1" x14ac:dyDescent="0.2">
      <c r="A20" s="49" t="s">
        <v>19</v>
      </c>
      <c r="B20" s="220">
        <v>167</v>
      </c>
      <c r="C20" s="221">
        <v>281</v>
      </c>
      <c r="D20" s="222">
        <v>448</v>
      </c>
      <c r="E20" s="213">
        <v>0</v>
      </c>
      <c r="F20" s="221">
        <v>799</v>
      </c>
      <c r="G20" s="221">
        <v>689</v>
      </c>
      <c r="H20" s="221">
        <v>387</v>
      </c>
      <c r="I20" s="221">
        <v>293</v>
      </c>
      <c r="J20" s="221">
        <v>196</v>
      </c>
      <c r="K20" s="222">
        <v>2364</v>
      </c>
      <c r="L20" s="223">
        <v>2812</v>
      </c>
      <c r="M20" s="224">
        <v>3</v>
      </c>
      <c r="N20" s="221">
        <v>7</v>
      </c>
      <c r="O20" s="222">
        <v>10</v>
      </c>
      <c r="P20" s="213">
        <v>0</v>
      </c>
      <c r="Q20" s="221">
        <v>20</v>
      </c>
      <c r="R20" s="221">
        <v>19</v>
      </c>
      <c r="S20" s="221">
        <v>12</v>
      </c>
      <c r="T20" s="221">
        <v>5</v>
      </c>
      <c r="U20" s="221">
        <v>5</v>
      </c>
      <c r="V20" s="222">
        <v>61</v>
      </c>
      <c r="W20" s="223">
        <v>71</v>
      </c>
      <c r="X20" s="220">
        <v>170</v>
      </c>
      <c r="Y20" s="221">
        <v>288</v>
      </c>
      <c r="Z20" s="222">
        <v>458</v>
      </c>
      <c r="AA20" s="213">
        <v>0</v>
      </c>
      <c r="AB20" s="221">
        <v>819</v>
      </c>
      <c r="AC20" s="221">
        <v>708</v>
      </c>
      <c r="AD20" s="221">
        <v>399</v>
      </c>
      <c r="AE20" s="221">
        <v>298</v>
      </c>
      <c r="AF20" s="221">
        <v>201</v>
      </c>
      <c r="AG20" s="222">
        <v>2425</v>
      </c>
      <c r="AH20" s="223">
        <v>2883</v>
      </c>
    </row>
    <row r="21" spans="1:34" ht="19.5" customHeight="1" x14ac:dyDescent="0.2">
      <c r="A21" s="49" t="s">
        <v>20</v>
      </c>
      <c r="B21" s="220">
        <v>193</v>
      </c>
      <c r="C21" s="221">
        <v>432</v>
      </c>
      <c r="D21" s="222">
        <v>625</v>
      </c>
      <c r="E21" s="213">
        <v>0</v>
      </c>
      <c r="F21" s="221">
        <v>1058</v>
      </c>
      <c r="G21" s="221">
        <v>661</v>
      </c>
      <c r="H21" s="221">
        <v>453</v>
      </c>
      <c r="I21" s="221">
        <v>327</v>
      </c>
      <c r="J21" s="221">
        <v>152</v>
      </c>
      <c r="K21" s="222">
        <v>2651</v>
      </c>
      <c r="L21" s="223">
        <v>3276</v>
      </c>
      <c r="M21" s="224">
        <v>2</v>
      </c>
      <c r="N21" s="221">
        <v>17</v>
      </c>
      <c r="O21" s="222">
        <v>19</v>
      </c>
      <c r="P21" s="213">
        <v>0</v>
      </c>
      <c r="Q21" s="221">
        <v>32</v>
      </c>
      <c r="R21" s="221">
        <v>18</v>
      </c>
      <c r="S21" s="221">
        <v>16</v>
      </c>
      <c r="T21" s="221">
        <v>12</v>
      </c>
      <c r="U21" s="221">
        <v>6</v>
      </c>
      <c r="V21" s="222">
        <v>84</v>
      </c>
      <c r="W21" s="223">
        <v>103</v>
      </c>
      <c r="X21" s="220">
        <v>195</v>
      </c>
      <c r="Y21" s="221">
        <v>449</v>
      </c>
      <c r="Z21" s="222">
        <v>644</v>
      </c>
      <c r="AA21" s="213">
        <v>0</v>
      </c>
      <c r="AB21" s="221">
        <v>1090</v>
      </c>
      <c r="AC21" s="221">
        <v>679</v>
      </c>
      <c r="AD21" s="221">
        <v>469</v>
      </c>
      <c r="AE21" s="221">
        <v>339</v>
      </c>
      <c r="AF21" s="221">
        <v>158</v>
      </c>
      <c r="AG21" s="222">
        <v>2735</v>
      </c>
      <c r="AH21" s="223">
        <v>3379</v>
      </c>
    </row>
    <row r="22" spans="1:34" ht="19.5" customHeight="1" x14ac:dyDescent="0.2">
      <c r="A22" s="49" t="s">
        <v>21</v>
      </c>
      <c r="B22" s="220">
        <v>276</v>
      </c>
      <c r="C22" s="221">
        <v>410</v>
      </c>
      <c r="D22" s="222">
        <v>686</v>
      </c>
      <c r="E22" s="213">
        <v>0</v>
      </c>
      <c r="F22" s="221">
        <v>902</v>
      </c>
      <c r="G22" s="221">
        <v>1072</v>
      </c>
      <c r="H22" s="221">
        <v>575</v>
      </c>
      <c r="I22" s="221">
        <v>395</v>
      </c>
      <c r="J22" s="221">
        <v>231</v>
      </c>
      <c r="K22" s="222">
        <v>3175</v>
      </c>
      <c r="L22" s="223">
        <v>3861</v>
      </c>
      <c r="M22" s="224">
        <v>3</v>
      </c>
      <c r="N22" s="221">
        <v>17</v>
      </c>
      <c r="O22" s="222">
        <v>20</v>
      </c>
      <c r="P22" s="213">
        <v>0</v>
      </c>
      <c r="Q22" s="221">
        <v>11</v>
      </c>
      <c r="R22" s="221">
        <v>40</v>
      </c>
      <c r="S22" s="221">
        <v>6</v>
      </c>
      <c r="T22" s="221">
        <v>11</v>
      </c>
      <c r="U22" s="221">
        <v>8</v>
      </c>
      <c r="V22" s="222">
        <v>76</v>
      </c>
      <c r="W22" s="223">
        <v>96</v>
      </c>
      <c r="X22" s="220">
        <v>279</v>
      </c>
      <c r="Y22" s="221">
        <v>427</v>
      </c>
      <c r="Z22" s="222">
        <v>706</v>
      </c>
      <c r="AA22" s="213">
        <v>0</v>
      </c>
      <c r="AB22" s="221">
        <v>913</v>
      </c>
      <c r="AC22" s="221">
        <v>1112</v>
      </c>
      <c r="AD22" s="221">
        <v>581</v>
      </c>
      <c r="AE22" s="221">
        <v>406</v>
      </c>
      <c r="AF22" s="221">
        <v>239</v>
      </c>
      <c r="AG22" s="222">
        <v>3251</v>
      </c>
      <c r="AH22" s="223">
        <v>3957</v>
      </c>
    </row>
    <row r="23" spans="1:34" ht="19.5" customHeight="1" x14ac:dyDescent="0.2">
      <c r="A23" s="49" t="s">
        <v>22</v>
      </c>
      <c r="B23" s="220">
        <v>61</v>
      </c>
      <c r="C23" s="221">
        <v>161</v>
      </c>
      <c r="D23" s="222">
        <v>222</v>
      </c>
      <c r="E23" s="213">
        <v>0</v>
      </c>
      <c r="F23" s="221">
        <v>419</v>
      </c>
      <c r="G23" s="221">
        <v>377</v>
      </c>
      <c r="H23" s="221">
        <v>188</v>
      </c>
      <c r="I23" s="221">
        <v>140</v>
      </c>
      <c r="J23" s="221">
        <v>80</v>
      </c>
      <c r="K23" s="222">
        <v>1204</v>
      </c>
      <c r="L23" s="223">
        <v>1426</v>
      </c>
      <c r="M23" s="224">
        <v>0</v>
      </c>
      <c r="N23" s="221">
        <v>4</v>
      </c>
      <c r="O23" s="222">
        <v>4</v>
      </c>
      <c r="P23" s="213">
        <v>0</v>
      </c>
      <c r="Q23" s="221">
        <v>12</v>
      </c>
      <c r="R23" s="221">
        <v>5</v>
      </c>
      <c r="S23" s="221">
        <v>5</v>
      </c>
      <c r="T23" s="221">
        <v>5</v>
      </c>
      <c r="U23" s="221">
        <v>0</v>
      </c>
      <c r="V23" s="222">
        <v>27</v>
      </c>
      <c r="W23" s="223">
        <v>31</v>
      </c>
      <c r="X23" s="220">
        <v>61</v>
      </c>
      <c r="Y23" s="221">
        <v>165</v>
      </c>
      <c r="Z23" s="222">
        <v>226</v>
      </c>
      <c r="AA23" s="213">
        <v>0</v>
      </c>
      <c r="AB23" s="221">
        <v>431</v>
      </c>
      <c r="AC23" s="221">
        <v>382</v>
      </c>
      <c r="AD23" s="221">
        <v>193</v>
      </c>
      <c r="AE23" s="221">
        <v>145</v>
      </c>
      <c r="AF23" s="221">
        <v>80</v>
      </c>
      <c r="AG23" s="222">
        <v>1231</v>
      </c>
      <c r="AH23" s="223">
        <v>1457</v>
      </c>
    </row>
    <row r="24" spans="1:34" ht="19.5" customHeight="1" x14ac:dyDescent="0.2">
      <c r="A24" s="49" t="s">
        <v>23</v>
      </c>
      <c r="B24" s="220">
        <v>124</v>
      </c>
      <c r="C24" s="221">
        <v>234</v>
      </c>
      <c r="D24" s="222">
        <v>358</v>
      </c>
      <c r="E24" s="213">
        <v>0</v>
      </c>
      <c r="F24" s="221">
        <v>621</v>
      </c>
      <c r="G24" s="221">
        <v>560</v>
      </c>
      <c r="H24" s="221">
        <v>294</v>
      </c>
      <c r="I24" s="221">
        <v>253</v>
      </c>
      <c r="J24" s="221">
        <v>125</v>
      </c>
      <c r="K24" s="222">
        <v>1853</v>
      </c>
      <c r="L24" s="223">
        <v>2211</v>
      </c>
      <c r="M24" s="224">
        <v>6</v>
      </c>
      <c r="N24" s="221">
        <v>10</v>
      </c>
      <c r="O24" s="222">
        <v>16</v>
      </c>
      <c r="P24" s="213">
        <v>0</v>
      </c>
      <c r="Q24" s="221">
        <v>6</v>
      </c>
      <c r="R24" s="221">
        <v>16</v>
      </c>
      <c r="S24" s="221">
        <v>7</v>
      </c>
      <c r="T24" s="221">
        <v>7</v>
      </c>
      <c r="U24" s="221">
        <v>5</v>
      </c>
      <c r="V24" s="222">
        <v>41</v>
      </c>
      <c r="W24" s="223">
        <v>57</v>
      </c>
      <c r="X24" s="220">
        <v>130</v>
      </c>
      <c r="Y24" s="221">
        <v>244</v>
      </c>
      <c r="Z24" s="222">
        <v>374</v>
      </c>
      <c r="AA24" s="213">
        <v>0</v>
      </c>
      <c r="AB24" s="221">
        <v>627</v>
      </c>
      <c r="AC24" s="221">
        <v>576</v>
      </c>
      <c r="AD24" s="221">
        <v>301</v>
      </c>
      <c r="AE24" s="221">
        <v>260</v>
      </c>
      <c r="AF24" s="221">
        <v>130</v>
      </c>
      <c r="AG24" s="222">
        <v>1894</v>
      </c>
      <c r="AH24" s="223">
        <v>2268</v>
      </c>
    </row>
    <row r="25" spans="1:34" ht="19.5" customHeight="1" x14ac:dyDescent="0.2">
      <c r="A25" s="49" t="s">
        <v>24</v>
      </c>
      <c r="B25" s="220">
        <v>111</v>
      </c>
      <c r="C25" s="221">
        <v>101</v>
      </c>
      <c r="D25" s="222">
        <v>212</v>
      </c>
      <c r="E25" s="213">
        <v>0</v>
      </c>
      <c r="F25" s="221">
        <v>335</v>
      </c>
      <c r="G25" s="221">
        <v>224</v>
      </c>
      <c r="H25" s="221">
        <v>167</v>
      </c>
      <c r="I25" s="221">
        <v>123</v>
      </c>
      <c r="J25" s="221">
        <v>88</v>
      </c>
      <c r="K25" s="222">
        <v>937</v>
      </c>
      <c r="L25" s="223">
        <v>1149</v>
      </c>
      <c r="M25" s="224">
        <v>1</v>
      </c>
      <c r="N25" s="221">
        <v>2</v>
      </c>
      <c r="O25" s="222">
        <v>3</v>
      </c>
      <c r="P25" s="213">
        <v>0</v>
      </c>
      <c r="Q25" s="221">
        <v>5</v>
      </c>
      <c r="R25" s="221">
        <v>8</v>
      </c>
      <c r="S25" s="221">
        <v>1</v>
      </c>
      <c r="T25" s="221">
        <v>1</v>
      </c>
      <c r="U25" s="221">
        <v>1</v>
      </c>
      <c r="V25" s="222">
        <v>16</v>
      </c>
      <c r="W25" s="223">
        <v>19</v>
      </c>
      <c r="X25" s="220">
        <v>112</v>
      </c>
      <c r="Y25" s="221">
        <v>103</v>
      </c>
      <c r="Z25" s="222">
        <v>215</v>
      </c>
      <c r="AA25" s="213">
        <v>0</v>
      </c>
      <c r="AB25" s="221">
        <v>340</v>
      </c>
      <c r="AC25" s="221">
        <v>232</v>
      </c>
      <c r="AD25" s="221">
        <v>168</v>
      </c>
      <c r="AE25" s="221">
        <v>124</v>
      </c>
      <c r="AF25" s="221">
        <v>89</v>
      </c>
      <c r="AG25" s="222">
        <v>953</v>
      </c>
      <c r="AH25" s="223">
        <v>1168</v>
      </c>
    </row>
    <row r="26" spans="1:34" ht="19.5" customHeight="1" x14ac:dyDescent="0.2">
      <c r="A26" s="49" t="s">
        <v>25</v>
      </c>
      <c r="B26" s="220">
        <v>80</v>
      </c>
      <c r="C26" s="221">
        <v>141</v>
      </c>
      <c r="D26" s="222">
        <v>221</v>
      </c>
      <c r="E26" s="213">
        <v>0</v>
      </c>
      <c r="F26" s="221">
        <v>389</v>
      </c>
      <c r="G26" s="221">
        <v>261</v>
      </c>
      <c r="H26" s="221">
        <v>124</v>
      </c>
      <c r="I26" s="221">
        <v>159</v>
      </c>
      <c r="J26" s="221">
        <v>69</v>
      </c>
      <c r="K26" s="222">
        <v>1002</v>
      </c>
      <c r="L26" s="223">
        <v>1223</v>
      </c>
      <c r="M26" s="224">
        <v>0</v>
      </c>
      <c r="N26" s="221">
        <v>5</v>
      </c>
      <c r="O26" s="222">
        <v>5</v>
      </c>
      <c r="P26" s="213">
        <v>0</v>
      </c>
      <c r="Q26" s="221">
        <v>8</v>
      </c>
      <c r="R26" s="221">
        <v>10</v>
      </c>
      <c r="S26" s="221">
        <v>2</v>
      </c>
      <c r="T26" s="221">
        <v>3</v>
      </c>
      <c r="U26" s="221">
        <v>4</v>
      </c>
      <c r="V26" s="222">
        <v>27</v>
      </c>
      <c r="W26" s="223">
        <v>32</v>
      </c>
      <c r="X26" s="220">
        <v>80</v>
      </c>
      <c r="Y26" s="221">
        <v>146</v>
      </c>
      <c r="Z26" s="222">
        <v>226</v>
      </c>
      <c r="AA26" s="213">
        <v>0</v>
      </c>
      <c r="AB26" s="221">
        <v>397</v>
      </c>
      <c r="AC26" s="221">
        <v>271</v>
      </c>
      <c r="AD26" s="221">
        <v>126</v>
      </c>
      <c r="AE26" s="221">
        <v>162</v>
      </c>
      <c r="AF26" s="221">
        <v>73</v>
      </c>
      <c r="AG26" s="222">
        <v>1029</v>
      </c>
      <c r="AH26" s="223">
        <v>1255</v>
      </c>
    </row>
    <row r="27" spans="1:34" ht="19.5" customHeight="1" x14ac:dyDescent="0.2">
      <c r="A27" s="49" t="s">
        <v>26</v>
      </c>
      <c r="B27" s="220">
        <v>80</v>
      </c>
      <c r="C27" s="221">
        <v>104</v>
      </c>
      <c r="D27" s="222">
        <v>184</v>
      </c>
      <c r="E27" s="213">
        <v>0</v>
      </c>
      <c r="F27" s="221">
        <v>289</v>
      </c>
      <c r="G27" s="221">
        <v>237</v>
      </c>
      <c r="H27" s="221">
        <v>157</v>
      </c>
      <c r="I27" s="221">
        <v>107</v>
      </c>
      <c r="J27" s="221">
        <v>86</v>
      </c>
      <c r="K27" s="222">
        <v>876</v>
      </c>
      <c r="L27" s="223">
        <v>1060</v>
      </c>
      <c r="M27" s="224">
        <v>2</v>
      </c>
      <c r="N27" s="221">
        <v>0</v>
      </c>
      <c r="O27" s="222">
        <v>2</v>
      </c>
      <c r="P27" s="213">
        <v>0</v>
      </c>
      <c r="Q27" s="221">
        <v>6</v>
      </c>
      <c r="R27" s="221">
        <v>7</v>
      </c>
      <c r="S27" s="221">
        <v>2</v>
      </c>
      <c r="T27" s="221">
        <v>4</v>
      </c>
      <c r="U27" s="221">
        <v>3</v>
      </c>
      <c r="V27" s="222">
        <v>22</v>
      </c>
      <c r="W27" s="223">
        <v>24</v>
      </c>
      <c r="X27" s="220">
        <v>82</v>
      </c>
      <c r="Y27" s="221">
        <v>104</v>
      </c>
      <c r="Z27" s="222">
        <v>186</v>
      </c>
      <c r="AA27" s="213">
        <v>0</v>
      </c>
      <c r="AB27" s="221">
        <v>295</v>
      </c>
      <c r="AC27" s="221">
        <v>244</v>
      </c>
      <c r="AD27" s="221">
        <v>159</v>
      </c>
      <c r="AE27" s="221">
        <v>111</v>
      </c>
      <c r="AF27" s="221">
        <v>89</v>
      </c>
      <c r="AG27" s="222">
        <v>898</v>
      </c>
      <c r="AH27" s="223">
        <v>1084</v>
      </c>
    </row>
    <row r="28" spans="1:34" ht="19.5" customHeight="1" x14ac:dyDescent="0.2">
      <c r="A28" s="49" t="s">
        <v>27</v>
      </c>
      <c r="B28" s="220">
        <v>120</v>
      </c>
      <c r="C28" s="221">
        <v>157</v>
      </c>
      <c r="D28" s="222">
        <v>277</v>
      </c>
      <c r="E28" s="213">
        <v>0</v>
      </c>
      <c r="F28" s="221">
        <v>233</v>
      </c>
      <c r="G28" s="221">
        <v>220</v>
      </c>
      <c r="H28" s="221">
        <v>151</v>
      </c>
      <c r="I28" s="221">
        <v>114</v>
      </c>
      <c r="J28" s="221">
        <v>61</v>
      </c>
      <c r="K28" s="222">
        <v>779</v>
      </c>
      <c r="L28" s="223">
        <v>1056</v>
      </c>
      <c r="M28" s="224">
        <v>1</v>
      </c>
      <c r="N28" s="221">
        <v>3</v>
      </c>
      <c r="O28" s="222">
        <v>4</v>
      </c>
      <c r="P28" s="213">
        <v>0</v>
      </c>
      <c r="Q28" s="221">
        <v>6</v>
      </c>
      <c r="R28" s="221">
        <v>4</v>
      </c>
      <c r="S28" s="221">
        <v>1</v>
      </c>
      <c r="T28" s="221">
        <v>1</v>
      </c>
      <c r="U28" s="221">
        <v>3</v>
      </c>
      <c r="V28" s="222">
        <v>15</v>
      </c>
      <c r="W28" s="223">
        <v>19</v>
      </c>
      <c r="X28" s="220">
        <v>121</v>
      </c>
      <c r="Y28" s="221">
        <v>160</v>
      </c>
      <c r="Z28" s="222">
        <v>281</v>
      </c>
      <c r="AA28" s="213">
        <v>0</v>
      </c>
      <c r="AB28" s="221">
        <v>239</v>
      </c>
      <c r="AC28" s="221">
        <v>224</v>
      </c>
      <c r="AD28" s="221">
        <v>152</v>
      </c>
      <c r="AE28" s="221">
        <v>115</v>
      </c>
      <c r="AF28" s="221">
        <v>64</v>
      </c>
      <c r="AG28" s="222">
        <v>794</v>
      </c>
      <c r="AH28" s="223">
        <v>1075</v>
      </c>
    </row>
    <row r="29" spans="1:34" ht="19.5" customHeight="1" x14ac:dyDescent="0.2">
      <c r="A29" s="49" t="s">
        <v>28</v>
      </c>
      <c r="B29" s="220">
        <v>7</v>
      </c>
      <c r="C29" s="221">
        <v>18</v>
      </c>
      <c r="D29" s="222">
        <v>25</v>
      </c>
      <c r="E29" s="213">
        <v>0</v>
      </c>
      <c r="F29" s="221">
        <v>79</v>
      </c>
      <c r="G29" s="221">
        <v>96</v>
      </c>
      <c r="H29" s="221">
        <v>47</v>
      </c>
      <c r="I29" s="221">
        <v>34</v>
      </c>
      <c r="J29" s="221">
        <v>24</v>
      </c>
      <c r="K29" s="222">
        <v>280</v>
      </c>
      <c r="L29" s="223">
        <v>305</v>
      </c>
      <c r="M29" s="224">
        <v>0</v>
      </c>
      <c r="N29" s="221">
        <v>0</v>
      </c>
      <c r="O29" s="222">
        <v>0</v>
      </c>
      <c r="P29" s="213">
        <v>0</v>
      </c>
      <c r="Q29" s="221">
        <v>1</v>
      </c>
      <c r="R29" s="221">
        <v>1</v>
      </c>
      <c r="S29" s="221">
        <v>0</v>
      </c>
      <c r="T29" s="221">
        <v>1</v>
      </c>
      <c r="U29" s="221">
        <v>3</v>
      </c>
      <c r="V29" s="222">
        <v>6</v>
      </c>
      <c r="W29" s="223">
        <v>6</v>
      </c>
      <c r="X29" s="220">
        <v>7</v>
      </c>
      <c r="Y29" s="221">
        <v>18</v>
      </c>
      <c r="Z29" s="222">
        <v>25</v>
      </c>
      <c r="AA29" s="213">
        <v>0</v>
      </c>
      <c r="AB29" s="221">
        <v>80</v>
      </c>
      <c r="AC29" s="221">
        <v>97</v>
      </c>
      <c r="AD29" s="221">
        <v>47</v>
      </c>
      <c r="AE29" s="221">
        <v>35</v>
      </c>
      <c r="AF29" s="221">
        <v>27</v>
      </c>
      <c r="AG29" s="222">
        <v>286</v>
      </c>
      <c r="AH29" s="223">
        <v>311</v>
      </c>
    </row>
    <row r="30" spans="1:34" ht="19.5" customHeight="1" x14ac:dyDescent="0.2">
      <c r="A30" s="49" t="s">
        <v>29</v>
      </c>
      <c r="B30" s="220">
        <v>26</v>
      </c>
      <c r="C30" s="221">
        <v>36</v>
      </c>
      <c r="D30" s="222">
        <v>62</v>
      </c>
      <c r="E30" s="213">
        <v>0</v>
      </c>
      <c r="F30" s="221">
        <v>83</v>
      </c>
      <c r="G30" s="221">
        <v>102</v>
      </c>
      <c r="H30" s="221">
        <v>49</v>
      </c>
      <c r="I30" s="221">
        <v>50</v>
      </c>
      <c r="J30" s="221">
        <v>31</v>
      </c>
      <c r="K30" s="222">
        <v>315</v>
      </c>
      <c r="L30" s="223">
        <v>377</v>
      </c>
      <c r="M30" s="224">
        <v>1</v>
      </c>
      <c r="N30" s="221">
        <v>2</v>
      </c>
      <c r="O30" s="222">
        <v>3</v>
      </c>
      <c r="P30" s="213">
        <v>0</v>
      </c>
      <c r="Q30" s="221">
        <v>2</v>
      </c>
      <c r="R30" s="221">
        <v>3</v>
      </c>
      <c r="S30" s="221">
        <v>2</v>
      </c>
      <c r="T30" s="221">
        <v>1</v>
      </c>
      <c r="U30" s="221">
        <v>0</v>
      </c>
      <c r="V30" s="222">
        <v>8</v>
      </c>
      <c r="W30" s="223">
        <v>11</v>
      </c>
      <c r="X30" s="220">
        <v>27</v>
      </c>
      <c r="Y30" s="221">
        <v>38</v>
      </c>
      <c r="Z30" s="222">
        <v>65</v>
      </c>
      <c r="AA30" s="213">
        <v>0</v>
      </c>
      <c r="AB30" s="221">
        <v>85</v>
      </c>
      <c r="AC30" s="221">
        <v>105</v>
      </c>
      <c r="AD30" s="221">
        <v>51</v>
      </c>
      <c r="AE30" s="221">
        <v>51</v>
      </c>
      <c r="AF30" s="221">
        <v>31</v>
      </c>
      <c r="AG30" s="222">
        <v>323</v>
      </c>
      <c r="AH30" s="223">
        <v>388</v>
      </c>
    </row>
    <row r="31" spans="1:34" ht="19.5" customHeight="1" x14ac:dyDescent="0.2">
      <c r="A31" s="49" t="s">
        <v>30</v>
      </c>
      <c r="B31" s="220">
        <v>29</v>
      </c>
      <c r="C31" s="221">
        <v>31</v>
      </c>
      <c r="D31" s="222">
        <v>60</v>
      </c>
      <c r="E31" s="213">
        <v>0</v>
      </c>
      <c r="F31" s="221">
        <v>104</v>
      </c>
      <c r="G31" s="221">
        <v>85</v>
      </c>
      <c r="H31" s="221">
        <v>66</v>
      </c>
      <c r="I31" s="221">
        <v>48</v>
      </c>
      <c r="J31" s="221">
        <v>21</v>
      </c>
      <c r="K31" s="222">
        <v>324</v>
      </c>
      <c r="L31" s="223">
        <v>384</v>
      </c>
      <c r="M31" s="224">
        <v>0</v>
      </c>
      <c r="N31" s="221">
        <v>0</v>
      </c>
      <c r="O31" s="222">
        <v>0</v>
      </c>
      <c r="P31" s="213">
        <v>0</v>
      </c>
      <c r="Q31" s="221">
        <v>1</v>
      </c>
      <c r="R31" s="221">
        <v>0</v>
      </c>
      <c r="S31" s="221">
        <v>1</v>
      </c>
      <c r="T31" s="221">
        <v>2</v>
      </c>
      <c r="U31" s="221">
        <v>0</v>
      </c>
      <c r="V31" s="222">
        <v>4</v>
      </c>
      <c r="W31" s="223">
        <v>4</v>
      </c>
      <c r="X31" s="220">
        <v>29</v>
      </c>
      <c r="Y31" s="221">
        <v>31</v>
      </c>
      <c r="Z31" s="222">
        <v>60</v>
      </c>
      <c r="AA31" s="213">
        <v>0</v>
      </c>
      <c r="AB31" s="221">
        <v>105</v>
      </c>
      <c r="AC31" s="221">
        <v>85</v>
      </c>
      <c r="AD31" s="221">
        <v>67</v>
      </c>
      <c r="AE31" s="221">
        <v>50</v>
      </c>
      <c r="AF31" s="221">
        <v>21</v>
      </c>
      <c r="AG31" s="222">
        <v>328</v>
      </c>
      <c r="AH31" s="223">
        <v>388</v>
      </c>
    </row>
    <row r="32" spans="1:34" ht="19.5" customHeight="1" x14ac:dyDescent="0.2">
      <c r="A32" s="49" t="s">
        <v>31</v>
      </c>
      <c r="B32" s="220">
        <v>24</v>
      </c>
      <c r="C32" s="221">
        <v>52</v>
      </c>
      <c r="D32" s="222">
        <v>76</v>
      </c>
      <c r="E32" s="213">
        <v>0</v>
      </c>
      <c r="F32" s="221">
        <v>105</v>
      </c>
      <c r="G32" s="221">
        <v>112</v>
      </c>
      <c r="H32" s="221">
        <v>63</v>
      </c>
      <c r="I32" s="221">
        <v>28</v>
      </c>
      <c r="J32" s="221">
        <v>16</v>
      </c>
      <c r="K32" s="222">
        <v>324</v>
      </c>
      <c r="L32" s="223">
        <v>400</v>
      </c>
      <c r="M32" s="224">
        <v>0</v>
      </c>
      <c r="N32" s="221">
        <v>0</v>
      </c>
      <c r="O32" s="222">
        <v>0</v>
      </c>
      <c r="P32" s="213">
        <v>0</v>
      </c>
      <c r="Q32" s="221">
        <v>3</v>
      </c>
      <c r="R32" s="221">
        <v>1</v>
      </c>
      <c r="S32" s="221">
        <v>1</v>
      </c>
      <c r="T32" s="221">
        <v>1</v>
      </c>
      <c r="U32" s="221">
        <v>2</v>
      </c>
      <c r="V32" s="222">
        <v>8</v>
      </c>
      <c r="W32" s="223">
        <v>8</v>
      </c>
      <c r="X32" s="220">
        <v>24</v>
      </c>
      <c r="Y32" s="221">
        <v>52</v>
      </c>
      <c r="Z32" s="222">
        <v>76</v>
      </c>
      <c r="AA32" s="213">
        <v>0</v>
      </c>
      <c r="AB32" s="221">
        <v>108</v>
      </c>
      <c r="AC32" s="221">
        <v>113</v>
      </c>
      <c r="AD32" s="221">
        <v>64</v>
      </c>
      <c r="AE32" s="221">
        <v>29</v>
      </c>
      <c r="AF32" s="221">
        <v>18</v>
      </c>
      <c r="AG32" s="222">
        <v>332</v>
      </c>
      <c r="AH32" s="223">
        <v>408</v>
      </c>
    </row>
    <row r="33" spans="1:34" ht="19.5" customHeight="1" x14ac:dyDescent="0.2">
      <c r="A33" s="49" t="s">
        <v>32</v>
      </c>
      <c r="B33" s="220">
        <v>32</v>
      </c>
      <c r="C33" s="221">
        <v>46</v>
      </c>
      <c r="D33" s="222">
        <v>78</v>
      </c>
      <c r="E33" s="213">
        <v>0</v>
      </c>
      <c r="F33" s="221">
        <v>138</v>
      </c>
      <c r="G33" s="221">
        <v>116</v>
      </c>
      <c r="H33" s="221">
        <v>69</v>
      </c>
      <c r="I33" s="221">
        <v>48</v>
      </c>
      <c r="J33" s="221">
        <v>30</v>
      </c>
      <c r="K33" s="222">
        <v>401</v>
      </c>
      <c r="L33" s="223">
        <v>479</v>
      </c>
      <c r="M33" s="224">
        <v>0</v>
      </c>
      <c r="N33" s="221">
        <v>1</v>
      </c>
      <c r="O33" s="222">
        <v>1</v>
      </c>
      <c r="P33" s="213">
        <v>0</v>
      </c>
      <c r="Q33" s="221">
        <v>8</v>
      </c>
      <c r="R33" s="221">
        <v>6</v>
      </c>
      <c r="S33" s="221">
        <v>0</v>
      </c>
      <c r="T33" s="221">
        <v>3</v>
      </c>
      <c r="U33" s="221">
        <v>2</v>
      </c>
      <c r="V33" s="222">
        <v>19</v>
      </c>
      <c r="W33" s="223">
        <v>20</v>
      </c>
      <c r="X33" s="220">
        <v>32</v>
      </c>
      <c r="Y33" s="221">
        <v>47</v>
      </c>
      <c r="Z33" s="222">
        <v>79</v>
      </c>
      <c r="AA33" s="213">
        <v>0</v>
      </c>
      <c r="AB33" s="221">
        <v>146</v>
      </c>
      <c r="AC33" s="221">
        <v>122</v>
      </c>
      <c r="AD33" s="221">
        <v>69</v>
      </c>
      <c r="AE33" s="221">
        <v>51</v>
      </c>
      <c r="AF33" s="221">
        <v>32</v>
      </c>
      <c r="AG33" s="222">
        <v>420</v>
      </c>
      <c r="AH33" s="223">
        <v>499</v>
      </c>
    </row>
    <row r="34" spans="1:34" ht="19.5" customHeight="1" x14ac:dyDescent="0.2">
      <c r="A34" s="49" t="s">
        <v>33</v>
      </c>
      <c r="B34" s="220">
        <v>47</v>
      </c>
      <c r="C34" s="221">
        <v>62</v>
      </c>
      <c r="D34" s="222">
        <v>109</v>
      </c>
      <c r="E34" s="213">
        <v>0</v>
      </c>
      <c r="F34" s="221">
        <v>124</v>
      </c>
      <c r="G34" s="221">
        <v>91</v>
      </c>
      <c r="H34" s="221">
        <v>43</v>
      </c>
      <c r="I34" s="221">
        <v>37</v>
      </c>
      <c r="J34" s="221">
        <v>22</v>
      </c>
      <c r="K34" s="222">
        <v>317</v>
      </c>
      <c r="L34" s="223">
        <v>426</v>
      </c>
      <c r="M34" s="224">
        <v>0</v>
      </c>
      <c r="N34" s="221">
        <v>0</v>
      </c>
      <c r="O34" s="222">
        <v>0</v>
      </c>
      <c r="P34" s="213">
        <v>0</v>
      </c>
      <c r="Q34" s="221">
        <v>2</v>
      </c>
      <c r="R34" s="221">
        <v>1</v>
      </c>
      <c r="S34" s="221">
        <v>0</v>
      </c>
      <c r="T34" s="221">
        <v>1</v>
      </c>
      <c r="U34" s="221">
        <v>1</v>
      </c>
      <c r="V34" s="222">
        <v>5</v>
      </c>
      <c r="W34" s="223">
        <v>5</v>
      </c>
      <c r="X34" s="220">
        <v>47</v>
      </c>
      <c r="Y34" s="221">
        <v>62</v>
      </c>
      <c r="Z34" s="222">
        <v>109</v>
      </c>
      <c r="AA34" s="213">
        <v>0</v>
      </c>
      <c r="AB34" s="221">
        <v>126</v>
      </c>
      <c r="AC34" s="221">
        <v>92</v>
      </c>
      <c r="AD34" s="221">
        <v>43</v>
      </c>
      <c r="AE34" s="221">
        <v>38</v>
      </c>
      <c r="AF34" s="221">
        <v>23</v>
      </c>
      <c r="AG34" s="222">
        <v>322</v>
      </c>
      <c r="AH34" s="223">
        <v>431</v>
      </c>
    </row>
    <row r="35" spans="1:34" ht="19.5" customHeight="1" x14ac:dyDescent="0.2">
      <c r="A35" s="49" t="s">
        <v>34</v>
      </c>
      <c r="B35" s="220">
        <v>19</v>
      </c>
      <c r="C35" s="221">
        <v>28</v>
      </c>
      <c r="D35" s="222">
        <v>47</v>
      </c>
      <c r="E35" s="213">
        <v>0</v>
      </c>
      <c r="F35" s="221">
        <v>98</v>
      </c>
      <c r="G35" s="221">
        <v>70</v>
      </c>
      <c r="H35" s="221">
        <v>39</v>
      </c>
      <c r="I35" s="221">
        <v>32</v>
      </c>
      <c r="J35" s="221">
        <v>14</v>
      </c>
      <c r="K35" s="222">
        <v>253</v>
      </c>
      <c r="L35" s="223">
        <v>300</v>
      </c>
      <c r="M35" s="224">
        <v>0</v>
      </c>
      <c r="N35" s="221">
        <v>0</v>
      </c>
      <c r="O35" s="222">
        <v>0</v>
      </c>
      <c r="P35" s="213">
        <v>0</v>
      </c>
      <c r="Q35" s="221">
        <v>3</v>
      </c>
      <c r="R35" s="221">
        <v>1</v>
      </c>
      <c r="S35" s="221">
        <v>2</v>
      </c>
      <c r="T35" s="221">
        <v>1</v>
      </c>
      <c r="U35" s="221">
        <v>1</v>
      </c>
      <c r="V35" s="222">
        <v>8</v>
      </c>
      <c r="W35" s="223">
        <v>8</v>
      </c>
      <c r="X35" s="220">
        <v>19</v>
      </c>
      <c r="Y35" s="221">
        <v>28</v>
      </c>
      <c r="Z35" s="222">
        <v>47</v>
      </c>
      <c r="AA35" s="213">
        <v>0</v>
      </c>
      <c r="AB35" s="221">
        <v>101</v>
      </c>
      <c r="AC35" s="221">
        <v>71</v>
      </c>
      <c r="AD35" s="221">
        <v>41</v>
      </c>
      <c r="AE35" s="221">
        <v>33</v>
      </c>
      <c r="AF35" s="221">
        <v>15</v>
      </c>
      <c r="AG35" s="222">
        <v>261</v>
      </c>
      <c r="AH35" s="223">
        <v>308</v>
      </c>
    </row>
    <row r="36" spans="1:34" ht="19.5" customHeight="1" x14ac:dyDescent="0.2">
      <c r="A36" s="49" t="s">
        <v>35</v>
      </c>
      <c r="B36" s="220">
        <v>65</v>
      </c>
      <c r="C36" s="221">
        <v>103</v>
      </c>
      <c r="D36" s="222">
        <v>168</v>
      </c>
      <c r="E36" s="213">
        <v>0</v>
      </c>
      <c r="F36" s="221">
        <v>345</v>
      </c>
      <c r="G36" s="221">
        <v>246</v>
      </c>
      <c r="H36" s="221">
        <v>146</v>
      </c>
      <c r="I36" s="221">
        <v>115</v>
      </c>
      <c r="J36" s="221">
        <v>48</v>
      </c>
      <c r="K36" s="222">
        <v>900</v>
      </c>
      <c r="L36" s="223">
        <v>1068</v>
      </c>
      <c r="M36" s="224">
        <v>1</v>
      </c>
      <c r="N36" s="221">
        <v>2</v>
      </c>
      <c r="O36" s="222">
        <v>3</v>
      </c>
      <c r="P36" s="213">
        <v>0</v>
      </c>
      <c r="Q36" s="221">
        <v>3</v>
      </c>
      <c r="R36" s="221">
        <v>7</v>
      </c>
      <c r="S36" s="221">
        <v>1</v>
      </c>
      <c r="T36" s="221">
        <v>0</v>
      </c>
      <c r="U36" s="221">
        <v>1</v>
      </c>
      <c r="V36" s="222">
        <v>12</v>
      </c>
      <c r="W36" s="223">
        <v>15</v>
      </c>
      <c r="X36" s="220">
        <v>66</v>
      </c>
      <c r="Y36" s="221">
        <v>105</v>
      </c>
      <c r="Z36" s="222">
        <v>171</v>
      </c>
      <c r="AA36" s="213">
        <v>0</v>
      </c>
      <c r="AB36" s="221">
        <v>348</v>
      </c>
      <c r="AC36" s="221">
        <v>253</v>
      </c>
      <c r="AD36" s="221">
        <v>147</v>
      </c>
      <c r="AE36" s="221">
        <v>115</v>
      </c>
      <c r="AF36" s="221">
        <v>49</v>
      </c>
      <c r="AG36" s="222">
        <v>912</v>
      </c>
      <c r="AH36" s="223">
        <v>1083</v>
      </c>
    </row>
    <row r="37" spans="1:34" ht="19.5" customHeight="1" x14ac:dyDescent="0.2">
      <c r="A37" s="49" t="s">
        <v>36</v>
      </c>
      <c r="B37" s="220">
        <v>49</v>
      </c>
      <c r="C37" s="221">
        <v>120</v>
      </c>
      <c r="D37" s="222">
        <v>169</v>
      </c>
      <c r="E37" s="213">
        <v>0</v>
      </c>
      <c r="F37" s="221">
        <v>283</v>
      </c>
      <c r="G37" s="221">
        <v>250</v>
      </c>
      <c r="H37" s="221">
        <v>173</v>
      </c>
      <c r="I37" s="221">
        <v>101</v>
      </c>
      <c r="J37" s="221">
        <v>66</v>
      </c>
      <c r="K37" s="222">
        <v>873</v>
      </c>
      <c r="L37" s="223">
        <v>1042</v>
      </c>
      <c r="M37" s="224">
        <v>1</v>
      </c>
      <c r="N37" s="221">
        <v>2</v>
      </c>
      <c r="O37" s="222">
        <v>3</v>
      </c>
      <c r="P37" s="213">
        <v>0</v>
      </c>
      <c r="Q37" s="221">
        <v>4</v>
      </c>
      <c r="R37" s="221">
        <v>8</v>
      </c>
      <c r="S37" s="221">
        <v>6</v>
      </c>
      <c r="T37" s="221">
        <v>1</v>
      </c>
      <c r="U37" s="221">
        <v>1</v>
      </c>
      <c r="V37" s="222">
        <v>20</v>
      </c>
      <c r="W37" s="223">
        <v>23</v>
      </c>
      <c r="X37" s="220">
        <v>50</v>
      </c>
      <c r="Y37" s="221">
        <v>122</v>
      </c>
      <c r="Z37" s="222">
        <v>172</v>
      </c>
      <c r="AA37" s="213">
        <v>0</v>
      </c>
      <c r="AB37" s="221">
        <v>287</v>
      </c>
      <c r="AC37" s="221">
        <v>258</v>
      </c>
      <c r="AD37" s="221">
        <v>179</v>
      </c>
      <c r="AE37" s="221">
        <v>102</v>
      </c>
      <c r="AF37" s="221">
        <v>67</v>
      </c>
      <c r="AG37" s="222">
        <v>893</v>
      </c>
      <c r="AH37" s="223">
        <v>1065</v>
      </c>
    </row>
    <row r="38" spans="1:34" ht="19.5" customHeight="1" thickBot="1" x14ac:dyDescent="0.25">
      <c r="A38" s="50" t="s">
        <v>37</v>
      </c>
      <c r="B38" s="225">
        <v>10</v>
      </c>
      <c r="C38" s="226">
        <v>6</v>
      </c>
      <c r="D38" s="227">
        <v>16</v>
      </c>
      <c r="E38" s="214">
        <v>0</v>
      </c>
      <c r="F38" s="226">
        <v>38</v>
      </c>
      <c r="G38" s="226">
        <v>18</v>
      </c>
      <c r="H38" s="226">
        <v>19</v>
      </c>
      <c r="I38" s="226">
        <v>9</v>
      </c>
      <c r="J38" s="226">
        <v>5</v>
      </c>
      <c r="K38" s="227">
        <v>89</v>
      </c>
      <c r="L38" s="228">
        <v>105</v>
      </c>
      <c r="M38" s="229">
        <v>0</v>
      </c>
      <c r="N38" s="226">
        <v>0</v>
      </c>
      <c r="O38" s="227">
        <v>0</v>
      </c>
      <c r="P38" s="214">
        <v>0</v>
      </c>
      <c r="Q38" s="226">
        <v>0</v>
      </c>
      <c r="R38" s="226">
        <v>2</v>
      </c>
      <c r="S38" s="226">
        <v>2</v>
      </c>
      <c r="T38" s="226">
        <v>1</v>
      </c>
      <c r="U38" s="226">
        <v>0</v>
      </c>
      <c r="V38" s="227">
        <v>5</v>
      </c>
      <c r="W38" s="228">
        <v>5</v>
      </c>
      <c r="X38" s="225">
        <v>10</v>
      </c>
      <c r="Y38" s="226">
        <v>6</v>
      </c>
      <c r="Z38" s="227">
        <v>16</v>
      </c>
      <c r="AA38" s="214">
        <v>0</v>
      </c>
      <c r="AB38" s="226">
        <v>38</v>
      </c>
      <c r="AC38" s="226">
        <v>20</v>
      </c>
      <c r="AD38" s="226">
        <v>21</v>
      </c>
      <c r="AE38" s="226">
        <v>10</v>
      </c>
      <c r="AF38" s="226">
        <v>5</v>
      </c>
      <c r="AG38" s="227">
        <v>94</v>
      </c>
      <c r="AH38" s="228">
        <v>110</v>
      </c>
    </row>
    <row r="39" spans="1:34" x14ac:dyDescent="0.2">
      <c r="Z39" s="21"/>
      <c r="AA39" s="21"/>
      <c r="AB39" s="21"/>
      <c r="AC39" s="21"/>
      <c r="AD39" s="21"/>
      <c r="AE39" s="21"/>
      <c r="AF39" s="21"/>
      <c r="AG39" s="21"/>
      <c r="AH39" s="21"/>
    </row>
  </sheetData>
  <mergeCells count="5">
    <mergeCell ref="B3:L3"/>
    <mergeCell ref="M3:W3"/>
    <mergeCell ref="X3:AH3"/>
    <mergeCell ref="F1:G1"/>
    <mergeCell ref="I1:J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10.21875" style="256" customWidth="1"/>
    <col min="7" max="7" width="10.44140625" style="256" customWidth="1"/>
    <col min="8" max="15" width="9" style="256"/>
    <col min="16" max="16" width="7.21875" style="256" customWidth="1"/>
    <col min="17" max="26" width="9" style="256"/>
    <col min="27" max="27" width="7.6640625" style="256" customWidth="1"/>
    <col min="28" max="37" width="9" style="256"/>
    <col min="38" max="38" width="7.6640625" style="256" customWidth="1"/>
    <col min="39" max="48" width="9" style="256"/>
    <col min="49" max="49" width="7.21875" style="256" customWidth="1"/>
    <col min="50" max="59" width="9" style="256"/>
    <col min="60" max="60" width="7.21875" style="256" customWidth="1"/>
    <col min="61" max="70" width="9" style="256"/>
    <col min="71" max="71" width="7.33203125" style="256" customWidth="1"/>
    <col min="72" max="81" width="9" style="256"/>
    <col min="82" max="82" width="7.44140625" style="256" customWidth="1"/>
    <col min="83" max="92" width="9" style="256"/>
    <col min="93" max="93" width="7.6640625" style="256" customWidth="1"/>
    <col min="94" max="103" width="9" style="256"/>
    <col min="104" max="104" width="7.44140625" style="256" customWidth="1"/>
    <col min="105" max="114" width="9" style="256"/>
    <col min="115" max="115" width="7.44140625" style="256" customWidth="1"/>
    <col min="116" max="125" width="9" style="256"/>
    <col min="126" max="126" width="7.44140625" style="256" customWidth="1"/>
    <col min="127" max="136" width="9" style="256"/>
    <col min="137" max="137" width="7.33203125" style="256" customWidth="1"/>
    <col min="138" max="147" width="9" style="256"/>
    <col min="148" max="148" width="7.77734375" style="256" customWidth="1"/>
    <col min="149" max="16384" width="9" style="256"/>
  </cols>
  <sheetData>
    <row r="1" spans="1:155" ht="24" customHeight="1" x14ac:dyDescent="0.2">
      <c r="A1" s="291" t="s">
        <v>122</v>
      </c>
      <c r="H1" s="528">
        <f>第１表!F2</f>
        <v>4</v>
      </c>
      <c r="I1" s="528"/>
      <c r="J1" s="248">
        <f>第１表!G2</f>
        <v>6</v>
      </c>
      <c r="K1" s="529">
        <f>IF(J1&lt;3,J1+12-2,J1-2)</f>
        <v>4</v>
      </c>
      <c r="L1" s="529"/>
    </row>
    <row r="2" spans="1:155" ht="21" customHeight="1" thickBot="1" x14ac:dyDescent="0.25">
      <c r="A2" s="291" t="s">
        <v>138</v>
      </c>
      <c r="F2" s="247"/>
      <c r="G2" s="248"/>
      <c r="I2" s="255"/>
      <c r="J2" s="255"/>
    </row>
    <row r="3" spans="1:155" ht="23.25" customHeight="1" thickBot="1" x14ac:dyDescent="0.25">
      <c r="A3" s="537"/>
      <c r="B3" s="540" t="s">
        <v>70</v>
      </c>
      <c r="C3" s="541"/>
      <c r="D3" s="541"/>
      <c r="E3" s="541"/>
      <c r="F3" s="541"/>
      <c r="G3" s="541"/>
      <c r="H3" s="541"/>
      <c r="I3" s="541"/>
      <c r="J3" s="541"/>
      <c r="K3" s="541"/>
      <c r="L3" s="542"/>
      <c r="M3" s="540" t="s">
        <v>71</v>
      </c>
      <c r="N3" s="541"/>
      <c r="O3" s="541"/>
      <c r="P3" s="541"/>
      <c r="Q3" s="541"/>
      <c r="R3" s="541"/>
      <c r="S3" s="541"/>
      <c r="T3" s="541"/>
      <c r="U3" s="541"/>
      <c r="V3" s="541"/>
      <c r="W3" s="542"/>
      <c r="X3" s="540" t="s">
        <v>72</v>
      </c>
      <c r="Y3" s="541"/>
      <c r="Z3" s="541"/>
      <c r="AA3" s="541"/>
      <c r="AB3" s="541"/>
      <c r="AC3" s="541"/>
      <c r="AD3" s="541"/>
      <c r="AE3" s="541"/>
      <c r="AF3" s="541"/>
      <c r="AG3" s="541"/>
      <c r="AH3" s="542"/>
      <c r="AI3" s="540" t="s">
        <v>73</v>
      </c>
      <c r="AJ3" s="541"/>
      <c r="AK3" s="541"/>
      <c r="AL3" s="541"/>
      <c r="AM3" s="541"/>
      <c r="AN3" s="541"/>
      <c r="AO3" s="541"/>
      <c r="AP3" s="541"/>
      <c r="AQ3" s="541"/>
      <c r="AR3" s="541"/>
      <c r="AS3" s="542"/>
      <c r="AT3" s="540" t="s">
        <v>74</v>
      </c>
      <c r="AU3" s="541"/>
      <c r="AV3" s="541"/>
      <c r="AW3" s="541"/>
      <c r="AX3" s="541"/>
      <c r="AY3" s="541"/>
      <c r="AZ3" s="541"/>
      <c r="BA3" s="541"/>
      <c r="BB3" s="541"/>
      <c r="BC3" s="541"/>
      <c r="BD3" s="542"/>
      <c r="BE3" s="540" t="s">
        <v>75</v>
      </c>
      <c r="BF3" s="541"/>
      <c r="BG3" s="541"/>
      <c r="BH3" s="541"/>
      <c r="BI3" s="541"/>
      <c r="BJ3" s="541"/>
      <c r="BK3" s="541"/>
      <c r="BL3" s="541"/>
      <c r="BM3" s="541"/>
      <c r="BN3" s="541"/>
      <c r="BO3" s="542"/>
      <c r="BP3" s="540" t="s">
        <v>76</v>
      </c>
      <c r="BQ3" s="541"/>
      <c r="BR3" s="541"/>
      <c r="BS3" s="541"/>
      <c r="BT3" s="541"/>
      <c r="BU3" s="541"/>
      <c r="BV3" s="541"/>
      <c r="BW3" s="541"/>
      <c r="BX3" s="541"/>
      <c r="BY3" s="541"/>
      <c r="BZ3" s="542"/>
      <c r="CA3" s="540" t="s">
        <v>77</v>
      </c>
      <c r="CB3" s="541"/>
      <c r="CC3" s="541"/>
      <c r="CD3" s="541"/>
      <c r="CE3" s="541"/>
      <c r="CF3" s="541"/>
      <c r="CG3" s="541"/>
      <c r="CH3" s="541"/>
      <c r="CI3" s="541"/>
      <c r="CJ3" s="541"/>
      <c r="CK3" s="542"/>
      <c r="CL3" s="540" t="s">
        <v>78</v>
      </c>
      <c r="CM3" s="541"/>
      <c r="CN3" s="541"/>
      <c r="CO3" s="541"/>
      <c r="CP3" s="541"/>
      <c r="CQ3" s="541"/>
      <c r="CR3" s="541"/>
      <c r="CS3" s="541"/>
      <c r="CT3" s="541"/>
      <c r="CU3" s="541"/>
      <c r="CV3" s="542"/>
      <c r="CW3" s="540" t="s">
        <v>79</v>
      </c>
      <c r="CX3" s="541"/>
      <c r="CY3" s="541"/>
      <c r="CZ3" s="541"/>
      <c r="DA3" s="541"/>
      <c r="DB3" s="541"/>
      <c r="DC3" s="541"/>
      <c r="DD3" s="541"/>
      <c r="DE3" s="541"/>
      <c r="DF3" s="541"/>
      <c r="DG3" s="542"/>
      <c r="DH3" s="540" t="s">
        <v>152</v>
      </c>
      <c r="DI3" s="541"/>
      <c r="DJ3" s="541"/>
      <c r="DK3" s="541"/>
      <c r="DL3" s="541"/>
      <c r="DM3" s="541"/>
      <c r="DN3" s="541"/>
      <c r="DO3" s="541"/>
      <c r="DP3" s="541"/>
      <c r="DQ3" s="541"/>
      <c r="DR3" s="542"/>
      <c r="DS3" s="540" t="s">
        <v>80</v>
      </c>
      <c r="DT3" s="541"/>
      <c r="DU3" s="541"/>
      <c r="DV3" s="541"/>
      <c r="DW3" s="541"/>
      <c r="DX3" s="541"/>
      <c r="DY3" s="541"/>
      <c r="DZ3" s="541"/>
      <c r="EA3" s="541"/>
      <c r="EB3" s="541"/>
      <c r="EC3" s="542"/>
      <c r="ED3" s="540" t="s">
        <v>68</v>
      </c>
      <c r="EE3" s="541"/>
      <c r="EF3" s="541"/>
      <c r="EG3" s="541"/>
      <c r="EH3" s="541"/>
      <c r="EI3" s="541"/>
      <c r="EJ3" s="541"/>
      <c r="EK3" s="541"/>
      <c r="EL3" s="541"/>
      <c r="EM3" s="541"/>
      <c r="EN3" s="542"/>
      <c r="EO3" s="543" t="s">
        <v>69</v>
      </c>
      <c r="EP3" s="544"/>
      <c r="EQ3" s="544"/>
      <c r="ER3" s="544"/>
      <c r="ES3" s="544"/>
      <c r="ET3" s="544"/>
      <c r="EU3" s="544"/>
      <c r="EV3" s="544"/>
      <c r="EW3" s="544"/>
      <c r="EX3" s="544"/>
      <c r="EY3" s="545"/>
    </row>
    <row r="4" spans="1:155"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4"/>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c r="DH4" s="532" t="s">
        <v>61</v>
      </c>
      <c r="DI4" s="533"/>
      <c r="DJ4" s="534"/>
      <c r="DK4" s="535" t="s">
        <v>62</v>
      </c>
      <c r="DL4" s="533"/>
      <c r="DM4" s="533"/>
      <c r="DN4" s="533"/>
      <c r="DO4" s="533"/>
      <c r="DP4" s="533"/>
      <c r="DQ4" s="534"/>
      <c r="DR4" s="530" t="s">
        <v>52</v>
      </c>
      <c r="DS4" s="532" t="s">
        <v>61</v>
      </c>
      <c r="DT4" s="533"/>
      <c r="DU4" s="534"/>
      <c r="DV4" s="535" t="s">
        <v>62</v>
      </c>
      <c r="DW4" s="533"/>
      <c r="DX4" s="533"/>
      <c r="DY4" s="533"/>
      <c r="DZ4" s="533"/>
      <c r="EA4" s="533"/>
      <c r="EB4" s="534"/>
      <c r="EC4" s="530" t="s">
        <v>52</v>
      </c>
      <c r="ED4" s="532" t="s">
        <v>61</v>
      </c>
      <c r="EE4" s="533"/>
      <c r="EF4" s="534"/>
      <c r="EG4" s="535" t="s">
        <v>62</v>
      </c>
      <c r="EH4" s="533"/>
      <c r="EI4" s="533"/>
      <c r="EJ4" s="533"/>
      <c r="EK4" s="533"/>
      <c r="EL4" s="533"/>
      <c r="EM4" s="534"/>
      <c r="EN4" s="530" t="s">
        <v>52</v>
      </c>
      <c r="EO4" s="532" t="s">
        <v>61</v>
      </c>
      <c r="EP4" s="533"/>
      <c r="EQ4" s="534"/>
      <c r="ER4" s="535" t="s">
        <v>62</v>
      </c>
      <c r="ES4" s="533"/>
      <c r="ET4" s="533"/>
      <c r="EU4" s="533"/>
      <c r="EV4" s="533"/>
      <c r="EW4" s="533"/>
      <c r="EX4" s="534"/>
      <c r="EY4" s="530" t="s">
        <v>52</v>
      </c>
    </row>
    <row r="5" spans="1:155" ht="34.5" customHeight="1" thickBot="1" x14ac:dyDescent="0.25">
      <c r="A5" s="539"/>
      <c r="B5" s="264" t="s">
        <v>43</v>
      </c>
      <c r="C5" s="260" t="s">
        <v>163</v>
      </c>
      <c r="D5" s="383" t="s">
        <v>45</v>
      </c>
      <c r="E5" s="268" t="s">
        <v>83</v>
      </c>
      <c r="F5" s="260" t="s">
        <v>47</v>
      </c>
      <c r="G5" s="260" t="s">
        <v>48</v>
      </c>
      <c r="H5" s="260" t="s">
        <v>49</v>
      </c>
      <c r="I5" s="260" t="s">
        <v>50</v>
      </c>
      <c r="J5" s="260" t="s">
        <v>51</v>
      </c>
      <c r="K5" s="269" t="s">
        <v>45</v>
      </c>
      <c r="L5" s="531"/>
      <c r="M5" s="264" t="s">
        <v>43</v>
      </c>
      <c r="N5" s="260" t="s">
        <v>44</v>
      </c>
      <c r="O5" s="266" t="s">
        <v>45</v>
      </c>
      <c r="P5" s="268" t="s">
        <v>83</v>
      </c>
      <c r="Q5" s="260" t="s">
        <v>47</v>
      </c>
      <c r="R5" s="260" t="s">
        <v>48</v>
      </c>
      <c r="S5" s="260" t="s">
        <v>49</v>
      </c>
      <c r="T5" s="260" t="s">
        <v>50</v>
      </c>
      <c r="U5" s="260" t="s">
        <v>51</v>
      </c>
      <c r="V5" s="266" t="s">
        <v>45</v>
      </c>
      <c r="W5" s="531"/>
      <c r="X5" s="264" t="s">
        <v>43</v>
      </c>
      <c r="Y5" s="260" t="s">
        <v>44</v>
      </c>
      <c r="Z5" s="266" t="s">
        <v>45</v>
      </c>
      <c r="AA5" s="268" t="s">
        <v>83</v>
      </c>
      <c r="AB5" s="260" t="s">
        <v>47</v>
      </c>
      <c r="AC5" s="260" t="s">
        <v>48</v>
      </c>
      <c r="AD5" s="260" t="s">
        <v>49</v>
      </c>
      <c r="AE5" s="260" t="s">
        <v>50</v>
      </c>
      <c r="AF5" s="260" t="s">
        <v>51</v>
      </c>
      <c r="AG5" s="266" t="s">
        <v>45</v>
      </c>
      <c r="AH5" s="531"/>
      <c r="AI5" s="264" t="s">
        <v>43</v>
      </c>
      <c r="AJ5" s="260" t="s">
        <v>44</v>
      </c>
      <c r="AK5" s="266" t="s">
        <v>45</v>
      </c>
      <c r="AL5" s="268" t="s">
        <v>83</v>
      </c>
      <c r="AM5" s="260" t="s">
        <v>47</v>
      </c>
      <c r="AN5" s="260" t="s">
        <v>48</v>
      </c>
      <c r="AO5" s="260" t="s">
        <v>49</v>
      </c>
      <c r="AP5" s="260" t="s">
        <v>50</v>
      </c>
      <c r="AQ5" s="260" t="s">
        <v>51</v>
      </c>
      <c r="AR5" s="266" t="s">
        <v>45</v>
      </c>
      <c r="AS5" s="531"/>
      <c r="AT5" s="264" t="s">
        <v>43</v>
      </c>
      <c r="AU5" s="260" t="s">
        <v>44</v>
      </c>
      <c r="AV5" s="266" t="s">
        <v>45</v>
      </c>
      <c r="AW5" s="268" t="s">
        <v>83</v>
      </c>
      <c r="AX5" s="260" t="s">
        <v>47</v>
      </c>
      <c r="AY5" s="260" t="s">
        <v>48</v>
      </c>
      <c r="AZ5" s="260" t="s">
        <v>49</v>
      </c>
      <c r="BA5" s="260" t="s">
        <v>50</v>
      </c>
      <c r="BB5" s="260" t="s">
        <v>51</v>
      </c>
      <c r="BC5" s="269" t="s">
        <v>45</v>
      </c>
      <c r="BD5" s="531"/>
      <c r="BE5" s="264" t="s">
        <v>43</v>
      </c>
      <c r="BF5" s="260" t="s">
        <v>44</v>
      </c>
      <c r="BG5" s="266" t="s">
        <v>45</v>
      </c>
      <c r="BH5" s="268" t="s">
        <v>83</v>
      </c>
      <c r="BI5" s="260" t="s">
        <v>47</v>
      </c>
      <c r="BJ5" s="260" t="s">
        <v>48</v>
      </c>
      <c r="BK5" s="260" t="s">
        <v>49</v>
      </c>
      <c r="BL5" s="260" t="s">
        <v>50</v>
      </c>
      <c r="BM5" s="260" t="s">
        <v>51</v>
      </c>
      <c r="BN5" s="266" t="s">
        <v>45</v>
      </c>
      <c r="BO5" s="531"/>
      <c r="BP5" s="264" t="s">
        <v>43</v>
      </c>
      <c r="BQ5" s="260" t="s">
        <v>44</v>
      </c>
      <c r="BR5" s="266" t="s">
        <v>45</v>
      </c>
      <c r="BS5" s="268" t="s">
        <v>83</v>
      </c>
      <c r="BT5" s="260" t="s">
        <v>47</v>
      </c>
      <c r="BU5" s="260" t="s">
        <v>48</v>
      </c>
      <c r="BV5" s="260" t="s">
        <v>49</v>
      </c>
      <c r="BW5" s="260" t="s">
        <v>50</v>
      </c>
      <c r="BX5" s="260" t="s">
        <v>51</v>
      </c>
      <c r="BY5" s="266" t="s">
        <v>45</v>
      </c>
      <c r="BZ5" s="531"/>
      <c r="CA5" s="264" t="s">
        <v>43</v>
      </c>
      <c r="CB5" s="260" t="s">
        <v>44</v>
      </c>
      <c r="CC5" s="266" t="s">
        <v>45</v>
      </c>
      <c r="CD5" s="268" t="s">
        <v>83</v>
      </c>
      <c r="CE5" s="260" t="s">
        <v>47</v>
      </c>
      <c r="CF5" s="260" t="s">
        <v>48</v>
      </c>
      <c r="CG5" s="260" t="s">
        <v>49</v>
      </c>
      <c r="CH5" s="260" t="s">
        <v>50</v>
      </c>
      <c r="CI5" s="260" t="s">
        <v>51</v>
      </c>
      <c r="CJ5" s="266" t="s">
        <v>45</v>
      </c>
      <c r="CK5" s="531"/>
      <c r="CL5" s="264" t="s">
        <v>43</v>
      </c>
      <c r="CM5" s="260" t="s">
        <v>44</v>
      </c>
      <c r="CN5" s="266" t="s">
        <v>45</v>
      </c>
      <c r="CO5" s="268" t="s">
        <v>83</v>
      </c>
      <c r="CP5" s="260" t="s">
        <v>47</v>
      </c>
      <c r="CQ5" s="260" t="s">
        <v>48</v>
      </c>
      <c r="CR5" s="260" t="s">
        <v>49</v>
      </c>
      <c r="CS5" s="260" t="s">
        <v>50</v>
      </c>
      <c r="CT5" s="260" t="s">
        <v>51</v>
      </c>
      <c r="CU5" s="266" t="s">
        <v>45</v>
      </c>
      <c r="CV5" s="531"/>
      <c r="CW5" s="264" t="s">
        <v>43</v>
      </c>
      <c r="CX5" s="260" t="s">
        <v>44</v>
      </c>
      <c r="CY5" s="266" t="s">
        <v>45</v>
      </c>
      <c r="CZ5" s="268" t="s">
        <v>83</v>
      </c>
      <c r="DA5" s="260" t="s">
        <v>47</v>
      </c>
      <c r="DB5" s="260" t="s">
        <v>48</v>
      </c>
      <c r="DC5" s="260" t="s">
        <v>49</v>
      </c>
      <c r="DD5" s="260" t="s">
        <v>50</v>
      </c>
      <c r="DE5" s="260" t="s">
        <v>51</v>
      </c>
      <c r="DF5" s="266" t="s">
        <v>45</v>
      </c>
      <c r="DG5" s="531"/>
      <c r="DH5" s="345" t="s">
        <v>43</v>
      </c>
      <c r="DI5" s="260" t="s">
        <v>44</v>
      </c>
      <c r="DJ5" s="266" t="s">
        <v>45</v>
      </c>
      <c r="DK5" s="268" t="s">
        <v>83</v>
      </c>
      <c r="DL5" s="260" t="s">
        <v>47</v>
      </c>
      <c r="DM5" s="260" t="s">
        <v>48</v>
      </c>
      <c r="DN5" s="260" t="s">
        <v>49</v>
      </c>
      <c r="DO5" s="260" t="s">
        <v>50</v>
      </c>
      <c r="DP5" s="260" t="s">
        <v>51</v>
      </c>
      <c r="DQ5" s="266" t="s">
        <v>45</v>
      </c>
      <c r="DR5" s="531"/>
      <c r="DS5" s="264" t="s">
        <v>43</v>
      </c>
      <c r="DT5" s="260" t="s">
        <v>44</v>
      </c>
      <c r="DU5" s="266" t="s">
        <v>45</v>
      </c>
      <c r="DV5" s="268" t="s">
        <v>83</v>
      </c>
      <c r="DW5" s="260" t="s">
        <v>47</v>
      </c>
      <c r="DX5" s="260" t="s">
        <v>48</v>
      </c>
      <c r="DY5" s="260" t="s">
        <v>49</v>
      </c>
      <c r="DZ5" s="260" t="s">
        <v>50</v>
      </c>
      <c r="EA5" s="260" t="s">
        <v>51</v>
      </c>
      <c r="EB5" s="266" t="s">
        <v>45</v>
      </c>
      <c r="EC5" s="531"/>
      <c r="ED5" s="264" t="s">
        <v>43</v>
      </c>
      <c r="EE5" s="260" t="s">
        <v>44</v>
      </c>
      <c r="EF5" s="266" t="s">
        <v>45</v>
      </c>
      <c r="EG5" s="268" t="s">
        <v>83</v>
      </c>
      <c r="EH5" s="260" t="s">
        <v>47</v>
      </c>
      <c r="EI5" s="260" t="s">
        <v>48</v>
      </c>
      <c r="EJ5" s="260" t="s">
        <v>49</v>
      </c>
      <c r="EK5" s="260" t="s">
        <v>50</v>
      </c>
      <c r="EL5" s="260" t="s">
        <v>51</v>
      </c>
      <c r="EM5" s="266" t="s">
        <v>45</v>
      </c>
      <c r="EN5" s="531"/>
      <c r="EO5" s="264" t="s">
        <v>43</v>
      </c>
      <c r="EP5" s="260" t="s">
        <v>44</v>
      </c>
      <c r="EQ5" s="266" t="s">
        <v>45</v>
      </c>
      <c r="ER5" s="268" t="s">
        <v>83</v>
      </c>
      <c r="ES5" s="260" t="s">
        <v>47</v>
      </c>
      <c r="ET5" s="260" t="s">
        <v>48</v>
      </c>
      <c r="EU5" s="260" t="s">
        <v>49</v>
      </c>
      <c r="EV5" s="260" t="s">
        <v>50</v>
      </c>
      <c r="EW5" s="260" t="s">
        <v>51</v>
      </c>
      <c r="EX5" s="266" t="s">
        <v>45</v>
      </c>
      <c r="EY5" s="531"/>
    </row>
    <row r="6" spans="1:155" ht="19.5" customHeight="1" x14ac:dyDescent="0.2">
      <c r="A6" s="261" t="s">
        <v>4</v>
      </c>
      <c r="B6" s="270">
        <v>1</v>
      </c>
      <c r="C6" s="274">
        <v>0</v>
      </c>
      <c r="D6" s="384">
        <v>1</v>
      </c>
      <c r="E6" s="273">
        <v>0</v>
      </c>
      <c r="F6" s="274">
        <v>18935</v>
      </c>
      <c r="G6" s="274">
        <v>21970</v>
      </c>
      <c r="H6" s="274">
        <v>11975</v>
      </c>
      <c r="I6" s="274">
        <v>9719</v>
      </c>
      <c r="J6" s="274">
        <v>7218</v>
      </c>
      <c r="K6" s="275">
        <v>69817</v>
      </c>
      <c r="L6" s="276">
        <v>69818</v>
      </c>
      <c r="M6" s="270">
        <v>3</v>
      </c>
      <c r="N6" s="274">
        <v>27</v>
      </c>
      <c r="O6" s="271">
        <v>30</v>
      </c>
      <c r="P6" s="273">
        <v>0</v>
      </c>
      <c r="Q6" s="274">
        <v>116</v>
      </c>
      <c r="R6" s="274">
        <v>486</v>
      </c>
      <c r="S6" s="274">
        <v>822</v>
      </c>
      <c r="T6" s="274">
        <v>1967</v>
      </c>
      <c r="U6" s="274">
        <v>3459</v>
      </c>
      <c r="V6" s="271">
        <v>6850</v>
      </c>
      <c r="W6" s="276">
        <v>6880</v>
      </c>
      <c r="X6" s="270">
        <v>2033</v>
      </c>
      <c r="Y6" s="274">
        <v>4915</v>
      </c>
      <c r="Z6" s="271">
        <v>6948</v>
      </c>
      <c r="AA6" s="273">
        <v>0</v>
      </c>
      <c r="AB6" s="274">
        <v>10843</v>
      </c>
      <c r="AC6" s="274">
        <v>15078</v>
      </c>
      <c r="AD6" s="274">
        <v>9160</v>
      </c>
      <c r="AE6" s="274">
        <v>8241</v>
      </c>
      <c r="AF6" s="274">
        <v>6388</v>
      </c>
      <c r="AG6" s="271">
        <v>49710</v>
      </c>
      <c r="AH6" s="276">
        <v>56658</v>
      </c>
      <c r="AI6" s="270">
        <v>243</v>
      </c>
      <c r="AJ6" s="274">
        <v>705</v>
      </c>
      <c r="AK6" s="271">
        <v>948</v>
      </c>
      <c r="AL6" s="273">
        <v>0</v>
      </c>
      <c r="AM6" s="274">
        <v>1018</v>
      </c>
      <c r="AN6" s="274">
        <v>1647</v>
      </c>
      <c r="AO6" s="274">
        <v>1022</v>
      </c>
      <c r="AP6" s="274">
        <v>937</v>
      </c>
      <c r="AQ6" s="274">
        <v>597</v>
      </c>
      <c r="AR6" s="271">
        <v>5221</v>
      </c>
      <c r="AS6" s="276">
        <v>6169</v>
      </c>
      <c r="AT6" s="270">
        <v>2732</v>
      </c>
      <c r="AU6" s="274">
        <v>3593</v>
      </c>
      <c r="AV6" s="271">
        <v>6325</v>
      </c>
      <c r="AW6" s="273">
        <v>0</v>
      </c>
      <c r="AX6" s="274">
        <v>17322</v>
      </c>
      <c r="AY6" s="274">
        <v>21000</v>
      </c>
      <c r="AZ6" s="274">
        <v>18158</v>
      </c>
      <c r="BA6" s="274">
        <v>17788</v>
      </c>
      <c r="BB6" s="274">
        <v>13512</v>
      </c>
      <c r="BC6" s="275">
        <v>87780</v>
      </c>
      <c r="BD6" s="276">
        <v>94105</v>
      </c>
      <c r="BE6" s="270">
        <v>0</v>
      </c>
      <c r="BF6" s="274">
        <v>0</v>
      </c>
      <c r="BG6" s="271">
        <v>0</v>
      </c>
      <c r="BH6" s="273">
        <v>0</v>
      </c>
      <c r="BI6" s="274">
        <v>20819</v>
      </c>
      <c r="BJ6" s="274">
        <v>19452</v>
      </c>
      <c r="BK6" s="274">
        <v>10593</v>
      </c>
      <c r="BL6" s="274">
        <v>6324</v>
      </c>
      <c r="BM6" s="274">
        <v>2989</v>
      </c>
      <c r="BN6" s="271">
        <v>60177</v>
      </c>
      <c r="BO6" s="276">
        <v>60177</v>
      </c>
      <c r="BP6" s="270">
        <v>1446</v>
      </c>
      <c r="BQ6" s="274">
        <v>2432</v>
      </c>
      <c r="BR6" s="271">
        <v>3878</v>
      </c>
      <c r="BS6" s="273">
        <v>0</v>
      </c>
      <c r="BT6" s="274">
        <v>4247</v>
      </c>
      <c r="BU6" s="274">
        <v>6263</v>
      </c>
      <c r="BV6" s="274">
        <v>3581</v>
      </c>
      <c r="BW6" s="274">
        <v>2370</v>
      </c>
      <c r="BX6" s="274">
        <v>850</v>
      </c>
      <c r="BY6" s="271">
        <v>17311</v>
      </c>
      <c r="BZ6" s="276">
        <v>21189</v>
      </c>
      <c r="CA6" s="270">
        <v>62</v>
      </c>
      <c r="CB6" s="274">
        <v>187</v>
      </c>
      <c r="CC6" s="271">
        <v>249</v>
      </c>
      <c r="CD6" s="273">
        <v>0</v>
      </c>
      <c r="CE6" s="274">
        <v>1986</v>
      </c>
      <c r="CF6" s="274">
        <v>3332</v>
      </c>
      <c r="CG6" s="274">
        <v>4175</v>
      </c>
      <c r="CH6" s="274">
        <v>3135</v>
      </c>
      <c r="CI6" s="274">
        <v>1648</v>
      </c>
      <c r="CJ6" s="271">
        <v>14276</v>
      </c>
      <c r="CK6" s="276">
        <v>14525</v>
      </c>
      <c r="CL6" s="270">
        <v>3</v>
      </c>
      <c r="CM6" s="274">
        <v>18</v>
      </c>
      <c r="CN6" s="271">
        <v>21</v>
      </c>
      <c r="CO6" s="273">
        <v>0</v>
      </c>
      <c r="CP6" s="274">
        <v>190</v>
      </c>
      <c r="CQ6" s="274">
        <v>424</v>
      </c>
      <c r="CR6" s="274">
        <v>519</v>
      </c>
      <c r="CS6" s="274">
        <v>452</v>
      </c>
      <c r="CT6" s="274">
        <v>293</v>
      </c>
      <c r="CU6" s="271">
        <v>1878</v>
      </c>
      <c r="CV6" s="276">
        <v>1899</v>
      </c>
      <c r="CW6" s="270">
        <v>0</v>
      </c>
      <c r="CX6" s="274">
        <v>0</v>
      </c>
      <c r="CY6" s="271">
        <v>0</v>
      </c>
      <c r="CZ6" s="273">
        <v>0</v>
      </c>
      <c r="DA6" s="274">
        <v>0</v>
      </c>
      <c r="DB6" s="274">
        <v>0</v>
      </c>
      <c r="DC6" s="274">
        <v>0</v>
      </c>
      <c r="DD6" s="274">
        <v>0</v>
      </c>
      <c r="DE6" s="274">
        <v>0</v>
      </c>
      <c r="DF6" s="271">
        <v>0</v>
      </c>
      <c r="DG6" s="276">
        <v>0</v>
      </c>
      <c r="DH6" s="270">
        <v>0</v>
      </c>
      <c r="DI6" s="274">
        <v>0</v>
      </c>
      <c r="DJ6" s="271">
        <v>0</v>
      </c>
      <c r="DK6" s="273">
        <v>0</v>
      </c>
      <c r="DL6" s="274">
        <v>0</v>
      </c>
      <c r="DM6" s="274">
        <v>0</v>
      </c>
      <c r="DN6" s="274">
        <v>1</v>
      </c>
      <c r="DO6" s="274">
        <v>0</v>
      </c>
      <c r="DP6" s="274">
        <v>0</v>
      </c>
      <c r="DQ6" s="271">
        <v>1</v>
      </c>
      <c r="DR6" s="276">
        <v>1</v>
      </c>
      <c r="DS6" s="270">
        <v>10239</v>
      </c>
      <c r="DT6" s="274">
        <v>21706</v>
      </c>
      <c r="DU6" s="271">
        <v>31945</v>
      </c>
      <c r="DV6" s="273">
        <v>0</v>
      </c>
      <c r="DW6" s="274">
        <v>25992</v>
      </c>
      <c r="DX6" s="274">
        <v>43582</v>
      </c>
      <c r="DY6" s="274">
        <v>25798</v>
      </c>
      <c r="DZ6" s="274">
        <v>20188</v>
      </c>
      <c r="EA6" s="274">
        <v>12684</v>
      </c>
      <c r="EB6" s="271">
        <v>128244</v>
      </c>
      <c r="EC6" s="276">
        <v>160189</v>
      </c>
      <c r="ED6" s="270">
        <v>1695</v>
      </c>
      <c r="EE6" s="274">
        <v>1315</v>
      </c>
      <c r="EF6" s="271">
        <v>3010</v>
      </c>
      <c r="EG6" s="273">
        <v>0</v>
      </c>
      <c r="EH6" s="274">
        <v>5965</v>
      </c>
      <c r="EI6" s="274">
        <v>5356</v>
      </c>
      <c r="EJ6" s="274">
        <v>4567</v>
      </c>
      <c r="EK6" s="274">
        <v>5124</v>
      </c>
      <c r="EL6" s="274">
        <v>3002</v>
      </c>
      <c r="EM6" s="271">
        <v>24014</v>
      </c>
      <c r="EN6" s="276">
        <v>27024</v>
      </c>
      <c r="EO6" s="270">
        <v>13075</v>
      </c>
      <c r="EP6" s="274">
        <v>25750</v>
      </c>
      <c r="EQ6" s="271">
        <v>38825</v>
      </c>
      <c r="ER6" s="273">
        <v>0</v>
      </c>
      <c r="ES6" s="274">
        <v>55285</v>
      </c>
      <c r="ET6" s="274">
        <v>58028</v>
      </c>
      <c r="EU6" s="274">
        <v>30644</v>
      </c>
      <c r="EV6" s="274">
        <v>21541</v>
      </c>
      <c r="EW6" s="274">
        <v>12991</v>
      </c>
      <c r="EX6" s="271">
        <v>178489</v>
      </c>
      <c r="EY6" s="276">
        <v>217314</v>
      </c>
    </row>
    <row r="7" spans="1:155" ht="19.5" customHeight="1" x14ac:dyDescent="0.2">
      <c r="A7" s="262" t="s">
        <v>5</v>
      </c>
      <c r="B7" s="277">
        <v>0</v>
      </c>
      <c r="C7" s="281">
        <v>0</v>
      </c>
      <c r="D7" s="385">
        <v>0</v>
      </c>
      <c r="E7" s="280">
        <v>0</v>
      </c>
      <c r="F7" s="281">
        <v>6665</v>
      </c>
      <c r="G7" s="281">
        <v>10979</v>
      </c>
      <c r="H7" s="281">
        <v>5292</v>
      </c>
      <c r="I7" s="281">
        <v>3952</v>
      </c>
      <c r="J7" s="281">
        <v>2983</v>
      </c>
      <c r="K7" s="282">
        <v>29871</v>
      </c>
      <c r="L7" s="283">
        <v>29871</v>
      </c>
      <c r="M7" s="277">
        <v>2</v>
      </c>
      <c r="N7" s="281">
        <v>12</v>
      </c>
      <c r="O7" s="278">
        <v>14</v>
      </c>
      <c r="P7" s="280">
        <v>0</v>
      </c>
      <c r="Q7" s="281">
        <v>29</v>
      </c>
      <c r="R7" s="281">
        <v>182</v>
      </c>
      <c r="S7" s="281">
        <v>323</v>
      </c>
      <c r="T7" s="281">
        <v>768</v>
      </c>
      <c r="U7" s="281">
        <v>1483</v>
      </c>
      <c r="V7" s="278">
        <v>2785</v>
      </c>
      <c r="W7" s="283">
        <v>2799</v>
      </c>
      <c r="X7" s="277">
        <v>888</v>
      </c>
      <c r="Y7" s="281">
        <v>2532</v>
      </c>
      <c r="Z7" s="278">
        <v>3420</v>
      </c>
      <c r="AA7" s="280">
        <v>0</v>
      </c>
      <c r="AB7" s="281">
        <v>3975</v>
      </c>
      <c r="AC7" s="281">
        <v>7722</v>
      </c>
      <c r="AD7" s="281">
        <v>4278</v>
      </c>
      <c r="AE7" s="281">
        <v>3659</v>
      </c>
      <c r="AF7" s="281">
        <v>2779</v>
      </c>
      <c r="AG7" s="278">
        <v>22413</v>
      </c>
      <c r="AH7" s="283">
        <v>25833</v>
      </c>
      <c r="AI7" s="277">
        <v>104</v>
      </c>
      <c r="AJ7" s="281">
        <v>355</v>
      </c>
      <c r="AK7" s="278">
        <v>459</v>
      </c>
      <c r="AL7" s="280">
        <v>0</v>
      </c>
      <c r="AM7" s="281">
        <v>254</v>
      </c>
      <c r="AN7" s="281">
        <v>721</v>
      </c>
      <c r="AO7" s="281">
        <v>407</v>
      </c>
      <c r="AP7" s="281">
        <v>378</v>
      </c>
      <c r="AQ7" s="281">
        <v>230</v>
      </c>
      <c r="AR7" s="278">
        <v>1990</v>
      </c>
      <c r="AS7" s="283">
        <v>2449</v>
      </c>
      <c r="AT7" s="277">
        <v>1097</v>
      </c>
      <c r="AU7" s="281">
        <v>1654</v>
      </c>
      <c r="AV7" s="278">
        <v>2751</v>
      </c>
      <c r="AW7" s="280">
        <v>0</v>
      </c>
      <c r="AX7" s="281">
        <v>6240</v>
      </c>
      <c r="AY7" s="281">
        <v>9222</v>
      </c>
      <c r="AZ7" s="281">
        <v>7419</v>
      </c>
      <c r="BA7" s="281">
        <v>7046</v>
      </c>
      <c r="BB7" s="281">
        <v>5497</v>
      </c>
      <c r="BC7" s="282">
        <v>35424</v>
      </c>
      <c r="BD7" s="283">
        <v>38175</v>
      </c>
      <c r="BE7" s="277">
        <v>0</v>
      </c>
      <c r="BF7" s="281">
        <v>0</v>
      </c>
      <c r="BG7" s="278">
        <v>0</v>
      </c>
      <c r="BH7" s="280">
        <v>0</v>
      </c>
      <c r="BI7" s="281">
        <v>6595</v>
      </c>
      <c r="BJ7" s="281">
        <v>8147</v>
      </c>
      <c r="BK7" s="281">
        <v>4018</v>
      </c>
      <c r="BL7" s="281">
        <v>2254</v>
      </c>
      <c r="BM7" s="281">
        <v>1120</v>
      </c>
      <c r="BN7" s="278">
        <v>22134</v>
      </c>
      <c r="BO7" s="283">
        <v>22134</v>
      </c>
      <c r="BP7" s="277">
        <v>629</v>
      </c>
      <c r="BQ7" s="281">
        <v>1107</v>
      </c>
      <c r="BR7" s="278">
        <v>1736</v>
      </c>
      <c r="BS7" s="280">
        <v>0</v>
      </c>
      <c r="BT7" s="281">
        <v>1319</v>
      </c>
      <c r="BU7" s="281">
        <v>2944</v>
      </c>
      <c r="BV7" s="281">
        <v>1629</v>
      </c>
      <c r="BW7" s="281">
        <v>1039</v>
      </c>
      <c r="BX7" s="281">
        <v>389</v>
      </c>
      <c r="BY7" s="278">
        <v>7320</v>
      </c>
      <c r="BZ7" s="283">
        <v>9056</v>
      </c>
      <c r="CA7" s="277">
        <v>19</v>
      </c>
      <c r="CB7" s="281">
        <v>90</v>
      </c>
      <c r="CC7" s="278">
        <v>109</v>
      </c>
      <c r="CD7" s="280">
        <v>0</v>
      </c>
      <c r="CE7" s="281">
        <v>548</v>
      </c>
      <c r="CF7" s="281">
        <v>1184</v>
      </c>
      <c r="CG7" s="281">
        <v>1483</v>
      </c>
      <c r="CH7" s="281">
        <v>1117</v>
      </c>
      <c r="CI7" s="281">
        <v>593</v>
      </c>
      <c r="CJ7" s="278">
        <v>4925</v>
      </c>
      <c r="CK7" s="283">
        <v>5034</v>
      </c>
      <c r="CL7" s="277">
        <v>1</v>
      </c>
      <c r="CM7" s="281">
        <v>13</v>
      </c>
      <c r="CN7" s="278">
        <v>14</v>
      </c>
      <c r="CO7" s="280">
        <v>0</v>
      </c>
      <c r="CP7" s="281">
        <v>89</v>
      </c>
      <c r="CQ7" s="281">
        <v>254</v>
      </c>
      <c r="CR7" s="281">
        <v>284</v>
      </c>
      <c r="CS7" s="281">
        <v>246</v>
      </c>
      <c r="CT7" s="281">
        <v>180</v>
      </c>
      <c r="CU7" s="278">
        <v>1053</v>
      </c>
      <c r="CV7" s="283">
        <v>1067</v>
      </c>
      <c r="CW7" s="277">
        <v>0</v>
      </c>
      <c r="CX7" s="281">
        <v>0</v>
      </c>
      <c r="CY7" s="278">
        <v>0</v>
      </c>
      <c r="CZ7" s="280">
        <v>0</v>
      </c>
      <c r="DA7" s="281">
        <v>0</v>
      </c>
      <c r="DB7" s="281">
        <v>0</v>
      </c>
      <c r="DC7" s="281">
        <v>0</v>
      </c>
      <c r="DD7" s="281">
        <v>0</v>
      </c>
      <c r="DE7" s="281">
        <v>0</v>
      </c>
      <c r="DF7" s="278">
        <v>0</v>
      </c>
      <c r="DG7" s="283">
        <v>0</v>
      </c>
      <c r="DH7" s="277">
        <v>0</v>
      </c>
      <c r="DI7" s="281">
        <v>0</v>
      </c>
      <c r="DJ7" s="278">
        <v>0</v>
      </c>
      <c r="DK7" s="280">
        <v>0</v>
      </c>
      <c r="DL7" s="281">
        <v>0</v>
      </c>
      <c r="DM7" s="281">
        <v>0</v>
      </c>
      <c r="DN7" s="281">
        <v>0</v>
      </c>
      <c r="DO7" s="281">
        <v>0</v>
      </c>
      <c r="DP7" s="281">
        <v>0</v>
      </c>
      <c r="DQ7" s="278">
        <v>0</v>
      </c>
      <c r="DR7" s="283">
        <v>0</v>
      </c>
      <c r="DS7" s="277">
        <v>3429</v>
      </c>
      <c r="DT7" s="281">
        <v>9191</v>
      </c>
      <c r="DU7" s="278">
        <v>12620</v>
      </c>
      <c r="DV7" s="280">
        <v>0</v>
      </c>
      <c r="DW7" s="281">
        <v>7312</v>
      </c>
      <c r="DX7" s="281">
        <v>19423</v>
      </c>
      <c r="DY7" s="281">
        <v>10569</v>
      </c>
      <c r="DZ7" s="281">
        <v>7965</v>
      </c>
      <c r="EA7" s="281">
        <v>5173</v>
      </c>
      <c r="EB7" s="278">
        <v>50442</v>
      </c>
      <c r="EC7" s="283">
        <v>63062</v>
      </c>
      <c r="ED7" s="277">
        <v>699</v>
      </c>
      <c r="EE7" s="281">
        <v>522</v>
      </c>
      <c r="EF7" s="278">
        <v>1221</v>
      </c>
      <c r="EG7" s="280">
        <v>0</v>
      </c>
      <c r="EH7" s="281">
        <v>2391</v>
      </c>
      <c r="EI7" s="281">
        <v>2528</v>
      </c>
      <c r="EJ7" s="281">
        <v>2001</v>
      </c>
      <c r="EK7" s="281">
        <v>2229</v>
      </c>
      <c r="EL7" s="281">
        <v>1255</v>
      </c>
      <c r="EM7" s="278">
        <v>10404</v>
      </c>
      <c r="EN7" s="283">
        <v>11625</v>
      </c>
      <c r="EO7" s="277">
        <v>4695</v>
      </c>
      <c r="EP7" s="281">
        <v>11224</v>
      </c>
      <c r="EQ7" s="278">
        <v>15919</v>
      </c>
      <c r="ER7" s="280">
        <v>0</v>
      </c>
      <c r="ES7" s="281">
        <v>18069</v>
      </c>
      <c r="ET7" s="281">
        <v>26533</v>
      </c>
      <c r="EU7" s="281">
        <v>12799</v>
      </c>
      <c r="EV7" s="281">
        <v>8721</v>
      </c>
      <c r="EW7" s="281">
        <v>5364</v>
      </c>
      <c r="EX7" s="278">
        <v>71486</v>
      </c>
      <c r="EY7" s="283">
        <v>87405</v>
      </c>
    </row>
    <row r="8" spans="1:155" ht="19.5" customHeight="1" x14ac:dyDescent="0.2">
      <c r="A8" s="262" t="s">
        <v>6</v>
      </c>
      <c r="B8" s="277">
        <v>0</v>
      </c>
      <c r="C8" s="281">
        <v>0</v>
      </c>
      <c r="D8" s="385">
        <v>0</v>
      </c>
      <c r="E8" s="280">
        <v>0</v>
      </c>
      <c r="F8" s="281">
        <v>3347</v>
      </c>
      <c r="G8" s="281">
        <v>2864</v>
      </c>
      <c r="H8" s="281">
        <v>1795</v>
      </c>
      <c r="I8" s="281">
        <v>1575</v>
      </c>
      <c r="J8" s="281">
        <v>1151</v>
      </c>
      <c r="K8" s="282">
        <v>10732</v>
      </c>
      <c r="L8" s="283">
        <v>10732</v>
      </c>
      <c r="M8" s="277">
        <v>0</v>
      </c>
      <c r="N8" s="281">
        <v>5</v>
      </c>
      <c r="O8" s="278">
        <v>5</v>
      </c>
      <c r="P8" s="280">
        <v>0</v>
      </c>
      <c r="Q8" s="281">
        <v>18</v>
      </c>
      <c r="R8" s="281">
        <v>55</v>
      </c>
      <c r="S8" s="281">
        <v>110</v>
      </c>
      <c r="T8" s="281">
        <v>293</v>
      </c>
      <c r="U8" s="281">
        <v>514</v>
      </c>
      <c r="V8" s="278">
        <v>990</v>
      </c>
      <c r="W8" s="283">
        <v>995</v>
      </c>
      <c r="X8" s="277">
        <v>312</v>
      </c>
      <c r="Y8" s="281">
        <v>650</v>
      </c>
      <c r="Z8" s="278">
        <v>962</v>
      </c>
      <c r="AA8" s="280">
        <v>0</v>
      </c>
      <c r="AB8" s="281">
        <v>1956</v>
      </c>
      <c r="AC8" s="281">
        <v>1895</v>
      </c>
      <c r="AD8" s="281">
        <v>1253</v>
      </c>
      <c r="AE8" s="281">
        <v>1274</v>
      </c>
      <c r="AF8" s="281">
        <v>934</v>
      </c>
      <c r="AG8" s="278">
        <v>7312</v>
      </c>
      <c r="AH8" s="283">
        <v>8274</v>
      </c>
      <c r="AI8" s="277">
        <v>24</v>
      </c>
      <c r="AJ8" s="281">
        <v>52</v>
      </c>
      <c r="AK8" s="278">
        <v>76</v>
      </c>
      <c r="AL8" s="280">
        <v>0</v>
      </c>
      <c r="AM8" s="281">
        <v>151</v>
      </c>
      <c r="AN8" s="281">
        <v>206</v>
      </c>
      <c r="AO8" s="281">
        <v>123</v>
      </c>
      <c r="AP8" s="281">
        <v>119</v>
      </c>
      <c r="AQ8" s="281">
        <v>74</v>
      </c>
      <c r="AR8" s="278">
        <v>673</v>
      </c>
      <c r="AS8" s="283">
        <v>749</v>
      </c>
      <c r="AT8" s="277">
        <v>470</v>
      </c>
      <c r="AU8" s="281">
        <v>539</v>
      </c>
      <c r="AV8" s="278">
        <v>1009</v>
      </c>
      <c r="AW8" s="280">
        <v>0</v>
      </c>
      <c r="AX8" s="281">
        <v>3218</v>
      </c>
      <c r="AY8" s="281">
        <v>3363</v>
      </c>
      <c r="AZ8" s="281">
        <v>3049</v>
      </c>
      <c r="BA8" s="281">
        <v>3146</v>
      </c>
      <c r="BB8" s="281">
        <v>2385</v>
      </c>
      <c r="BC8" s="282">
        <v>15161</v>
      </c>
      <c r="BD8" s="283">
        <v>16170</v>
      </c>
      <c r="BE8" s="277">
        <v>0</v>
      </c>
      <c r="BF8" s="281">
        <v>0</v>
      </c>
      <c r="BG8" s="278">
        <v>0</v>
      </c>
      <c r="BH8" s="280">
        <v>0</v>
      </c>
      <c r="BI8" s="281">
        <v>3507</v>
      </c>
      <c r="BJ8" s="281">
        <v>2506</v>
      </c>
      <c r="BK8" s="281">
        <v>1454</v>
      </c>
      <c r="BL8" s="281">
        <v>989</v>
      </c>
      <c r="BM8" s="281">
        <v>460</v>
      </c>
      <c r="BN8" s="278">
        <v>8916</v>
      </c>
      <c r="BO8" s="283">
        <v>8916</v>
      </c>
      <c r="BP8" s="277">
        <v>96</v>
      </c>
      <c r="BQ8" s="281">
        <v>192</v>
      </c>
      <c r="BR8" s="278">
        <v>288</v>
      </c>
      <c r="BS8" s="280">
        <v>0</v>
      </c>
      <c r="BT8" s="281">
        <v>578</v>
      </c>
      <c r="BU8" s="281">
        <v>702</v>
      </c>
      <c r="BV8" s="281">
        <v>477</v>
      </c>
      <c r="BW8" s="281">
        <v>363</v>
      </c>
      <c r="BX8" s="281">
        <v>115</v>
      </c>
      <c r="BY8" s="278">
        <v>2235</v>
      </c>
      <c r="BZ8" s="283">
        <v>2523</v>
      </c>
      <c r="CA8" s="277">
        <v>8</v>
      </c>
      <c r="CB8" s="281">
        <v>15</v>
      </c>
      <c r="CC8" s="278">
        <v>23</v>
      </c>
      <c r="CD8" s="280">
        <v>0</v>
      </c>
      <c r="CE8" s="281">
        <v>279</v>
      </c>
      <c r="CF8" s="281">
        <v>391</v>
      </c>
      <c r="CG8" s="281">
        <v>491</v>
      </c>
      <c r="CH8" s="281">
        <v>424</v>
      </c>
      <c r="CI8" s="281">
        <v>219</v>
      </c>
      <c r="CJ8" s="278">
        <v>1804</v>
      </c>
      <c r="CK8" s="283">
        <v>1827</v>
      </c>
      <c r="CL8" s="277">
        <v>1</v>
      </c>
      <c r="CM8" s="281">
        <v>1</v>
      </c>
      <c r="CN8" s="278">
        <v>2</v>
      </c>
      <c r="CO8" s="280">
        <v>0</v>
      </c>
      <c r="CP8" s="281">
        <v>21</v>
      </c>
      <c r="CQ8" s="281">
        <v>40</v>
      </c>
      <c r="CR8" s="281">
        <v>65</v>
      </c>
      <c r="CS8" s="281">
        <v>68</v>
      </c>
      <c r="CT8" s="281">
        <v>36</v>
      </c>
      <c r="CU8" s="278">
        <v>230</v>
      </c>
      <c r="CV8" s="283">
        <v>232</v>
      </c>
      <c r="CW8" s="277">
        <v>0</v>
      </c>
      <c r="CX8" s="281">
        <v>0</v>
      </c>
      <c r="CY8" s="278">
        <v>0</v>
      </c>
      <c r="CZ8" s="280">
        <v>0</v>
      </c>
      <c r="DA8" s="281">
        <v>0</v>
      </c>
      <c r="DB8" s="281">
        <v>0</v>
      </c>
      <c r="DC8" s="281">
        <v>0</v>
      </c>
      <c r="DD8" s="281">
        <v>0</v>
      </c>
      <c r="DE8" s="281">
        <v>0</v>
      </c>
      <c r="DF8" s="278">
        <v>0</v>
      </c>
      <c r="DG8" s="283">
        <v>0</v>
      </c>
      <c r="DH8" s="277">
        <v>0</v>
      </c>
      <c r="DI8" s="281">
        <v>0</v>
      </c>
      <c r="DJ8" s="278">
        <v>0</v>
      </c>
      <c r="DK8" s="280">
        <v>0</v>
      </c>
      <c r="DL8" s="281">
        <v>0</v>
      </c>
      <c r="DM8" s="281">
        <v>0</v>
      </c>
      <c r="DN8" s="281">
        <v>0</v>
      </c>
      <c r="DO8" s="281">
        <v>0</v>
      </c>
      <c r="DP8" s="281">
        <v>0</v>
      </c>
      <c r="DQ8" s="278">
        <v>0</v>
      </c>
      <c r="DR8" s="283">
        <v>0</v>
      </c>
      <c r="DS8" s="277">
        <v>1533</v>
      </c>
      <c r="DT8" s="281">
        <v>2732</v>
      </c>
      <c r="DU8" s="278">
        <v>4265</v>
      </c>
      <c r="DV8" s="280">
        <v>0</v>
      </c>
      <c r="DW8" s="281">
        <v>4816</v>
      </c>
      <c r="DX8" s="281">
        <v>5565</v>
      </c>
      <c r="DY8" s="281">
        <v>3773</v>
      </c>
      <c r="DZ8" s="281">
        <v>3264</v>
      </c>
      <c r="EA8" s="281">
        <v>2009</v>
      </c>
      <c r="EB8" s="278">
        <v>19427</v>
      </c>
      <c r="EC8" s="283">
        <v>23692</v>
      </c>
      <c r="ED8" s="277">
        <v>241</v>
      </c>
      <c r="EE8" s="281">
        <v>177</v>
      </c>
      <c r="EF8" s="278">
        <v>418</v>
      </c>
      <c r="EG8" s="280">
        <v>0</v>
      </c>
      <c r="EH8" s="281">
        <v>833</v>
      </c>
      <c r="EI8" s="281">
        <v>673</v>
      </c>
      <c r="EJ8" s="281">
        <v>651</v>
      </c>
      <c r="EK8" s="281">
        <v>767</v>
      </c>
      <c r="EL8" s="281">
        <v>489</v>
      </c>
      <c r="EM8" s="278">
        <v>3413</v>
      </c>
      <c r="EN8" s="283">
        <v>3831</v>
      </c>
      <c r="EO8" s="277">
        <v>1865</v>
      </c>
      <c r="EP8" s="281">
        <v>3210</v>
      </c>
      <c r="EQ8" s="278">
        <v>5075</v>
      </c>
      <c r="ER8" s="280">
        <v>0</v>
      </c>
      <c r="ES8" s="281">
        <v>9371</v>
      </c>
      <c r="ET8" s="281">
        <v>7253</v>
      </c>
      <c r="EU8" s="281">
        <v>4333</v>
      </c>
      <c r="EV8" s="281">
        <v>3408</v>
      </c>
      <c r="EW8" s="281">
        <v>2062</v>
      </c>
      <c r="EX8" s="278">
        <v>26427</v>
      </c>
      <c r="EY8" s="283">
        <v>31502</v>
      </c>
    </row>
    <row r="9" spans="1:155" ht="19.5" customHeight="1" x14ac:dyDescent="0.2">
      <c r="A9" s="262" t="s">
        <v>14</v>
      </c>
      <c r="B9" s="277">
        <v>0</v>
      </c>
      <c r="C9" s="281">
        <v>0</v>
      </c>
      <c r="D9" s="385">
        <v>0</v>
      </c>
      <c r="E9" s="280">
        <v>0</v>
      </c>
      <c r="F9" s="281">
        <v>1183</v>
      </c>
      <c r="G9" s="281">
        <v>1522</v>
      </c>
      <c r="H9" s="281">
        <v>913</v>
      </c>
      <c r="I9" s="281">
        <v>684</v>
      </c>
      <c r="J9" s="281">
        <v>490</v>
      </c>
      <c r="K9" s="282">
        <v>4792</v>
      </c>
      <c r="L9" s="283">
        <v>4792</v>
      </c>
      <c r="M9" s="277">
        <v>0</v>
      </c>
      <c r="N9" s="281">
        <v>2</v>
      </c>
      <c r="O9" s="278">
        <v>2</v>
      </c>
      <c r="P9" s="280">
        <v>0</v>
      </c>
      <c r="Q9" s="281">
        <v>3</v>
      </c>
      <c r="R9" s="281">
        <v>26</v>
      </c>
      <c r="S9" s="281">
        <v>67</v>
      </c>
      <c r="T9" s="281">
        <v>133</v>
      </c>
      <c r="U9" s="281">
        <v>232</v>
      </c>
      <c r="V9" s="278">
        <v>461</v>
      </c>
      <c r="W9" s="283">
        <v>463</v>
      </c>
      <c r="X9" s="277">
        <v>122</v>
      </c>
      <c r="Y9" s="281">
        <v>371</v>
      </c>
      <c r="Z9" s="278">
        <v>493</v>
      </c>
      <c r="AA9" s="280">
        <v>0</v>
      </c>
      <c r="AB9" s="281">
        <v>630</v>
      </c>
      <c r="AC9" s="281">
        <v>980</v>
      </c>
      <c r="AD9" s="281">
        <v>686</v>
      </c>
      <c r="AE9" s="281">
        <v>594</v>
      </c>
      <c r="AF9" s="281">
        <v>478</v>
      </c>
      <c r="AG9" s="278">
        <v>3368</v>
      </c>
      <c r="AH9" s="283">
        <v>3861</v>
      </c>
      <c r="AI9" s="277">
        <v>9</v>
      </c>
      <c r="AJ9" s="281">
        <v>39</v>
      </c>
      <c r="AK9" s="278">
        <v>48</v>
      </c>
      <c r="AL9" s="280">
        <v>0</v>
      </c>
      <c r="AM9" s="281">
        <v>19</v>
      </c>
      <c r="AN9" s="281">
        <v>64</v>
      </c>
      <c r="AO9" s="281">
        <v>59</v>
      </c>
      <c r="AP9" s="281">
        <v>41</v>
      </c>
      <c r="AQ9" s="281">
        <v>25</v>
      </c>
      <c r="AR9" s="278">
        <v>208</v>
      </c>
      <c r="AS9" s="283">
        <v>256</v>
      </c>
      <c r="AT9" s="277">
        <v>185</v>
      </c>
      <c r="AU9" s="281">
        <v>330</v>
      </c>
      <c r="AV9" s="278">
        <v>515</v>
      </c>
      <c r="AW9" s="280">
        <v>0</v>
      </c>
      <c r="AX9" s="281">
        <v>1278</v>
      </c>
      <c r="AY9" s="281">
        <v>1553</v>
      </c>
      <c r="AZ9" s="281">
        <v>1488</v>
      </c>
      <c r="BA9" s="281">
        <v>1315</v>
      </c>
      <c r="BB9" s="281">
        <v>958</v>
      </c>
      <c r="BC9" s="282">
        <v>6592</v>
      </c>
      <c r="BD9" s="283">
        <v>7107</v>
      </c>
      <c r="BE9" s="277">
        <v>0</v>
      </c>
      <c r="BF9" s="281">
        <v>0</v>
      </c>
      <c r="BG9" s="278">
        <v>0</v>
      </c>
      <c r="BH9" s="280">
        <v>0</v>
      </c>
      <c r="BI9" s="281">
        <v>1417</v>
      </c>
      <c r="BJ9" s="281">
        <v>1516</v>
      </c>
      <c r="BK9" s="281">
        <v>1027</v>
      </c>
      <c r="BL9" s="281">
        <v>621</v>
      </c>
      <c r="BM9" s="281">
        <v>277</v>
      </c>
      <c r="BN9" s="278">
        <v>4858</v>
      </c>
      <c r="BO9" s="283">
        <v>4858</v>
      </c>
      <c r="BP9" s="277">
        <v>73</v>
      </c>
      <c r="BQ9" s="281">
        <v>160</v>
      </c>
      <c r="BR9" s="278">
        <v>233</v>
      </c>
      <c r="BS9" s="280">
        <v>0</v>
      </c>
      <c r="BT9" s="281">
        <v>139</v>
      </c>
      <c r="BU9" s="281">
        <v>361</v>
      </c>
      <c r="BV9" s="281">
        <v>227</v>
      </c>
      <c r="BW9" s="281">
        <v>160</v>
      </c>
      <c r="BX9" s="281">
        <v>45</v>
      </c>
      <c r="BY9" s="278">
        <v>932</v>
      </c>
      <c r="BZ9" s="283">
        <v>1165</v>
      </c>
      <c r="CA9" s="277">
        <v>6</v>
      </c>
      <c r="CB9" s="281">
        <v>14</v>
      </c>
      <c r="CC9" s="278">
        <v>20</v>
      </c>
      <c r="CD9" s="280">
        <v>0</v>
      </c>
      <c r="CE9" s="281">
        <v>130</v>
      </c>
      <c r="CF9" s="281">
        <v>248</v>
      </c>
      <c r="CG9" s="281">
        <v>369</v>
      </c>
      <c r="CH9" s="281">
        <v>270</v>
      </c>
      <c r="CI9" s="281">
        <v>141</v>
      </c>
      <c r="CJ9" s="278">
        <v>1158</v>
      </c>
      <c r="CK9" s="283">
        <v>1178</v>
      </c>
      <c r="CL9" s="277">
        <v>0</v>
      </c>
      <c r="CM9" s="281">
        <v>0</v>
      </c>
      <c r="CN9" s="278">
        <v>0</v>
      </c>
      <c r="CO9" s="280">
        <v>0</v>
      </c>
      <c r="CP9" s="281">
        <v>3</v>
      </c>
      <c r="CQ9" s="281">
        <v>9</v>
      </c>
      <c r="CR9" s="281">
        <v>10</v>
      </c>
      <c r="CS9" s="281">
        <v>11</v>
      </c>
      <c r="CT9" s="281">
        <v>6</v>
      </c>
      <c r="CU9" s="278">
        <v>39</v>
      </c>
      <c r="CV9" s="283">
        <v>39</v>
      </c>
      <c r="CW9" s="277">
        <v>0</v>
      </c>
      <c r="CX9" s="281">
        <v>0</v>
      </c>
      <c r="CY9" s="278">
        <v>0</v>
      </c>
      <c r="CZ9" s="280">
        <v>0</v>
      </c>
      <c r="DA9" s="281">
        <v>0</v>
      </c>
      <c r="DB9" s="281">
        <v>0</v>
      </c>
      <c r="DC9" s="281">
        <v>0</v>
      </c>
      <c r="DD9" s="281">
        <v>0</v>
      </c>
      <c r="DE9" s="281">
        <v>0</v>
      </c>
      <c r="DF9" s="278">
        <v>0</v>
      </c>
      <c r="DG9" s="283">
        <v>0</v>
      </c>
      <c r="DH9" s="277">
        <v>0</v>
      </c>
      <c r="DI9" s="281">
        <v>0</v>
      </c>
      <c r="DJ9" s="278">
        <v>0</v>
      </c>
      <c r="DK9" s="280">
        <v>0</v>
      </c>
      <c r="DL9" s="281">
        <v>0</v>
      </c>
      <c r="DM9" s="281">
        <v>0</v>
      </c>
      <c r="DN9" s="281">
        <v>0</v>
      </c>
      <c r="DO9" s="281">
        <v>0</v>
      </c>
      <c r="DP9" s="281">
        <v>0</v>
      </c>
      <c r="DQ9" s="278">
        <v>0</v>
      </c>
      <c r="DR9" s="283">
        <v>0</v>
      </c>
      <c r="DS9" s="277">
        <v>801</v>
      </c>
      <c r="DT9" s="281">
        <v>2206</v>
      </c>
      <c r="DU9" s="278">
        <v>3007</v>
      </c>
      <c r="DV9" s="280">
        <v>0</v>
      </c>
      <c r="DW9" s="281">
        <v>1661</v>
      </c>
      <c r="DX9" s="281">
        <v>3412</v>
      </c>
      <c r="DY9" s="281">
        <v>2180</v>
      </c>
      <c r="DZ9" s="281">
        <v>1619</v>
      </c>
      <c r="EA9" s="281">
        <v>940</v>
      </c>
      <c r="EB9" s="278">
        <v>9812</v>
      </c>
      <c r="EC9" s="283">
        <v>12819</v>
      </c>
      <c r="ED9" s="277">
        <v>130</v>
      </c>
      <c r="EE9" s="281">
        <v>121</v>
      </c>
      <c r="EF9" s="278">
        <v>251</v>
      </c>
      <c r="EG9" s="280">
        <v>0</v>
      </c>
      <c r="EH9" s="281">
        <v>350</v>
      </c>
      <c r="EI9" s="281">
        <v>281</v>
      </c>
      <c r="EJ9" s="281">
        <v>269</v>
      </c>
      <c r="EK9" s="281">
        <v>276</v>
      </c>
      <c r="EL9" s="281">
        <v>159</v>
      </c>
      <c r="EM9" s="278">
        <v>1335</v>
      </c>
      <c r="EN9" s="283">
        <v>1586</v>
      </c>
      <c r="EO9" s="277">
        <v>951</v>
      </c>
      <c r="EP9" s="281">
        <v>2462</v>
      </c>
      <c r="EQ9" s="278">
        <v>3413</v>
      </c>
      <c r="ER9" s="280">
        <v>0</v>
      </c>
      <c r="ES9" s="281">
        <v>3692</v>
      </c>
      <c r="ET9" s="281">
        <v>4459</v>
      </c>
      <c r="EU9" s="281">
        <v>2602</v>
      </c>
      <c r="EV9" s="281">
        <v>1737</v>
      </c>
      <c r="EW9" s="281">
        <v>982</v>
      </c>
      <c r="EX9" s="278">
        <v>13472</v>
      </c>
      <c r="EY9" s="283">
        <v>16885</v>
      </c>
    </row>
    <row r="10" spans="1:155" ht="19.5" customHeight="1" x14ac:dyDescent="0.2">
      <c r="A10" s="262" t="s">
        <v>7</v>
      </c>
      <c r="B10" s="277">
        <v>0</v>
      </c>
      <c r="C10" s="281">
        <v>0</v>
      </c>
      <c r="D10" s="385">
        <v>0</v>
      </c>
      <c r="E10" s="280">
        <v>0</v>
      </c>
      <c r="F10" s="281">
        <v>1507</v>
      </c>
      <c r="G10" s="281">
        <v>1123</v>
      </c>
      <c r="H10" s="281">
        <v>599</v>
      </c>
      <c r="I10" s="281">
        <v>569</v>
      </c>
      <c r="J10" s="281">
        <v>371</v>
      </c>
      <c r="K10" s="282">
        <v>4169</v>
      </c>
      <c r="L10" s="283">
        <v>4169</v>
      </c>
      <c r="M10" s="277">
        <v>0</v>
      </c>
      <c r="N10" s="281">
        <v>0</v>
      </c>
      <c r="O10" s="278">
        <v>0</v>
      </c>
      <c r="P10" s="280">
        <v>0</v>
      </c>
      <c r="Q10" s="281">
        <v>12</v>
      </c>
      <c r="R10" s="281">
        <v>40</v>
      </c>
      <c r="S10" s="281">
        <v>49</v>
      </c>
      <c r="T10" s="281">
        <v>129</v>
      </c>
      <c r="U10" s="281">
        <v>186</v>
      </c>
      <c r="V10" s="278">
        <v>416</v>
      </c>
      <c r="W10" s="283">
        <v>416</v>
      </c>
      <c r="X10" s="277">
        <v>15</v>
      </c>
      <c r="Y10" s="281">
        <v>28</v>
      </c>
      <c r="Z10" s="278">
        <v>43</v>
      </c>
      <c r="AA10" s="280">
        <v>0</v>
      </c>
      <c r="AB10" s="281">
        <v>457</v>
      </c>
      <c r="AC10" s="281">
        <v>487</v>
      </c>
      <c r="AD10" s="281">
        <v>333</v>
      </c>
      <c r="AE10" s="281">
        <v>344</v>
      </c>
      <c r="AF10" s="281">
        <v>264</v>
      </c>
      <c r="AG10" s="278">
        <v>1885</v>
      </c>
      <c r="AH10" s="283">
        <v>1928</v>
      </c>
      <c r="AI10" s="277">
        <v>5</v>
      </c>
      <c r="AJ10" s="281">
        <v>5</v>
      </c>
      <c r="AK10" s="278">
        <v>10</v>
      </c>
      <c r="AL10" s="280">
        <v>0</v>
      </c>
      <c r="AM10" s="281">
        <v>43</v>
      </c>
      <c r="AN10" s="281">
        <v>51</v>
      </c>
      <c r="AO10" s="281">
        <v>31</v>
      </c>
      <c r="AP10" s="281">
        <v>43</v>
      </c>
      <c r="AQ10" s="281">
        <v>24</v>
      </c>
      <c r="AR10" s="278">
        <v>192</v>
      </c>
      <c r="AS10" s="283">
        <v>202</v>
      </c>
      <c r="AT10" s="277">
        <v>124</v>
      </c>
      <c r="AU10" s="281">
        <v>98</v>
      </c>
      <c r="AV10" s="278">
        <v>222</v>
      </c>
      <c r="AW10" s="280">
        <v>0</v>
      </c>
      <c r="AX10" s="281">
        <v>1113</v>
      </c>
      <c r="AY10" s="281">
        <v>1037</v>
      </c>
      <c r="AZ10" s="281">
        <v>883</v>
      </c>
      <c r="BA10" s="281">
        <v>946</v>
      </c>
      <c r="BB10" s="281">
        <v>605</v>
      </c>
      <c r="BC10" s="282">
        <v>4584</v>
      </c>
      <c r="BD10" s="283">
        <v>4806</v>
      </c>
      <c r="BE10" s="277">
        <v>0</v>
      </c>
      <c r="BF10" s="281">
        <v>0</v>
      </c>
      <c r="BG10" s="278">
        <v>0</v>
      </c>
      <c r="BH10" s="280">
        <v>0</v>
      </c>
      <c r="BI10" s="281">
        <v>1678</v>
      </c>
      <c r="BJ10" s="281">
        <v>1092</v>
      </c>
      <c r="BK10" s="281">
        <v>523</v>
      </c>
      <c r="BL10" s="281">
        <v>333</v>
      </c>
      <c r="BM10" s="281">
        <v>142</v>
      </c>
      <c r="BN10" s="278">
        <v>3768</v>
      </c>
      <c r="BO10" s="283">
        <v>3768</v>
      </c>
      <c r="BP10" s="277">
        <v>34</v>
      </c>
      <c r="BQ10" s="281">
        <v>47</v>
      </c>
      <c r="BR10" s="278">
        <v>81</v>
      </c>
      <c r="BS10" s="280">
        <v>0</v>
      </c>
      <c r="BT10" s="281">
        <v>254</v>
      </c>
      <c r="BU10" s="281">
        <v>232</v>
      </c>
      <c r="BV10" s="281">
        <v>125</v>
      </c>
      <c r="BW10" s="281">
        <v>66</v>
      </c>
      <c r="BX10" s="281">
        <v>15</v>
      </c>
      <c r="BY10" s="278">
        <v>692</v>
      </c>
      <c r="BZ10" s="283">
        <v>773</v>
      </c>
      <c r="CA10" s="277">
        <v>1</v>
      </c>
      <c r="CB10" s="281">
        <v>2</v>
      </c>
      <c r="CC10" s="278">
        <v>3</v>
      </c>
      <c r="CD10" s="280">
        <v>0</v>
      </c>
      <c r="CE10" s="281">
        <v>197</v>
      </c>
      <c r="CF10" s="281">
        <v>256</v>
      </c>
      <c r="CG10" s="281">
        <v>245</v>
      </c>
      <c r="CH10" s="281">
        <v>180</v>
      </c>
      <c r="CI10" s="281">
        <v>91</v>
      </c>
      <c r="CJ10" s="278">
        <v>969</v>
      </c>
      <c r="CK10" s="283">
        <v>972</v>
      </c>
      <c r="CL10" s="277">
        <v>1</v>
      </c>
      <c r="CM10" s="281">
        <v>0</v>
      </c>
      <c r="CN10" s="278">
        <v>1</v>
      </c>
      <c r="CO10" s="280">
        <v>0</v>
      </c>
      <c r="CP10" s="281">
        <v>7</v>
      </c>
      <c r="CQ10" s="281">
        <v>10</v>
      </c>
      <c r="CR10" s="281">
        <v>10</v>
      </c>
      <c r="CS10" s="281">
        <v>9</v>
      </c>
      <c r="CT10" s="281">
        <v>7</v>
      </c>
      <c r="CU10" s="278">
        <v>43</v>
      </c>
      <c r="CV10" s="283">
        <v>44</v>
      </c>
      <c r="CW10" s="277">
        <v>0</v>
      </c>
      <c r="CX10" s="281">
        <v>0</v>
      </c>
      <c r="CY10" s="278">
        <v>0</v>
      </c>
      <c r="CZ10" s="280">
        <v>0</v>
      </c>
      <c r="DA10" s="281">
        <v>0</v>
      </c>
      <c r="DB10" s="281">
        <v>0</v>
      </c>
      <c r="DC10" s="281">
        <v>0</v>
      </c>
      <c r="DD10" s="281">
        <v>0</v>
      </c>
      <c r="DE10" s="281">
        <v>0</v>
      </c>
      <c r="DF10" s="278">
        <v>0</v>
      </c>
      <c r="DG10" s="283">
        <v>0</v>
      </c>
      <c r="DH10" s="277">
        <v>0</v>
      </c>
      <c r="DI10" s="281">
        <v>0</v>
      </c>
      <c r="DJ10" s="278">
        <v>0</v>
      </c>
      <c r="DK10" s="280">
        <v>0</v>
      </c>
      <c r="DL10" s="281">
        <v>0</v>
      </c>
      <c r="DM10" s="281">
        <v>0</v>
      </c>
      <c r="DN10" s="281">
        <v>0</v>
      </c>
      <c r="DO10" s="281">
        <v>0</v>
      </c>
      <c r="DP10" s="281">
        <v>0</v>
      </c>
      <c r="DQ10" s="278">
        <v>0</v>
      </c>
      <c r="DR10" s="283">
        <v>0</v>
      </c>
      <c r="DS10" s="277">
        <v>297</v>
      </c>
      <c r="DT10" s="281">
        <v>635</v>
      </c>
      <c r="DU10" s="278">
        <v>932</v>
      </c>
      <c r="DV10" s="280">
        <v>0</v>
      </c>
      <c r="DW10" s="281">
        <v>1939</v>
      </c>
      <c r="DX10" s="281">
        <v>2225</v>
      </c>
      <c r="DY10" s="281">
        <v>1233</v>
      </c>
      <c r="DZ10" s="281">
        <v>1013</v>
      </c>
      <c r="EA10" s="281">
        <v>585</v>
      </c>
      <c r="EB10" s="278">
        <v>6995</v>
      </c>
      <c r="EC10" s="283">
        <v>7927</v>
      </c>
      <c r="ED10" s="277">
        <v>97</v>
      </c>
      <c r="EE10" s="281">
        <v>54</v>
      </c>
      <c r="EF10" s="278">
        <v>151</v>
      </c>
      <c r="EG10" s="280">
        <v>0</v>
      </c>
      <c r="EH10" s="281">
        <v>499</v>
      </c>
      <c r="EI10" s="281">
        <v>275</v>
      </c>
      <c r="EJ10" s="281">
        <v>247</v>
      </c>
      <c r="EK10" s="281">
        <v>273</v>
      </c>
      <c r="EL10" s="281">
        <v>125</v>
      </c>
      <c r="EM10" s="278">
        <v>1419</v>
      </c>
      <c r="EN10" s="283">
        <v>1570</v>
      </c>
      <c r="EO10" s="277">
        <v>346</v>
      </c>
      <c r="EP10" s="281">
        <v>681</v>
      </c>
      <c r="EQ10" s="278">
        <v>1027</v>
      </c>
      <c r="ER10" s="280">
        <v>0</v>
      </c>
      <c r="ES10" s="281">
        <v>4254</v>
      </c>
      <c r="ET10" s="281">
        <v>3029</v>
      </c>
      <c r="EU10" s="281">
        <v>1525</v>
      </c>
      <c r="EV10" s="281">
        <v>1105</v>
      </c>
      <c r="EW10" s="281">
        <v>616</v>
      </c>
      <c r="EX10" s="278">
        <v>10529</v>
      </c>
      <c r="EY10" s="283">
        <v>11556</v>
      </c>
    </row>
    <row r="11" spans="1:155" ht="19.5" customHeight="1" x14ac:dyDescent="0.2">
      <c r="A11" s="262" t="s">
        <v>8</v>
      </c>
      <c r="B11" s="277">
        <v>0</v>
      </c>
      <c r="C11" s="281">
        <v>0</v>
      </c>
      <c r="D11" s="385">
        <v>0</v>
      </c>
      <c r="E11" s="280">
        <v>0</v>
      </c>
      <c r="F11" s="281">
        <v>495</v>
      </c>
      <c r="G11" s="281">
        <v>610</v>
      </c>
      <c r="H11" s="281">
        <v>354</v>
      </c>
      <c r="I11" s="281">
        <v>278</v>
      </c>
      <c r="J11" s="281">
        <v>245</v>
      </c>
      <c r="K11" s="282">
        <v>1982</v>
      </c>
      <c r="L11" s="283">
        <v>1982</v>
      </c>
      <c r="M11" s="277">
        <v>0</v>
      </c>
      <c r="N11" s="281">
        <v>0</v>
      </c>
      <c r="O11" s="278">
        <v>0</v>
      </c>
      <c r="P11" s="280">
        <v>0</v>
      </c>
      <c r="Q11" s="281">
        <v>4</v>
      </c>
      <c r="R11" s="281">
        <v>20</v>
      </c>
      <c r="S11" s="281">
        <v>32</v>
      </c>
      <c r="T11" s="281">
        <v>58</v>
      </c>
      <c r="U11" s="281">
        <v>101</v>
      </c>
      <c r="V11" s="278">
        <v>215</v>
      </c>
      <c r="W11" s="283">
        <v>215</v>
      </c>
      <c r="X11" s="277">
        <v>47</v>
      </c>
      <c r="Y11" s="281">
        <v>73</v>
      </c>
      <c r="Z11" s="278">
        <v>120</v>
      </c>
      <c r="AA11" s="280">
        <v>0</v>
      </c>
      <c r="AB11" s="281">
        <v>268</v>
      </c>
      <c r="AC11" s="281">
        <v>372</v>
      </c>
      <c r="AD11" s="281">
        <v>243</v>
      </c>
      <c r="AE11" s="281">
        <v>196</v>
      </c>
      <c r="AF11" s="281">
        <v>189</v>
      </c>
      <c r="AG11" s="278">
        <v>1268</v>
      </c>
      <c r="AH11" s="283">
        <v>1388</v>
      </c>
      <c r="AI11" s="277">
        <v>4</v>
      </c>
      <c r="AJ11" s="281">
        <v>13</v>
      </c>
      <c r="AK11" s="278">
        <v>17</v>
      </c>
      <c r="AL11" s="280">
        <v>0</v>
      </c>
      <c r="AM11" s="281">
        <v>49</v>
      </c>
      <c r="AN11" s="281">
        <v>76</v>
      </c>
      <c r="AO11" s="281">
        <v>54</v>
      </c>
      <c r="AP11" s="281">
        <v>36</v>
      </c>
      <c r="AQ11" s="281">
        <v>26</v>
      </c>
      <c r="AR11" s="278">
        <v>241</v>
      </c>
      <c r="AS11" s="283">
        <v>258</v>
      </c>
      <c r="AT11" s="277">
        <v>78</v>
      </c>
      <c r="AU11" s="281">
        <v>45</v>
      </c>
      <c r="AV11" s="278">
        <v>123</v>
      </c>
      <c r="AW11" s="280">
        <v>0</v>
      </c>
      <c r="AX11" s="281">
        <v>444</v>
      </c>
      <c r="AY11" s="281">
        <v>518</v>
      </c>
      <c r="AZ11" s="281">
        <v>499</v>
      </c>
      <c r="BA11" s="281">
        <v>488</v>
      </c>
      <c r="BB11" s="281">
        <v>372</v>
      </c>
      <c r="BC11" s="282">
        <v>2321</v>
      </c>
      <c r="BD11" s="283">
        <v>2444</v>
      </c>
      <c r="BE11" s="277">
        <v>0</v>
      </c>
      <c r="BF11" s="281">
        <v>0</v>
      </c>
      <c r="BG11" s="278">
        <v>0</v>
      </c>
      <c r="BH11" s="280">
        <v>0</v>
      </c>
      <c r="BI11" s="281">
        <v>570</v>
      </c>
      <c r="BJ11" s="281">
        <v>625</v>
      </c>
      <c r="BK11" s="281">
        <v>368</v>
      </c>
      <c r="BL11" s="281">
        <v>180</v>
      </c>
      <c r="BM11" s="281">
        <v>111</v>
      </c>
      <c r="BN11" s="278">
        <v>1854</v>
      </c>
      <c r="BO11" s="283">
        <v>1854</v>
      </c>
      <c r="BP11" s="277">
        <v>51</v>
      </c>
      <c r="BQ11" s="281">
        <v>68</v>
      </c>
      <c r="BR11" s="278">
        <v>119</v>
      </c>
      <c r="BS11" s="280">
        <v>0</v>
      </c>
      <c r="BT11" s="281">
        <v>115</v>
      </c>
      <c r="BU11" s="281">
        <v>154</v>
      </c>
      <c r="BV11" s="281">
        <v>90</v>
      </c>
      <c r="BW11" s="281">
        <v>52</v>
      </c>
      <c r="BX11" s="281">
        <v>16</v>
      </c>
      <c r="BY11" s="278">
        <v>427</v>
      </c>
      <c r="BZ11" s="283">
        <v>546</v>
      </c>
      <c r="CA11" s="277">
        <v>4</v>
      </c>
      <c r="CB11" s="281">
        <v>8</v>
      </c>
      <c r="CC11" s="278">
        <v>12</v>
      </c>
      <c r="CD11" s="280">
        <v>0</v>
      </c>
      <c r="CE11" s="281">
        <v>74</v>
      </c>
      <c r="CF11" s="281">
        <v>157</v>
      </c>
      <c r="CG11" s="281">
        <v>199</v>
      </c>
      <c r="CH11" s="281">
        <v>110</v>
      </c>
      <c r="CI11" s="281">
        <v>59</v>
      </c>
      <c r="CJ11" s="278">
        <v>599</v>
      </c>
      <c r="CK11" s="283">
        <v>611</v>
      </c>
      <c r="CL11" s="277">
        <v>0</v>
      </c>
      <c r="CM11" s="281">
        <v>0</v>
      </c>
      <c r="CN11" s="278">
        <v>0</v>
      </c>
      <c r="CO11" s="280">
        <v>0</v>
      </c>
      <c r="CP11" s="281">
        <v>1</v>
      </c>
      <c r="CQ11" s="281">
        <v>6</v>
      </c>
      <c r="CR11" s="281">
        <v>9</v>
      </c>
      <c r="CS11" s="281">
        <v>3</v>
      </c>
      <c r="CT11" s="281">
        <v>0</v>
      </c>
      <c r="CU11" s="278">
        <v>19</v>
      </c>
      <c r="CV11" s="283">
        <v>19</v>
      </c>
      <c r="CW11" s="277">
        <v>0</v>
      </c>
      <c r="CX11" s="281">
        <v>0</v>
      </c>
      <c r="CY11" s="278">
        <v>0</v>
      </c>
      <c r="CZ11" s="280">
        <v>0</v>
      </c>
      <c r="DA11" s="281">
        <v>0</v>
      </c>
      <c r="DB11" s="281">
        <v>0</v>
      </c>
      <c r="DC11" s="281">
        <v>0</v>
      </c>
      <c r="DD11" s="281">
        <v>0</v>
      </c>
      <c r="DE11" s="281">
        <v>0</v>
      </c>
      <c r="DF11" s="278">
        <v>0</v>
      </c>
      <c r="DG11" s="283">
        <v>0</v>
      </c>
      <c r="DH11" s="277">
        <v>0</v>
      </c>
      <c r="DI11" s="281">
        <v>0</v>
      </c>
      <c r="DJ11" s="278">
        <v>0</v>
      </c>
      <c r="DK11" s="280">
        <v>0</v>
      </c>
      <c r="DL11" s="281">
        <v>0</v>
      </c>
      <c r="DM11" s="281">
        <v>0</v>
      </c>
      <c r="DN11" s="281">
        <v>0</v>
      </c>
      <c r="DO11" s="281">
        <v>0</v>
      </c>
      <c r="DP11" s="281">
        <v>0</v>
      </c>
      <c r="DQ11" s="278">
        <v>0</v>
      </c>
      <c r="DR11" s="283">
        <v>0</v>
      </c>
      <c r="DS11" s="277">
        <v>359</v>
      </c>
      <c r="DT11" s="281">
        <v>552</v>
      </c>
      <c r="DU11" s="278">
        <v>911</v>
      </c>
      <c r="DV11" s="280">
        <v>0</v>
      </c>
      <c r="DW11" s="281">
        <v>905</v>
      </c>
      <c r="DX11" s="281">
        <v>1418</v>
      </c>
      <c r="DY11" s="281">
        <v>855</v>
      </c>
      <c r="DZ11" s="281">
        <v>569</v>
      </c>
      <c r="EA11" s="281">
        <v>393</v>
      </c>
      <c r="EB11" s="278">
        <v>4140</v>
      </c>
      <c r="EC11" s="283">
        <v>5051</v>
      </c>
      <c r="ED11" s="277">
        <v>59</v>
      </c>
      <c r="EE11" s="281">
        <v>17</v>
      </c>
      <c r="EF11" s="278">
        <v>76</v>
      </c>
      <c r="EG11" s="280">
        <v>0</v>
      </c>
      <c r="EH11" s="281">
        <v>159</v>
      </c>
      <c r="EI11" s="281">
        <v>110</v>
      </c>
      <c r="EJ11" s="281">
        <v>100</v>
      </c>
      <c r="EK11" s="281">
        <v>127</v>
      </c>
      <c r="EL11" s="281">
        <v>71</v>
      </c>
      <c r="EM11" s="278">
        <v>567</v>
      </c>
      <c r="EN11" s="283">
        <v>643</v>
      </c>
      <c r="EO11" s="277">
        <v>442</v>
      </c>
      <c r="EP11" s="281">
        <v>630</v>
      </c>
      <c r="EQ11" s="278">
        <v>1072</v>
      </c>
      <c r="ER11" s="280">
        <v>0</v>
      </c>
      <c r="ES11" s="281">
        <v>1740</v>
      </c>
      <c r="ET11" s="281">
        <v>1834</v>
      </c>
      <c r="EU11" s="281">
        <v>1016</v>
      </c>
      <c r="EV11" s="281">
        <v>611</v>
      </c>
      <c r="EW11" s="281">
        <v>397</v>
      </c>
      <c r="EX11" s="278">
        <v>5598</v>
      </c>
      <c r="EY11" s="283">
        <v>6670</v>
      </c>
    </row>
    <row r="12" spans="1:155" ht="19.5" customHeight="1" x14ac:dyDescent="0.2">
      <c r="A12" s="262" t="s">
        <v>9</v>
      </c>
      <c r="B12" s="277">
        <v>0</v>
      </c>
      <c r="C12" s="281">
        <v>0</v>
      </c>
      <c r="D12" s="385">
        <v>0</v>
      </c>
      <c r="E12" s="280">
        <v>0</v>
      </c>
      <c r="F12" s="281">
        <v>631</v>
      </c>
      <c r="G12" s="281">
        <v>510</v>
      </c>
      <c r="H12" s="281">
        <v>346</v>
      </c>
      <c r="I12" s="281">
        <v>359</v>
      </c>
      <c r="J12" s="281">
        <v>256</v>
      </c>
      <c r="K12" s="282">
        <v>2102</v>
      </c>
      <c r="L12" s="283">
        <v>2102</v>
      </c>
      <c r="M12" s="277">
        <v>0</v>
      </c>
      <c r="N12" s="281">
        <v>0</v>
      </c>
      <c r="O12" s="278">
        <v>0</v>
      </c>
      <c r="P12" s="280">
        <v>0</v>
      </c>
      <c r="Q12" s="281">
        <v>6</v>
      </c>
      <c r="R12" s="281">
        <v>7</v>
      </c>
      <c r="S12" s="281">
        <v>18</v>
      </c>
      <c r="T12" s="281">
        <v>55</v>
      </c>
      <c r="U12" s="281">
        <v>107</v>
      </c>
      <c r="V12" s="278">
        <v>193</v>
      </c>
      <c r="W12" s="283">
        <v>193</v>
      </c>
      <c r="X12" s="277">
        <v>30</v>
      </c>
      <c r="Y12" s="281">
        <v>67</v>
      </c>
      <c r="Z12" s="278">
        <v>97</v>
      </c>
      <c r="AA12" s="280">
        <v>0</v>
      </c>
      <c r="AB12" s="281">
        <v>339</v>
      </c>
      <c r="AC12" s="281">
        <v>297</v>
      </c>
      <c r="AD12" s="281">
        <v>239</v>
      </c>
      <c r="AE12" s="281">
        <v>250</v>
      </c>
      <c r="AF12" s="281">
        <v>188</v>
      </c>
      <c r="AG12" s="278">
        <v>1313</v>
      </c>
      <c r="AH12" s="283">
        <v>1410</v>
      </c>
      <c r="AI12" s="277">
        <v>7</v>
      </c>
      <c r="AJ12" s="281">
        <v>16</v>
      </c>
      <c r="AK12" s="278">
        <v>23</v>
      </c>
      <c r="AL12" s="280">
        <v>0</v>
      </c>
      <c r="AM12" s="281">
        <v>58</v>
      </c>
      <c r="AN12" s="281">
        <v>56</v>
      </c>
      <c r="AO12" s="281">
        <v>48</v>
      </c>
      <c r="AP12" s="281">
        <v>52</v>
      </c>
      <c r="AQ12" s="281">
        <v>40</v>
      </c>
      <c r="AR12" s="278">
        <v>254</v>
      </c>
      <c r="AS12" s="283">
        <v>277</v>
      </c>
      <c r="AT12" s="277">
        <v>80</v>
      </c>
      <c r="AU12" s="281">
        <v>70</v>
      </c>
      <c r="AV12" s="278">
        <v>150</v>
      </c>
      <c r="AW12" s="280">
        <v>0</v>
      </c>
      <c r="AX12" s="281">
        <v>504</v>
      </c>
      <c r="AY12" s="281">
        <v>538</v>
      </c>
      <c r="AZ12" s="281">
        <v>548</v>
      </c>
      <c r="BA12" s="281">
        <v>537</v>
      </c>
      <c r="BB12" s="281">
        <v>396</v>
      </c>
      <c r="BC12" s="282">
        <v>2523</v>
      </c>
      <c r="BD12" s="283">
        <v>2673</v>
      </c>
      <c r="BE12" s="277">
        <v>0</v>
      </c>
      <c r="BF12" s="281">
        <v>0</v>
      </c>
      <c r="BG12" s="278">
        <v>0</v>
      </c>
      <c r="BH12" s="280">
        <v>0</v>
      </c>
      <c r="BI12" s="281">
        <v>546</v>
      </c>
      <c r="BJ12" s="281">
        <v>380</v>
      </c>
      <c r="BK12" s="281">
        <v>248</v>
      </c>
      <c r="BL12" s="281">
        <v>150</v>
      </c>
      <c r="BM12" s="281">
        <v>62</v>
      </c>
      <c r="BN12" s="278">
        <v>1386</v>
      </c>
      <c r="BO12" s="283">
        <v>1386</v>
      </c>
      <c r="BP12" s="277">
        <v>37</v>
      </c>
      <c r="BQ12" s="281">
        <v>54</v>
      </c>
      <c r="BR12" s="278">
        <v>91</v>
      </c>
      <c r="BS12" s="280">
        <v>0</v>
      </c>
      <c r="BT12" s="281">
        <v>133</v>
      </c>
      <c r="BU12" s="281">
        <v>116</v>
      </c>
      <c r="BV12" s="281">
        <v>64</v>
      </c>
      <c r="BW12" s="281">
        <v>77</v>
      </c>
      <c r="BX12" s="281">
        <v>17</v>
      </c>
      <c r="BY12" s="278">
        <v>407</v>
      </c>
      <c r="BZ12" s="283">
        <v>498</v>
      </c>
      <c r="CA12" s="277">
        <v>5</v>
      </c>
      <c r="CB12" s="281">
        <v>1</v>
      </c>
      <c r="CC12" s="278">
        <v>6</v>
      </c>
      <c r="CD12" s="280">
        <v>0</v>
      </c>
      <c r="CE12" s="281">
        <v>45</v>
      </c>
      <c r="CF12" s="281">
        <v>86</v>
      </c>
      <c r="CG12" s="281">
        <v>105</v>
      </c>
      <c r="CH12" s="281">
        <v>105</v>
      </c>
      <c r="CI12" s="281">
        <v>64</v>
      </c>
      <c r="CJ12" s="278">
        <v>405</v>
      </c>
      <c r="CK12" s="283">
        <v>411</v>
      </c>
      <c r="CL12" s="277">
        <v>0</v>
      </c>
      <c r="CM12" s="281">
        <v>0</v>
      </c>
      <c r="CN12" s="278">
        <v>0</v>
      </c>
      <c r="CO12" s="280">
        <v>0</v>
      </c>
      <c r="CP12" s="281">
        <v>9</v>
      </c>
      <c r="CQ12" s="281">
        <v>14</v>
      </c>
      <c r="CR12" s="281">
        <v>26</v>
      </c>
      <c r="CS12" s="281">
        <v>24</v>
      </c>
      <c r="CT12" s="281">
        <v>7</v>
      </c>
      <c r="CU12" s="278">
        <v>80</v>
      </c>
      <c r="CV12" s="283">
        <v>80</v>
      </c>
      <c r="CW12" s="277">
        <v>0</v>
      </c>
      <c r="CX12" s="281">
        <v>0</v>
      </c>
      <c r="CY12" s="278">
        <v>0</v>
      </c>
      <c r="CZ12" s="280">
        <v>0</v>
      </c>
      <c r="DA12" s="281">
        <v>0</v>
      </c>
      <c r="DB12" s="281">
        <v>0</v>
      </c>
      <c r="DC12" s="281">
        <v>0</v>
      </c>
      <c r="DD12" s="281">
        <v>0</v>
      </c>
      <c r="DE12" s="281">
        <v>0</v>
      </c>
      <c r="DF12" s="278">
        <v>0</v>
      </c>
      <c r="DG12" s="283">
        <v>0</v>
      </c>
      <c r="DH12" s="277">
        <v>0</v>
      </c>
      <c r="DI12" s="281">
        <v>0</v>
      </c>
      <c r="DJ12" s="278">
        <v>0</v>
      </c>
      <c r="DK12" s="280">
        <v>0</v>
      </c>
      <c r="DL12" s="281">
        <v>0</v>
      </c>
      <c r="DM12" s="281">
        <v>0</v>
      </c>
      <c r="DN12" s="281">
        <v>0</v>
      </c>
      <c r="DO12" s="281">
        <v>0</v>
      </c>
      <c r="DP12" s="281">
        <v>0</v>
      </c>
      <c r="DQ12" s="278">
        <v>0</v>
      </c>
      <c r="DR12" s="283">
        <v>0</v>
      </c>
      <c r="DS12" s="277">
        <v>349</v>
      </c>
      <c r="DT12" s="281">
        <v>450</v>
      </c>
      <c r="DU12" s="278">
        <v>799</v>
      </c>
      <c r="DV12" s="280">
        <v>0</v>
      </c>
      <c r="DW12" s="281">
        <v>932</v>
      </c>
      <c r="DX12" s="281">
        <v>980</v>
      </c>
      <c r="DY12" s="281">
        <v>633</v>
      </c>
      <c r="DZ12" s="281">
        <v>582</v>
      </c>
      <c r="EA12" s="281">
        <v>365</v>
      </c>
      <c r="EB12" s="278">
        <v>3492</v>
      </c>
      <c r="EC12" s="283">
        <v>4291</v>
      </c>
      <c r="ED12" s="277">
        <v>48</v>
      </c>
      <c r="EE12" s="281">
        <v>35</v>
      </c>
      <c r="EF12" s="278">
        <v>83</v>
      </c>
      <c r="EG12" s="280">
        <v>0</v>
      </c>
      <c r="EH12" s="281">
        <v>186</v>
      </c>
      <c r="EI12" s="281">
        <v>163</v>
      </c>
      <c r="EJ12" s="281">
        <v>148</v>
      </c>
      <c r="EK12" s="281">
        <v>157</v>
      </c>
      <c r="EL12" s="281">
        <v>109</v>
      </c>
      <c r="EM12" s="278">
        <v>763</v>
      </c>
      <c r="EN12" s="283">
        <v>846</v>
      </c>
      <c r="EO12" s="277">
        <v>400</v>
      </c>
      <c r="EP12" s="281">
        <v>514</v>
      </c>
      <c r="EQ12" s="278">
        <v>914</v>
      </c>
      <c r="ER12" s="280">
        <v>0</v>
      </c>
      <c r="ES12" s="281">
        <v>1657</v>
      </c>
      <c r="ET12" s="281">
        <v>1260</v>
      </c>
      <c r="EU12" s="281">
        <v>738</v>
      </c>
      <c r="EV12" s="281">
        <v>611</v>
      </c>
      <c r="EW12" s="281">
        <v>372</v>
      </c>
      <c r="EX12" s="278">
        <v>4638</v>
      </c>
      <c r="EY12" s="283">
        <v>5552</v>
      </c>
    </row>
    <row r="13" spans="1:155" ht="19.5" customHeight="1" x14ac:dyDescent="0.2">
      <c r="A13" s="262" t="s">
        <v>10</v>
      </c>
      <c r="B13" s="277">
        <v>1</v>
      </c>
      <c r="C13" s="281">
        <v>0</v>
      </c>
      <c r="D13" s="385">
        <v>1</v>
      </c>
      <c r="E13" s="280">
        <v>0</v>
      </c>
      <c r="F13" s="281">
        <v>1336</v>
      </c>
      <c r="G13" s="281">
        <v>708</v>
      </c>
      <c r="H13" s="281">
        <v>452</v>
      </c>
      <c r="I13" s="281">
        <v>417</v>
      </c>
      <c r="J13" s="281">
        <v>338</v>
      </c>
      <c r="K13" s="282">
        <v>3251</v>
      </c>
      <c r="L13" s="283">
        <v>3252</v>
      </c>
      <c r="M13" s="277">
        <v>0</v>
      </c>
      <c r="N13" s="281">
        <v>0</v>
      </c>
      <c r="O13" s="278">
        <v>0</v>
      </c>
      <c r="P13" s="280">
        <v>0</v>
      </c>
      <c r="Q13" s="281">
        <v>12</v>
      </c>
      <c r="R13" s="281">
        <v>19</v>
      </c>
      <c r="S13" s="281">
        <v>33</v>
      </c>
      <c r="T13" s="281">
        <v>96</v>
      </c>
      <c r="U13" s="281">
        <v>159</v>
      </c>
      <c r="V13" s="278">
        <v>319</v>
      </c>
      <c r="W13" s="283">
        <v>319</v>
      </c>
      <c r="X13" s="277">
        <v>143</v>
      </c>
      <c r="Y13" s="281">
        <v>292</v>
      </c>
      <c r="Z13" s="278">
        <v>435</v>
      </c>
      <c r="AA13" s="280">
        <v>0</v>
      </c>
      <c r="AB13" s="281">
        <v>737</v>
      </c>
      <c r="AC13" s="281">
        <v>513</v>
      </c>
      <c r="AD13" s="281">
        <v>332</v>
      </c>
      <c r="AE13" s="281">
        <v>283</v>
      </c>
      <c r="AF13" s="281">
        <v>270</v>
      </c>
      <c r="AG13" s="278">
        <v>2135</v>
      </c>
      <c r="AH13" s="283">
        <v>2570</v>
      </c>
      <c r="AI13" s="277">
        <v>24</v>
      </c>
      <c r="AJ13" s="281">
        <v>48</v>
      </c>
      <c r="AK13" s="278">
        <v>72</v>
      </c>
      <c r="AL13" s="280">
        <v>0</v>
      </c>
      <c r="AM13" s="281">
        <v>111</v>
      </c>
      <c r="AN13" s="281">
        <v>90</v>
      </c>
      <c r="AO13" s="281">
        <v>61</v>
      </c>
      <c r="AP13" s="281">
        <v>65</v>
      </c>
      <c r="AQ13" s="281">
        <v>53</v>
      </c>
      <c r="AR13" s="278">
        <v>380</v>
      </c>
      <c r="AS13" s="283">
        <v>452</v>
      </c>
      <c r="AT13" s="277">
        <v>175</v>
      </c>
      <c r="AU13" s="281">
        <v>271</v>
      </c>
      <c r="AV13" s="278">
        <v>446</v>
      </c>
      <c r="AW13" s="280">
        <v>0</v>
      </c>
      <c r="AX13" s="281">
        <v>1206</v>
      </c>
      <c r="AY13" s="281">
        <v>1036</v>
      </c>
      <c r="AZ13" s="281">
        <v>832</v>
      </c>
      <c r="BA13" s="281">
        <v>851</v>
      </c>
      <c r="BB13" s="281">
        <v>739</v>
      </c>
      <c r="BC13" s="282">
        <v>4664</v>
      </c>
      <c r="BD13" s="283">
        <v>5110</v>
      </c>
      <c r="BE13" s="277">
        <v>0</v>
      </c>
      <c r="BF13" s="281">
        <v>0</v>
      </c>
      <c r="BG13" s="278">
        <v>0</v>
      </c>
      <c r="BH13" s="280">
        <v>0</v>
      </c>
      <c r="BI13" s="281">
        <v>1520</v>
      </c>
      <c r="BJ13" s="281">
        <v>815</v>
      </c>
      <c r="BK13" s="281">
        <v>483</v>
      </c>
      <c r="BL13" s="281">
        <v>260</v>
      </c>
      <c r="BM13" s="281">
        <v>120</v>
      </c>
      <c r="BN13" s="278">
        <v>3198</v>
      </c>
      <c r="BO13" s="283">
        <v>3198</v>
      </c>
      <c r="BP13" s="277">
        <v>68</v>
      </c>
      <c r="BQ13" s="281">
        <v>84</v>
      </c>
      <c r="BR13" s="278">
        <v>152</v>
      </c>
      <c r="BS13" s="280">
        <v>0</v>
      </c>
      <c r="BT13" s="281">
        <v>239</v>
      </c>
      <c r="BU13" s="281">
        <v>155</v>
      </c>
      <c r="BV13" s="281">
        <v>101</v>
      </c>
      <c r="BW13" s="281">
        <v>58</v>
      </c>
      <c r="BX13" s="281">
        <v>22</v>
      </c>
      <c r="BY13" s="278">
        <v>575</v>
      </c>
      <c r="BZ13" s="283">
        <v>727</v>
      </c>
      <c r="CA13" s="277">
        <v>6</v>
      </c>
      <c r="CB13" s="281">
        <v>19</v>
      </c>
      <c r="CC13" s="278">
        <v>25</v>
      </c>
      <c r="CD13" s="280">
        <v>0</v>
      </c>
      <c r="CE13" s="281">
        <v>182</v>
      </c>
      <c r="CF13" s="281">
        <v>158</v>
      </c>
      <c r="CG13" s="281">
        <v>216</v>
      </c>
      <c r="CH13" s="281">
        <v>133</v>
      </c>
      <c r="CI13" s="281">
        <v>87</v>
      </c>
      <c r="CJ13" s="278">
        <v>776</v>
      </c>
      <c r="CK13" s="283">
        <v>801</v>
      </c>
      <c r="CL13" s="277">
        <v>0</v>
      </c>
      <c r="CM13" s="281">
        <v>1</v>
      </c>
      <c r="CN13" s="278">
        <v>1</v>
      </c>
      <c r="CO13" s="280">
        <v>0</v>
      </c>
      <c r="CP13" s="281">
        <v>10</v>
      </c>
      <c r="CQ13" s="281">
        <v>15</v>
      </c>
      <c r="CR13" s="281">
        <v>22</v>
      </c>
      <c r="CS13" s="281">
        <v>6</v>
      </c>
      <c r="CT13" s="281">
        <v>3</v>
      </c>
      <c r="CU13" s="278">
        <v>56</v>
      </c>
      <c r="CV13" s="283">
        <v>57</v>
      </c>
      <c r="CW13" s="277">
        <v>0</v>
      </c>
      <c r="CX13" s="281">
        <v>0</v>
      </c>
      <c r="CY13" s="278">
        <v>0</v>
      </c>
      <c r="CZ13" s="280">
        <v>0</v>
      </c>
      <c r="DA13" s="281">
        <v>0</v>
      </c>
      <c r="DB13" s="281">
        <v>0</v>
      </c>
      <c r="DC13" s="281">
        <v>0</v>
      </c>
      <c r="DD13" s="281">
        <v>0</v>
      </c>
      <c r="DE13" s="281">
        <v>0</v>
      </c>
      <c r="DF13" s="278">
        <v>0</v>
      </c>
      <c r="DG13" s="283">
        <v>0</v>
      </c>
      <c r="DH13" s="277">
        <v>0</v>
      </c>
      <c r="DI13" s="281">
        <v>0</v>
      </c>
      <c r="DJ13" s="278">
        <v>0</v>
      </c>
      <c r="DK13" s="280">
        <v>0</v>
      </c>
      <c r="DL13" s="281">
        <v>0</v>
      </c>
      <c r="DM13" s="281">
        <v>0</v>
      </c>
      <c r="DN13" s="281">
        <v>0</v>
      </c>
      <c r="DO13" s="281">
        <v>0</v>
      </c>
      <c r="DP13" s="281">
        <v>0</v>
      </c>
      <c r="DQ13" s="278">
        <v>0</v>
      </c>
      <c r="DR13" s="283">
        <v>0</v>
      </c>
      <c r="DS13" s="277">
        <v>919</v>
      </c>
      <c r="DT13" s="281">
        <v>1210</v>
      </c>
      <c r="DU13" s="278">
        <v>2129</v>
      </c>
      <c r="DV13" s="280">
        <v>0</v>
      </c>
      <c r="DW13" s="281">
        <v>1924</v>
      </c>
      <c r="DX13" s="281">
        <v>1583</v>
      </c>
      <c r="DY13" s="281">
        <v>1052</v>
      </c>
      <c r="DZ13" s="281">
        <v>801</v>
      </c>
      <c r="EA13" s="281">
        <v>574</v>
      </c>
      <c r="EB13" s="278">
        <v>5934</v>
      </c>
      <c r="EC13" s="283">
        <v>8063</v>
      </c>
      <c r="ED13" s="277">
        <v>73</v>
      </c>
      <c r="EE13" s="281">
        <v>85</v>
      </c>
      <c r="EF13" s="278">
        <v>158</v>
      </c>
      <c r="EG13" s="280">
        <v>0</v>
      </c>
      <c r="EH13" s="281">
        <v>273</v>
      </c>
      <c r="EI13" s="281">
        <v>218</v>
      </c>
      <c r="EJ13" s="281">
        <v>199</v>
      </c>
      <c r="EK13" s="281">
        <v>205</v>
      </c>
      <c r="EL13" s="281">
        <v>146</v>
      </c>
      <c r="EM13" s="278">
        <v>1041</v>
      </c>
      <c r="EN13" s="283">
        <v>1199</v>
      </c>
      <c r="EO13" s="277">
        <v>1084</v>
      </c>
      <c r="EP13" s="281">
        <v>1394</v>
      </c>
      <c r="EQ13" s="278">
        <v>2478</v>
      </c>
      <c r="ER13" s="280">
        <v>0</v>
      </c>
      <c r="ES13" s="281">
        <v>3389</v>
      </c>
      <c r="ET13" s="281">
        <v>1902</v>
      </c>
      <c r="EU13" s="281">
        <v>1128</v>
      </c>
      <c r="EV13" s="281">
        <v>789</v>
      </c>
      <c r="EW13" s="281">
        <v>552</v>
      </c>
      <c r="EX13" s="278">
        <v>7760</v>
      </c>
      <c r="EY13" s="283">
        <v>10238</v>
      </c>
    </row>
    <row r="14" spans="1:155" ht="19.5" customHeight="1" x14ac:dyDescent="0.2">
      <c r="A14" s="262" t="s">
        <v>11</v>
      </c>
      <c r="B14" s="277">
        <v>0</v>
      </c>
      <c r="C14" s="281">
        <v>0</v>
      </c>
      <c r="D14" s="385">
        <v>0</v>
      </c>
      <c r="E14" s="280">
        <v>0</v>
      </c>
      <c r="F14" s="281">
        <v>535</v>
      </c>
      <c r="G14" s="281">
        <v>344</v>
      </c>
      <c r="H14" s="281">
        <v>253</v>
      </c>
      <c r="I14" s="281">
        <v>212</v>
      </c>
      <c r="J14" s="281">
        <v>156</v>
      </c>
      <c r="K14" s="282">
        <v>1500</v>
      </c>
      <c r="L14" s="283">
        <v>1500</v>
      </c>
      <c r="M14" s="277">
        <v>0</v>
      </c>
      <c r="N14" s="281">
        <v>1</v>
      </c>
      <c r="O14" s="278">
        <v>1</v>
      </c>
      <c r="P14" s="280">
        <v>0</v>
      </c>
      <c r="Q14" s="281">
        <v>5</v>
      </c>
      <c r="R14" s="281">
        <v>14</v>
      </c>
      <c r="S14" s="281">
        <v>23</v>
      </c>
      <c r="T14" s="281">
        <v>49</v>
      </c>
      <c r="U14" s="281">
        <v>62</v>
      </c>
      <c r="V14" s="278">
        <v>153</v>
      </c>
      <c r="W14" s="283">
        <v>154</v>
      </c>
      <c r="X14" s="277">
        <v>38</v>
      </c>
      <c r="Y14" s="281">
        <v>60</v>
      </c>
      <c r="Z14" s="278">
        <v>98</v>
      </c>
      <c r="AA14" s="280">
        <v>0</v>
      </c>
      <c r="AB14" s="281">
        <v>303</v>
      </c>
      <c r="AC14" s="281">
        <v>217</v>
      </c>
      <c r="AD14" s="281">
        <v>201</v>
      </c>
      <c r="AE14" s="281">
        <v>173</v>
      </c>
      <c r="AF14" s="281">
        <v>153</v>
      </c>
      <c r="AG14" s="278">
        <v>1047</v>
      </c>
      <c r="AH14" s="283">
        <v>1145</v>
      </c>
      <c r="AI14" s="277">
        <v>2</v>
      </c>
      <c r="AJ14" s="281">
        <v>8</v>
      </c>
      <c r="AK14" s="278">
        <v>10</v>
      </c>
      <c r="AL14" s="280">
        <v>0</v>
      </c>
      <c r="AM14" s="281">
        <v>36</v>
      </c>
      <c r="AN14" s="281">
        <v>26</v>
      </c>
      <c r="AO14" s="281">
        <v>16</v>
      </c>
      <c r="AP14" s="281">
        <v>20</v>
      </c>
      <c r="AQ14" s="281">
        <v>6</v>
      </c>
      <c r="AR14" s="278">
        <v>104</v>
      </c>
      <c r="AS14" s="283">
        <v>114</v>
      </c>
      <c r="AT14" s="277">
        <v>49</v>
      </c>
      <c r="AU14" s="281">
        <v>49</v>
      </c>
      <c r="AV14" s="278">
        <v>98</v>
      </c>
      <c r="AW14" s="280">
        <v>0</v>
      </c>
      <c r="AX14" s="281">
        <v>456</v>
      </c>
      <c r="AY14" s="281">
        <v>428</v>
      </c>
      <c r="AZ14" s="281">
        <v>411</v>
      </c>
      <c r="BA14" s="281">
        <v>401</v>
      </c>
      <c r="BB14" s="281">
        <v>282</v>
      </c>
      <c r="BC14" s="282">
        <v>1978</v>
      </c>
      <c r="BD14" s="283">
        <v>2076</v>
      </c>
      <c r="BE14" s="277">
        <v>0</v>
      </c>
      <c r="BF14" s="281">
        <v>0</v>
      </c>
      <c r="BG14" s="278">
        <v>0</v>
      </c>
      <c r="BH14" s="280">
        <v>0</v>
      </c>
      <c r="BI14" s="281">
        <v>720</v>
      </c>
      <c r="BJ14" s="281">
        <v>373</v>
      </c>
      <c r="BK14" s="281">
        <v>232</v>
      </c>
      <c r="BL14" s="281">
        <v>160</v>
      </c>
      <c r="BM14" s="281">
        <v>95</v>
      </c>
      <c r="BN14" s="278">
        <v>1580</v>
      </c>
      <c r="BO14" s="283">
        <v>1580</v>
      </c>
      <c r="BP14" s="277">
        <v>76</v>
      </c>
      <c r="BQ14" s="281">
        <v>58</v>
      </c>
      <c r="BR14" s="278">
        <v>134</v>
      </c>
      <c r="BS14" s="280">
        <v>0</v>
      </c>
      <c r="BT14" s="281">
        <v>207</v>
      </c>
      <c r="BU14" s="281">
        <v>114</v>
      </c>
      <c r="BV14" s="281">
        <v>72</v>
      </c>
      <c r="BW14" s="281">
        <v>54</v>
      </c>
      <c r="BX14" s="281">
        <v>16</v>
      </c>
      <c r="BY14" s="278">
        <v>463</v>
      </c>
      <c r="BZ14" s="283">
        <v>597</v>
      </c>
      <c r="CA14" s="277">
        <v>3</v>
      </c>
      <c r="CB14" s="281">
        <v>8</v>
      </c>
      <c r="CC14" s="278">
        <v>11</v>
      </c>
      <c r="CD14" s="280">
        <v>0</v>
      </c>
      <c r="CE14" s="281">
        <v>85</v>
      </c>
      <c r="CF14" s="281">
        <v>99</v>
      </c>
      <c r="CG14" s="281">
        <v>106</v>
      </c>
      <c r="CH14" s="281">
        <v>71</v>
      </c>
      <c r="CI14" s="281">
        <v>27</v>
      </c>
      <c r="CJ14" s="278">
        <v>388</v>
      </c>
      <c r="CK14" s="283">
        <v>399</v>
      </c>
      <c r="CL14" s="277">
        <v>0</v>
      </c>
      <c r="CM14" s="281">
        <v>0</v>
      </c>
      <c r="CN14" s="278">
        <v>0</v>
      </c>
      <c r="CO14" s="280">
        <v>0</v>
      </c>
      <c r="CP14" s="281">
        <v>7</v>
      </c>
      <c r="CQ14" s="281">
        <v>5</v>
      </c>
      <c r="CR14" s="281">
        <v>14</v>
      </c>
      <c r="CS14" s="281">
        <v>7</v>
      </c>
      <c r="CT14" s="281">
        <v>6</v>
      </c>
      <c r="CU14" s="278">
        <v>39</v>
      </c>
      <c r="CV14" s="283">
        <v>39</v>
      </c>
      <c r="CW14" s="277">
        <v>0</v>
      </c>
      <c r="CX14" s="281">
        <v>0</v>
      </c>
      <c r="CY14" s="278">
        <v>0</v>
      </c>
      <c r="CZ14" s="280">
        <v>0</v>
      </c>
      <c r="DA14" s="281">
        <v>0</v>
      </c>
      <c r="DB14" s="281">
        <v>0</v>
      </c>
      <c r="DC14" s="281">
        <v>0</v>
      </c>
      <c r="DD14" s="281">
        <v>0</v>
      </c>
      <c r="DE14" s="281">
        <v>0</v>
      </c>
      <c r="DF14" s="278">
        <v>0</v>
      </c>
      <c r="DG14" s="283">
        <v>0</v>
      </c>
      <c r="DH14" s="277">
        <v>0</v>
      </c>
      <c r="DI14" s="281">
        <v>0</v>
      </c>
      <c r="DJ14" s="278">
        <v>0</v>
      </c>
      <c r="DK14" s="280">
        <v>0</v>
      </c>
      <c r="DL14" s="281">
        <v>0</v>
      </c>
      <c r="DM14" s="281">
        <v>0</v>
      </c>
      <c r="DN14" s="281">
        <v>0</v>
      </c>
      <c r="DO14" s="281">
        <v>0</v>
      </c>
      <c r="DP14" s="281">
        <v>0</v>
      </c>
      <c r="DQ14" s="278">
        <v>0</v>
      </c>
      <c r="DR14" s="283">
        <v>0</v>
      </c>
      <c r="DS14" s="277">
        <v>398</v>
      </c>
      <c r="DT14" s="281">
        <v>441</v>
      </c>
      <c r="DU14" s="278">
        <v>839</v>
      </c>
      <c r="DV14" s="280">
        <v>0</v>
      </c>
      <c r="DW14" s="281">
        <v>1011</v>
      </c>
      <c r="DX14" s="281">
        <v>798</v>
      </c>
      <c r="DY14" s="281">
        <v>598</v>
      </c>
      <c r="DZ14" s="281">
        <v>461</v>
      </c>
      <c r="EA14" s="281">
        <v>285</v>
      </c>
      <c r="EB14" s="278">
        <v>3153</v>
      </c>
      <c r="EC14" s="283">
        <v>3992</v>
      </c>
      <c r="ED14" s="277">
        <v>41</v>
      </c>
      <c r="EE14" s="281">
        <v>32</v>
      </c>
      <c r="EF14" s="278">
        <v>73</v>
      </c>
      <c r="EG14" s="280">
        <v>0</v>
      </c>
      <c r="EH14" s="281">
        <v>200</v>
      </c>
      <c r="EI14" s="281">
        <v>143</v>
      </c>
      <c r="EJ14" s="281">
        <v>130</v>
      </c>
      <c r="EK14" s="281">
        <v>157</v>
      </c>
      <c r="EL14" s="281">
        <v>75</v>
      </c>
      <c r="EM14" s="278">
        <v>705</v>
      </c>
      <c r="EN14" s="283">
        <v>778</v>
      </c>
      <c r="EO14" s="277">
        <v>479</v>
      </c>
      <c r="EP14" s="281">
        <v>512</v>
      </c>
      <c r="EQ14" s="278">
        <v>991</v>
      </c>
      <c r="ER14" s="280">
        <v>0</v>
      </c>
      <c r="ES14" s="281">
        <v>1905</v>
      </c>
      <c r="ET14" s="281">
        <v>1045</v>
      </c>
      <c r="EU14" s="281">
        <v>687</v>
      </c>
      <c r="EV14" s="281">
        <v>469</v>
      </c>
      <c r="EW14" s="281">
        <v>286</v>
      </c>
      <c r="EX14" s="278">
        <v>4392</v>
      </c>
      <c r="EY14" s="283">
        <v>5383</v>
      </c>
    </row>
    <row r="15" spans="1:155" ht="19.5" customHeight="1" x14ac:dyDescent="0.2">
      <c r="A15" s="262" t="s">
        <v>12</v>
      </c>
      <c r="B15" s="277">
        <v>0</v>
      </c>
      <c r="C15" s="281">
        <v>0</v>
      </c>
      <c r="D15" s="385">
        <v>0</v>
      </c>
      <c r="E15" s="280">
        <v>0</v>
      </c>
      <c r="F15" s="281">
        <v>483</v>
      </c>
      <c r="G15" s="281">
        <v>427</v>
      </c>
      <c r="H15" s="281">
        <v>290</v>
      </c>
      <c r="I15" s="281">
        <v>314</v>
      </c>
      <c r="J15" s="281">
        <v>193</v>
      </c>
      <c r="K15" s="282">
        <v>1707</v>
      </c>
      <c r="L15" s="283">
        <v>1707</v>
      </c>
      <c r="M15" s="277">
        <v>0</v>
      </c>
      <c r="N15" s="281">
        <v>4</v>
      </c>
      <c r="O15" s="278">
        <v>4</v>
      </c>
      <c r="P15" s="280">
        <v>0</v>
      </c>
      <c r="Q15" s="281">
        <v>2</v>
      </c>
      <c r="R15" s="281">
        <v>16</v>
      </c>
      <c r="S15" s="281">
        <v>15</v>
      </c>
      <c r="T15" s="281">
        <v>64</v>
      </c>
      <c r="U15" s="281">
        <v>85</v>
      </c>
      <c r="V15" s="278">
        <v>182</v>
      </c>
      <c r="W15" s="283">
        <v>186</v>
      </c>
      <c r="X15" s="277">
        <v>111</v>
      </c>
      <c r="Y15" s="281">
        <v>191</v>
      </c>
      <c r="Z15" s="278">
        <v>302</v>
      </c>
      <c r="AA15" s="280">
        <v>0</v>
      </c>
      <c r="AB15" s="281">
        <v>294</v>
      </c>
      <c r="AC15" s="281">
        <v>321</v>
      </c>
      <c r="AD15" s="281">
        <v>202</v>
      </c>
      <c r="AE15" s="281">
        <v>220</v>
      </c>
      <c r="AF15" s="281">
        <v>161</v>
      </c>
      <c r="AG15" s="278">
        <v>1198</v>
      </c>
      <c r="AH15" s="283">
        <v>1500</v>
      </c>
      <c r="AI15" s="277">
        <v>4</v>
      </c>
      <c r="AJ15" s="281">
        <v>18</v>
      </c>
      <c r="AK15" s="278">
        <v>22</v>
      </c>
      <c r="AL15" s="280">
        <v>0</v>
      </c>
      <c r="AM15" s="281">
        <v>15</v>
      </c>
      <c r="AN15" s="281">
        <v>36</v>
      </c>
      <c r="AO15" s="281">
        <v>25</v>
      </c>
      <c r="AP15" s="281">
        <v>24</v>
      </c>
      <c r="AQ15" s="281">
        <v>15</v>
      </c>
      <c r="AR15" s="278">
        <v>115</v>
      </c>
      <c r="AS15" s="283">
        <v>137</v>
      </c>
      <c r="AT15" s="277">
        <v>75</v>
      </c>
      <c r="AU15" s="281">
        <v>111</v>
      </c>
      <c r="AV15" s="278">
        <v>186</v>
      </c>
      <c r="AW15" s="280">
        <v>0</v>
      </c>
      <c r="AX15" s="281">
        <v>322</v>
      </c>
      <c r="AY15" s="281">
        <v>334</v>
      </c>
      <c r="AZ15" s="281">
        <v>340</v>
      </c>
      <c r="BA15" s="281">
        <v>415</v>
      </c>
      <c r="BB15" s="281">
        <v>306</v>
      </c>
      <c r="BC15" s="282">
        <v>1717</v>
      </c>
      <c r="BD15" s="283">
        <v>1903</v>
      </c>
      <c r="BE15" s="277">
        <v>0</v>
      </c>
      <c r="BF15" s="281">
        <v>0</v>
      </c>
      <c r="BG15" s="278">
        <v>0</v>
      </c>
      <c r="BH15" s="280">
        <v>0</v>
      </c>
      <c r="BI15" s="281">
        <v>559</v>
      </c>
      <c r="BJ15" s="281">
        <v>388</v>
      </c>
      <c r="BK15" s="281">
        <v>278</v>
      </c>
      <c r="BL15" s="281">
        <v>192</v>
      </c>
      <c r="BM15" s="281">
        <v>71</v>
      </c>
      <c r="BN15" s="278">
        <v>1488</v>
      </c>
      <c r="BO15" s="283">
        <v>1488</v>
      </c>
      <c r="BP15" s="277">
        <v>126</v>
      </c>
      <c r="BQ15" s="281">
        <v>124</v>
      </c>
      <c r="BR15" s="278">
        <v>250</v>
      </c>
      <c r="BS15" s="280">
        <v>0</v>
      </c>
      <c r="BT15" s="281">
        <v>119</v>
      </c>
      <c r="BU15" s="281">
        <v>164</v>
      </c>
      <c r="BV15" s="281">
        <v>111</v>
      </c>
      <c r="BW15" s="281">
        <v>88</v>
      </c>
      <c r="BX15" s="281">
        <v>32</v>
      </c>
      <c r="BY15" s="278">
        <v>514</v>
      </c>
      <c r="BZ15" s="283">
        <v>764</v>
      </c>
      <c r="CA15" s="277">
        <v>4</v>
      </c>
      <c r="CB15" s="281">
        <v>4</v>
      </c>
      <c r="CC15" s="278">
        <v>8</v>
      </c>
      <c r="CD15" s="280">
        <v>0</v>
      </c>
      <c r="CE15" s="281">
        <v>72</v>
      </c>
      <c r="CF15" s="281">
        <v>84</v>
      </c>
      <c r="CG15" s="281">
        <v>121</v>
      </c>
      <c r="CH15" s="281">
        <v>108</v>
      </c>
      <c r="CI15" s="281">
        <v>49</v>
      </c>
      <c r="CJ15" s="278">
        <v>434</v>
      </c>
      <c r="CK15" s="283">
        <v>442</v>
      </c>
      <c r="CL15" s="277">
        <v>0</v>
      </c>
      <c r="CM15" s="281">
        <v>1</v>
      </c>
      <c r="CN15" s="278">
        <v>1</v>
      </c>
      <c r="CO15" s="280">
        <v>0</v>
      </c>
      <c r="CP15" s="281">
        <v>2</v>
      </c>
      <c r="CQ15" s="281">
        <v>6</v>
      </c>
      <c r="CR15" s="281">
        <v>5</v>
      </c>
      <c r="CS15" s="281">
        <v>5</v>
      </c>
      <c r="CT15" s="281">
        <v>3</v>
      </c>
      <c r="CU15" s="278">
        <v>21</v>
      </c>
      <c r="CV15" s="283">
        <v>22</v>
      </c>
      <c r="CW15" s="277">
        <v>0</v>
      </c>
      <c r="CX15" s="281">
        <v>0</v>
      </c>
      <c r="CY15" s="278">
        <v>0</v>
      </c>
      <c r="CZ15" s="280">
        <v>0</v>
      </c>
      <c r="DA15" s="281">
        <v>0</v>
      </c>
      <c r="DB15" s="281">
        <v>0</v>
      </c>
      <c r="DC15" s="281">
        <v>0</v>
      </c>
      <c r="DD15" s="281">
        <v>0</v>
      </c>
      <c r="DE15" s="281">
        <v>0</v>
      </c>
      <c r="DF15" s="278">
        <v>0</v>
      </c>
      <c r="DG15" s="283">
        <v>0</v>
      </c>
      <c r="DH15" s="277">
        <v>0</v>
      </c>
      <c r="DI15" s="281">
        <v>0</v>
      </c>
      <c r="DJ15" s="278">
        <v>0</v>
      </c>
      <c r="DK15" s="280">
        <v>0</v>
      </c>
      <c r="DL15" s="281">
        <v>0</v>
      </c>
      <c r="DM15" s="281">
        <v>0</v>
      </c>
      <c r="DN15" s="281">
        <v>0</v>
      </c>
      <c r="DO15" s="281">
        <v>0</v>
      </c>
      <c r="DP15" s="281">
        <v>0</v>
      </c>
      <c r="DQ15" s="278">
        <v>0</v>
      </c>
      <c r="DR15" s="283">
        <v>0</v>
      </c>
      <c r="DS15" s="277">
        <v>479</v>
      </c>
      <c r="DT15" s="281">
        <v>780</v>
      </c>
      <c r="DU15" s="278">
        <v>1259</v>
      </c>
      <c r="DV15" s="280">
        <v>0</v>
      </c>
      <c r="DW15" s="281">
        <v>536</v>
      </c>
      <c r="DX15" s="281">
        <v>896</v>
      </c>
      <c r="DY15" s="281">
        <v>682</v>
      </c>
      <c r="DZ15" s="281">
        <v>603</v>
      </c>
      <c r="EA15" s="281">
        <v>346</v>
      </c>
      <c r="EB15" s="278">
        <v>3063</v>
      </c>
      <c r="EC15" s="283">
        <v>4322</v>
      </c>
      <c r="ED15" s="277">
        <v>45</v>
      </c>
      <c r="EE15" s="281">
        <v>50</v>
      </c>
      <c r="EF15" s="278">
        <v>95</v>
      </c>
      <c r="EG15" s="280">
        <v>0</v>
      </c>
      <c r="EH15" s="281">
        <v>112</v>
      </c>
      <c r="EI15" s="281">
        <v>101</v>
      </c>
      <c r="EJ15" s="281">
        <v>89</v>
      </c>
      <c r="EK15" s="281">
        <v>125</v>
      </c>
      <c r="EL15" s="281">
        <v>77</v>
      </c>
      <c r="EM15" s="278">
        <v>504</v>
      </c>
      <c r="EN15" s="283">
        <v>599</v>
      </c>
      <c r="EO15" s="277">
        <v>658</v>
      </c>
      <c r="EP15" s="281">
        <v>919</v>
      </c>
      <c r="EQ15" s="278">
        <v>1577</v>
      </c>
      <c r="ER15" s="280">
        <v>0</v>
      </c>
      <c r="ES15" s="281">
        <v>1432</v>
      </c>
      <c r="ET15" s="281">
        <v>1161</v>
      </c>
      <c r="EU15" s="281">
        <v>769</v>
      </c>
      <c r="EV15" s="281">
        <v>606</v>
      </c>
      <c r="EW15" s="281">
        <v>334</v>
      </c>
      <c r="EX15" s="278">
        <v>4302</v>
      </c>
      <c r="EY15" s="283">
        <v>5879</v>
      </c>
    </row>
    <row r="16" spans="1:155" ht="19.5" customHeight="1" x14ac:dyDescent="0.2">
      <c r="A16" s="262" t="s">
        <v>13</v>
      </c>
      <c r="B16" s="277">
        <v>0</v>
      </c>
      <c r="C16" s="281">
        <v>0</v>
      </c>
      <c r="D16" s="385">
        <v>0</v>
      </c>
      <c r="E16" s="280">
        <v>0</v>
      </c>
      <c r="F16" s="281">
        <v>215</v>
      </c>
      <c r="G16" s="281">
        <v>214</v>
      </c>
      <c r="H16" s="281">
        <v>134</v>
      </c>
      <c r="I16" s="281">
        <v>109</v>
      </c>
      <c r="J16" s="281">
        <v>100</v>
      </c>
      <c r="K16" s="282">
        <v>772</v>
      </c>
      <c r="L16" s="283">
        <v>772</v>
      </c>
      <c r="M16" s="277">
        <v>1</v>
      </c>
      <c r="N16" s="281">
        <v>0</v>
      </c>
      <c r="O16" s="278">
        <v>1</v>
      </c>
      <c r="P16" s="280">
        <v>0</v>
      </c>
      <c r="Q16" s="281">
        <v>0</v>
      </c>
      <c r="R16" s="281">
        <v>4</v>
      </c>
      <c r="S16" s="281">
        <v>6</v>
      </c>
      <c r="T16" s="281">
        <v>13</v>
      </c>
      <c r="U16" s="281">
        <v>28</v>
      </c>
      <c r="V16" s="278">
        <v>51</v>
      </c>
      <c r="W16" s="283">
        <v>52</v>
      </c>
      <c r="X16" s="277">
        <v>10</v>
      </c>
      <c r="Y16" s="281">
        <v>19</v>
      </c>
      <c r="Z16" s="278">
        <v>29</v>
      </c>
      <c r="AA16" s="280">
        <v>0</v>
      </c>
      <c r="AB16" s="281">
        <v>95</v>
      </c>
      <c r="AC16" s="281">
        <v>136</v>
      </c>
      <c r="AD16" s="281">
        <v>89</v>
      </c>
      <c r="AE16" s="281">
        <v>82</v>
      </c>
      <c r="AF16" s="281">
        <v>76</v>
      </c>
      <c r="AG16" s="278">
        <v>478</v>
      </c>
      <c r="AH16" s="283">
        <v>507</v>
      </c>
      <c r="AI16" s="277">
        <v>3</v>
      </c>
      <c r="AJ16" s="281">
        <v>5</v>
      </c>
      <c r="AK16" s="278">
        <v>8</v>
      </c>
      <c r="AL16" s="280">
        <v>0</v>
      </c>
      <c r="AM16" s="281">
        <v>18</v>
      </c>
      <c r="AN16" s="281">
        <v>23</v>
      </c>
      <c r="AO16" s="281">
        <v>11</v>
      </c>
      <c r="AP16" s="281">
        <v>10</v>
      </c>
      <c r="AQ16" s="281">
        <v>5</v>
      </c>
      <c r="AR16" s="278">
        <v>67</v>
      </c>
      <c r="AS16" s="283">
        <v>75</v>
      </c>
      <c r="AT16" s="277">
        <v>34</v>
      </c>
      <c r="AU16" s="281">
        <v>33</v>
      </c>
      <c r="AV16" s="278">
        <v>67</v>
      </c>
      <c r="AW16" s="280">
        <v>0</v>
      </c>
      <c r="AX16" s="281">
        <v>179</v>
      </c>
      <c r="AY16" s="281">
        <v>169</v>
      </c>
      <c r="AZ16" s="281">
        <v>180</v>
      </c>
      <c r="BA16" s="281">
        <v>166</v>
      </c>
      <c r="BB16" s="281">
        <v>130</v>
      </c>
      <c r="BC16" s="282">
        <v>824</v>
      </c>
      <c r="BD16" s="283">
        <v>891</v>
      </c>
      <c r="BE16" s="277">
        <v>0</v>
      </c>
      <c r="BF16" s="281">
        <v>0</v>
      </c>
      <c r="BG16" s="278">
        <v>0</v>
      </c>
      <c r="BH16" s="280">
        <v>0</v>
      </c>
      <c r="BI16" s="281">
        <v>177</v>
      </c>
      <c r="BJ16" s="281">
        <v>180</v>
      </c>
      <c r="BK16" s="281">
        <v>94</v>
      </c>
      <c r="BL16" s="281">
        <v>64</v>
      </c>
      <c r="BM16" s="281">
        <v>27</v>
      </c>
      <c r="BN16" s="278">
        <v>542</v>
      </c>
      <c r="BO16" s="283">
        <v>542</v>
      </c>
      <c r="BP16" s="277">
        <v>10</v>
      </c>
      <c r="BQ16" s="281">
        <v>26</v>
      </c>
      <c r="BR16" s="278">
        <v>36</v>
      </c>
      <c r="BS16" s="280">
        <v>0</v>
      </c>
      <c r="BT16" s="281">
        <v>35</v>
      </c>
      <c r="BU16" s="281">
        <v>39</v>
      </c>
      <c r="BV16" s="281">
        <v>26</v>
      </c>
      <c r="BW16" s="281">
        <v>22</v>
      </c>
      <c r="BX16" s="281">
        <v>11</v>
      </c>
      <c r="BY16" s="278">
        <v>133</v>
      </c>
      <c r="BZ16" s="283">
        <v>169</v>
      </c>
      <c r="CA16" s="277">
        <v>0</v>
      </c>
      <c r="CB16" s="281">
        <v>0</v>
      </c>
      <c r="CC16" s="278">
        <v>0</v>
      </c>
      <c r="CD16" s="280">
        <v>0</v>
      </c>
      <c r="CE16" s="281">
        <v>19</v>
      </c>
      <c r="CF16" s="281">
        <v>32</v>
      </c>
      <c r="CG16" s="281">
        <v>38</v>
      </c>
      <c r="CH16" s="281">
        <v>42</v>
      </c>
      <c r="CI16" s="281">
        <v>29</v>
      </c>
      <c r="CJ16" s="278">
        <v>160</v>
      </c>
      <c r="CK16" s="283">
        <v>160</v>
      </c>
      <c r="CL16" s="277">
        <v>0</v>
      </c>
      <c r="CM16" s="281">
        <v>0</v>
      </c>
      <c r="CN16" s="278">
        <v>0</v>
      </c>
      <c r="CO16" s="280">
        <v>0</v>
      </c>
      <c r="CP16" s="281">
        <v>1</v>
      </c>
      <c r="CQ16" s="281">
        <v>2</v>
      </c>
      <c r="CR16" s="281">
        <v>4</v>
      </c>
      <c r="CS16" s="281">
        <v>4</v>
      </c>
      <c r="CT16" s="281">
        <v>1</v>
      </c>
      <c r="CU16" s="278">
        <v>12</v>
      </c>
      <c r="CV16" s="283">
        <v>12</v>
      </c>
      <c r="CW16" s="277">
        <v>0</v>
      </c>
      <c r="CX16" s="281">
        <v>0</v>
      </c>
      <c r="CY16" s="278">
        <v>0</v>
      </c>
      <c r="CZ16" s="280">
        <v>0</v>
      </c>
      <c r="DA16" s="281">
        <v>0</v>
      </c>
      <c r="DB16" s="281">
        <v>0</v>
      </c>
      <c r="DC16" s="281">
        <v>0</v>
      </c>
      <c r="DD16" s="281">
        <v>0</v>
      </c>
      <c r="DE16" s="281">
        <v>0</v>
      </c>
      <c r="DF16" s="278">
        <v>0</v>
      </c>
      <c r="DG16" s="283">
        <v>0</v>
      </c>
      <c r="DH16" s="277">
        <v>0</v>
      </c>
      <c r="DI16" s="281">
        <v>0</v>
      </c>
      <c r="DJ16" s="278">
        <v>0</v>
      </c>
      <c r="DK16" s="280">
        <v>0</v>
      </c>
      <c r="DL16" s="281">
        <v>0</v>
      </c>
      <c r="DM16" s="281">
        <v>0</v>
      </c>
      <c r="DN16" s="281">
        <v>0</v>
      </c>
      <c r="DO16" s="281">
        <v>0</v>
      </c>
      <c r="DP16" s="281">
        <v>0</v>
      </c>
      <c r="DQ16" s="278">
        <v>0</v>
      </c>
      <c r="DR16" s="283">
        <v>0</v>
      </c>
      <c r="DS16" s="277">
        <v>64</v>
      </c>
      <c r="DT16" s="281">
        <v>167</v>
      </c>
      <c r="DU16" s="278">
        <v>231</v>
      </c>
      <c r="DV16" s="280">
        <v>0</v>
      </c>
      <c r="DW16" s="281">
        <v>241</v>
      </c>
      <c r="DX16" s="281">
        <v>394</v>
      </c>
      <c r="DY16" s="281">
        <v>219</v>
      </c>
      <c r="DZ16" s="281">
        <v>203</v>
      </c>
      <c r="EA16" s="281">
        <v>130</v>
      </c>
      <c r="EB16" s="278">
        <v>1187</v>
      </c>
      <c r="EC16" s="283">
        <v>1418</v>
      </c>
      <c r="ED16" s="277">
        <v>27</v>
      </c>
      <c r="EE16" s="281">
        <v>21</v>
      </c>
      <c r="EF16" s="278">
        <v>48</v>
      </c>
      <c r="EG16" s="280">
        <v>0</v>
      </c>
      <c r="EH16" s="281">
        <v>88</v>
      </c>
      <c r="EI16" s="281">
        <v>62</v>
      </c>
      <c r="EJ16" s="281">
        <v>66</v>
      </c>
      <c r="EK16" s="281">
        <v>63</v>
      </c>
      <c r="EL16" s="281">
        <v>42</v>
      </c>
      <c r="EM16" s="278">
        <v>321</v>
      </c>
      <c r="EN16" s="283">
        <v>369</v>
      </c>
      <c r="EO16" s="277">
        <v>86</v>
      </c>
      <c r="EP16" s="281">
        <v>194</v>
      </c>
      <c r="EQ16" s="278">
        <v>280</v>
      </c>
      <c r="ER16" s="280">
        <v>0</v>
      </c>
      <c r="ES16" s="281">
        <v>545</v>
      </c>
      <c r="ET16" s="281">
        <v>527</v>
      </c>
      <c r="EU16" s="281">
        <v>288</v>
      </c>
      <c r="EV16" s="281">
        <v>228</v>
      </c>
      <c r="EW16" s="281">
        <v>151</v>
      </c>
      <c r="EX16" s="278">
        <v>1739</v>
      </c>
      <c r="EY16" s="283">
        <v>2019</v>
      </c>
    </row>
    <row r="17" spans="1:155" ht="19.5" customHeight="1" x14ac:dyDescent="0.2">
      <c r="A17" s="262" t="s">
        <v>15</v>
      </c>
      <c r="B17" s="277">
        <v>0</v>
      </c>
      <c r="C17" s="281">
        <v>0</v>
      </c>
      <c r="D17" s="385">
        <v>0</v>
      </c>
      <c r="E17" s="280">
        <v>0</v>
      </c>
      <c r="F17" s="281">
        <v>111</v>
      </c>
      <c r="G17" s="281">
        <v>161</v>
      </c>
      <c r="H17" s="281">
        <v>72</v>
      </c>
      <c r="I17" s="281">
        <v>45</v>
      </c>
      <c r="J17" s="281">
        <v>43</v>
      </c>
      <c r="K17" s="282">
        <v>432</v>
      </c>
      <c r="L17" s="283">
        <v>432</v>
      </c>
      <c r="M17" s="277">
        <v>0</v>
      </c>
      <c r="N17" s="281">
        <v>0</v>
      </c>
      <c r="O17" s="278">
        <v>0</v>
      </c>
      <c r="P17" s="280">
        <v>0</v>
      </c>
      <c r="Q17" s="281">
        <v>0</v>
      </c>
      <c r="R17" s="281">
        <v>7</v>
      </c>
      <c r="S17" s="281">
        <v>5</v>
      </c>
      <c r="T17" s="281">
        <v>13</v>
      </c>
      <c r="U17" s="281">
        <v>32</v>
      </c>
      <c r="V17" s="278">
        <v>57</v>
      </c>
      <c r="W17" s="283">
        <v>57</v>
      </c>
      <c r="X17" s="277">
        <v>3</v>
      </c>
      <c r="Y17" s="281">
        <v>9</v>
      </c>
      <c r="Z17" s="278">
        <v>12</v>
      </c>
      <c r="AA17" s="280">
        <v>0</v>
      </c>
      <c r="AB17" s="281">
        <v>40</v>
      </c>
      <c r="AC17" s="281">
        <v>81</v>
      </c>
      <c r="AD17" s="281">
        <v>38</v>
      </c>
      <c r="AE17" s="281">
        <v>34</v>
      </c>
      <c r="AF17" s="281">
        <v>47</v>
      </c>
      <c r="AG17" s="278">
        <v>240</v>
      </c>
      <c r="AH17" s="283">
        <v>252</v>
      </c>
      <c r="AI17" s="277">
        <v>0</v>
      </c>
      <c r="AJ17" s="281">
        <v>1</v>
      </c>
      <c r="AK17" s="278">
        <v>1</v>
      </c>
      <c r="AL17" s="280">
        <v>0</v>
      </c>
      <c r="AM17" s="281">
        <v>5</v>
      </c>
      <c r="AN17" s="281">
        <v>8</v>
      </c>
      <c r="AO17" s="281">
        <v>4</v>
      </c>
      <c r="AP17" s="281">
        <v>3</v>
      </c>
      <c r="AQ17" s="281">
        <v>4</v>
      </c>
      <c r="AR17" s="278">
        <v>24</v>
      </c>
      <c r="AS17" s="283">
        <v>25</v>
      </c>
      <c r="AT17" s="277">
        <v>10</v>
      </c>
      <c r="AU17" s="281">
        <v>16</v>
      </c>
      <c r="AV17" s="278">
        <v>26</v>
      </c>
      <c r="AW17" s="280">
        <v>0</v>
      </c>
      <c r="AX17" s="281">
        <v>118</v>
      </c>
      <c r="AY17" s="281">
        <v>114</v>
      </c>
      <c r="AZ17" s="281">
        <v>97</v>
      </c>
      <c r="BA17" s="281">
        <v>92</v>
      </c>
      <c r="BB17" s="281">
        <v>64</v>
      </c>
      <c r="BC17" s="282">
        <v>485</v>
      </c>
      <c r="BD17" s="283">
        <v>511</v>
      </c>
      <c r="BE17" s="277">
        <v>0</v>
      </c>
      <c r="BF17" s="281">
        <v>0</v>
      </c>
      <c r="BG17" s="278">
        <v>0</v>
      </c>
      <c r="BH17" s="280">
        <v>0</v>
      </c>
      <c r="BI17" s="281">
        <v>106</v>
      </c>
      <c r="BJ17" s="281">
        <v>147</v>
      </c>
      <c r="BK17" s="281">
        <v>63</v>
      </c>
      <c r="BL17" s="281">
        <v>22</v>
      </c>
      <c r="BM17" s="281">
        <v>10</v>
      </c>
      <c r="BN17" s="278">
        <v>348</v>
      </c>
      <c r="BO17" s="283">
        <v>348</v>
      </c>
      <c r="BP17" s="277">
        <v>1</v>
      </c>
      <c r="BQ17" s="281">
        <v>5</v>
      </c>
      <c r="BR17" s="278">
        <v>6</v>
      </c>
      <c r="BS17" s="280">
        <v>0</v>
      </c>
      <c r="BT17" s="281">
        <v>38</v>
      </c>
      <c r="BU17" s="281">
        <v>40</v>
      </c>
      <c r="BV17" s="281">
        <v>19</v>
      </c>
      <c r="BW17" s="281">
        <v>11</v>
      </c>
      <c r="BX17" s="281">
        <v>4</v>
      </c>
      <c r="BY17" s="278">
        <v>112</v>
      </c>
      <c r="BZ17" s="283">
        <v>118</v>
      </c>
      <c r="CA17" s="277">
        <v>0</v>
      </c>
      <c r="CB17" s="281">
        <v>0</v>
      </c>
      <c r="CC17" s="278">
        <v>0</v>
      </c>
      <c r="CD17" s="280">
        <v>0</v>
      </c>
      <c r="CE17" s="281">
        <v>10</v>
      </c>
      <c r="CF17" s="281">
        <v>30</v>
      </c>
      <c r="CG17" s="281">
        <v>47</v>
      </c>
      <c r="CH17" s="281">
        <v>43</v>
      </c>
      <c r="CI17" s="281">
        <v>16</v>
      </c>
      <c r="CJ17" s="278">
        <v>146</v>
      </c>
      <c r="CK17" s="283">
        <v>146</v>
      </c>
      <c r="CL17" s="277">
        <v>0</v>
      </c>
      <c r="CM17" s="281">
        <v>0</v>
      </c>
      <c r="CN17" s="278">
        <v>0</v>
      </c>
      <c r="CO17" s="280">
        <v>0</v>
      </c>
      <c r="CP17" s="281">
        <v>1</v>
      </c>
      <c r="CQ17" s="281">
        <v>3</v>
      </c>
      <c r="CR17" s="281">
        <v>4</v>
      </c>
      <c r="CS17" s="281">
        <v>1</v>
      </c>
      <c r="CT17" s="281">
        <v>0</v>
      </c>
      <c r="CU17" s="278">
        <v>9</v>
      </c>
      <c r="CV17" s="283">
        <v>9</v>
      </c>
      <c r="CW17" s="277">
        <v>0</v>
      </c>
      <c r="CX17" s="281">
        <v>0</v>
      </c>
      <c r="CY17" s="278">
        <v>0</v>
      </c>
      <c r="CZ17" s="280">
        <v>0</v>
      </c>
      <c r="DA17" s="281">
        <v>0</v>
      </c>
      <c r="DB17" s="281">
        <v>0</v>
      </c>
      <c r="DC17" s="281">
        <v>0</v>
      </c>
      <c r="DD17" s="281">
        <v>0</v>
      </c>
      <c r="DE17" s="281">
        <v>0</v>
      </c>
      <c r="DF17" s="278">
        <v>0</v>
      </c>
      <c r="DG17" s="283">
        <v>0</v>
      </c>
      <c r="DH17" s="277">
        <v>0</v>
      </c>
      <c r="DI17" s="281">
        <v>0</v>
      </c>
      <c r="DJ17" s="278">
        <v>0</v>
      </c>
      <c r="DK17" s="280">
        <v>0</v>
      </c>
      <c r="DL17" s="281">
        <v>0</v>
      </c>
      <c r="DM17" s="281">
        <v>0</v>
      </c>
      <c r="DN17" s="281">
        <v>0</v>
      </c>
      <c r="DO17" s="281">
        <v>0</v>
      </c>
      <c r="DP17" s="281">
        <v>0</v>
      </c>
      <c r="DQ17" s="278">
        <v>0</v>
      </c>
      <c r="DR17" s="283">
        <v>0</v>
      </c>
      <c r="DS17" s="277">
        <v>58</v>
      </c>
      <c r="DT17" s="281">
        <v>157</v>
      </c>
      <c r="DU17" s="278">
        <v>215</v>
      </c>
      <c r="DV17" s="280">
        <v>0</v>
      </c>
      <c r="DW17" s="281">
        <v>189</v>
      </c>
      <c r="DX17" s="281">
        <v>359</v>
      </c>
      <c r="DY17" s="281">
        <v>170</v>
      </c>
      <c r="DZ17" s="281">
        <v>116</v>
      </c>
      <c r="EA17" s="281">
        <v>76</v>
      </c>
      <c r="EB17" s="278">
        <v>910</v>
      </c>
      <c r="EC17" s="283">
        <v>1125</v>
      </c>
      <c r="ED17" s="277">
        <v>16</v>
      </c>
      <c r="EE17" s="281">
        <v>16</v>
      </c>
      <c r="EF17" s="278">
        <v>32</v>
      </c>
      <c r="EG17" s="280">
        <v>0</v>
      </c>
      <c r="EH17" s="281">
        <v>53</v>
      </c>
      <c r="EI17" s="281">
        <v>41</v>
      </c>
      <c r="EJ17" s="281">
        <v>34</v>
      </c>
      <c r="EK17" s="281">
        <v>37</v>
      </c>
      <c r="EL17" s="281">
        <v>18</v>
      </c>
      <c r="EM17" s="278">
        <v>183</v>
      </c>
      <c r="EN17" s="283">
        <v>215</v>
      </c>
      <c r="EO17" s="277">
        <v>59</v>
      </c>
      <c r="EP17" s="281">
        <v>158</v>
      </c>
      <c r="EQ17" s="278">
        <v>217</v>
      </c>
      <c r="ER17" s="280">
        <v>0</v>
      </c>
      <c r="ES17" s="281">
        <v>368</v>
      </c>
      <c r="ET17" s="281">
        <v>491</v>
      </c>
      <c r="EU17" s="281">
        <v>217</v>
      </c>
      <c r="EV17" s="281">
        <v>136</v>
      </c>
      <c r="EW17" s="281">
        <v>86</v>
      </c>
      <c r="EX17" s="278">
        <v>1298</v>
      </c>
      <c r="EY17" s="283">
        <v>1515</v>
      </c>
    </row>
    <row r="18" spans="1:155" ht="19.5" customHeight="1" x14ac:dyDescent="0.2">
      <c r="A18" s="262" t="s">
        <v>16</v>
      </c>
      <c r="B18" s="277">
        <v>0</v>
      </c>
      <c r="C18" s="281">
        <v>0</v>
      </c>
      <c r="D18" s="385">
        <v>0</v>
      </c>
      <c r="E18" s="280">
        <v>0</v>
      </c>
      <c r="F18" s="281">
        <v>217</v>
      </c>
      <c r="G18" s="281">
        <v>295</v>
      </c>
      <c r="H18" s="281">
        <v>182</v>
      </c>
      <c r="I18" s="281">
        <v>130</v>
      </c>
      <c r="J18" s="281">
        <v>92</v>
      </c>
      <c r="K18" s="282">
        <v>916</v>
      </c>
      <c r="L18" s="283">
        <v>916</v>
      </c>
      <c r="M18" s="277">
        <v>0</v>
      </c>
      <c r="N18" s="281">
        <v>0</v>
      </c>
      <c r="O18" s="278">
        <v>0</v>
      </c>
      <c r="P18" s="280">
        <v>0</v>
      </c>
      <c r="Q18" s="281">
        <v>2</v>
      </c>
      <c r="R18" s="281">
        <v>11</v>
      </c>
      <c r="S18" s="281">
        <v>16</v>
      </c>
      <c r="T18" s="281">
        <v>27</v>
      </c>
      <c r="U18" s="281">
        <v>53</v>
      </c>
      <c r="V18" s="278">
        <v>109</v>
      </c>
      <c r="W18" s="283">
        <v>109</v>
      </c>
      <c r="X18" s="277">
        <v>22</v>
      </c>
      <c r="Y18" s="281">
        <v>55</v>
      </c>
      <c r="Z18" s="278">
        <v>77</v>
      </c>
      <c r="AA18" s="280">
        <v>0</v>
      </c>
      <c r="AB18" s="281">
        <v>141</v>
      </c>
      <c r="AC18" s="281">
        <v>266</v>
      </c>
      <c r="AD18" s="281">
        <v>177</v>
      </c>
      <c r="AE18" s="281">
        <v>138</v>
      </c>
      <c r="AF18" s="281">
        <v>104</v>
      </c>
      <c r="AG18" s="278">
        <v>826</v>
      </c>
      <c r="AH18" s="283">
        <v>903</v>
      </c>
      <c r="AI18" s="277">
        <v>0</v>
      </c>
      <c r="AJ18" s="281">
        <v>6</v>
      </c>
      <c r="AK18" s="278">
        <v>6</v>
      </c>
      <c r="AL18" s="280">
        <v>0</v>
      </c>
      <c r="AM18" s="281">
        <v>10</v>
      </c>
      <c r="AN18" s="281">
        <v>19</v>
      </c>
      <c r="AO18" s="281">
        <v>23</v>
      </c>
      <c r="AP18" s="281">
        <v>7</v>
      </c>
      <c r="AQ18" s="281">
        <v>10</v>
      </c>
      <c r="AR18" s="278">
        <v>69</v>
      </c>
      <c r="AS18" s="283">
        <v>75</v>
      </c>
      <c r="AT18" s="277">
        <v>37</v>
      </c>
      <c r="AU18" s="281">
        <v>24</v>
      </c>
      <c r="AV18" s="278">
        <v>61</v>
      </c>
      <c r="AW18" s="280">
        <v>0</v>
      </c>
      <c r="AX18" s="281">
        <v>202</v>
      </c>
      <c r="AY18" s="281">
        <v>253</v>
      </c>
      <c r="AZ18" s="281">
        <v>260</v>
      </c>
      <c r="BA18" s="281">
        <v>261</v>
      </c>
      <c r="BB18" s="281">
        <v>214</v>
      </c>
      <c r="BC18" s="282">
        <v>1190</v>
      </c>
      <c r="BD18" s="283">
        <v>1251</v>
      </c>
      <c r="BE18" s="277">
        <v>0</v>
      </c>
      <c r="BF18" s="281">
        <v>0</v>
      </c>
      <c r="BG18" s="278">
        <v>0</v>
      </c>
      <c r="BH18" s="280">
        <v>0</v>
      </c>
      <c r="BI18" s="281">
        <v>304</v>
      </c>
      <c r="BJ18" s="281">
        <v>398</v>
      </c>
      <c r="BK18" s="281">
        <v>257</v>
      </c>
      <c r="BL18" s="281">
        <v>153</v>
      </c>
      <c r="BM18" s="281">
        <v>75</v>
      </c>
      <c r="BN18" s="278">
        <v>1187</v>
      </c>
      <c r="BO18" s="283">
        <v>1187</v>
      </c>
      <c r="BP18" s="277">
        <v>52</v>
      </c>
      <c r="BQ18" s="281">
        <v>89</v>
      </c>
      <c r="BR18" s="278">
        <v>141</v>
      </c>
      <c r="BS18" s="280">
        <v>0</v>
      </c>
      <c r="BT18" s="281">
        <v>174</v>
      </c>
      <c r="BU18" s="281">
        <v>257</v>
      </c>
      <c r="BV18" s="281">
        <v>115</v>
      </c>
      <c r="BW18" s="281">
        <v>61</v>
      </c>
      <c r="BX18" s="281">
        <v>24</v>
      </c>
      <c r="BY18" s="278">
        <v>631</v>
      </c>
      <c r="BZ18" s="283">
        <v>772</v>
      </c>
      <c r="CA18" s="277">
        <v>1</v>
      </c>
      <c r="CB18" s="281">
        <v>1</v>
      </c>
      <c r="CC18" s="278">
        <v>2</v>
      </c>
      <c r="CD18" s="280">
        <v>0</v>
      </c>
      <c r="CE18" s="281">
        <v>32</v>
      </c>
      <c r="CF18" s="281">
        <v>67</v>
      </c>
      <c r="CG18" s="281">
        <v>104</v>
      </c>
      <c r="CH18" s="281">
        <v>52</v>
      </c>
      <c r="CI18" s="281">
        <v>24</v>
      </c>
      <c r="CJ18" s="278">
        <v>279</v>
      </c>
      <c r="CK18" s="283">
        <v>281</v>
      </c>
      <c r="CL18" s="277">
        <v>0</v>
      </c>
      <c r="CM18" s="281">
        <v>0</v>
      </c>
      <c r="CN18" s="278">
        <v>0</v>
      </c>
      <c r="CO18" s="280">
        <v>0</v>
      </c>
      <c r="CP18" s="281">
        <v>3</v>
      </c>
      <c r="CQ18" s="281">
        <v>4</v>
      </c>
      <c r="CR18" s="281">
        <v>8</v>
      </c>
      <c r="CS18" s="281">
        <v>9</v>
      </c>
      <c r="CT18" s="281">
        <v>3</v>
      </c>
      <c r="CU18" s="278">
        <v>27</v>
      </c>
      <c r="CV18" s="283">
        <v>27</v>
      </c>
      <c r="CW18" s="277">
        <v>0</v>
      </c>
      <c r="CX18" s="281">
        <v>0</v>
      </c>
      <c r="CY18" s="278">
        <v>0</v>
      </c>
      <c r="CZ18" s="280">
        <v>0</v>
      </c>
      <c r="DA18" s="281">
        <v>0</v>
      </c>
      <c r="DB18" s="281">
        <v>0</v>
      </c>
      <c r="DC18" s="281">
        <v>0</v>
      </c>
      <c r="DD18" s="281">
        <v>0</v>
      </c>
      <c r="DE18" s="281">
        <v>0</v>
      </c>
      <c r="DF18" s="278">
        <v>0</v>
      </c>
      <c r="DG18" s="283">
        <v>0</v>
      </c>
      <c r="DH18" s="277">
        <v>0</v>
      </c>
      <c r="DI18" s="281">
        <v>0</v>
      </c>
      <c r="DJ18" s="278">
        <v>0</v>
      </c>
      <c r="DK18" s="280">
        <v>0</v>
      </c>
      <c r="DL18" s="281">
        <v>0</v>
      </c>
      <c r="DM18" s="281">
        <v>0</v>
      </c>
      <c r="DN18" s="281">
        <v>0</v>
      </c>
      <c r="DO18" s="281">
        <v>0</v>
      </c>
      <c r="DP18" s="281">
        <v>0</v>
      </c>
      <c r="DQ18" s="278">
        <v>0</v>
      </c>
      <c r="DR18" s="283">
        <v>0</v>
      </c>
      <c r="DS18" s="277">
        <v>154</v>
      </c>
      <c r="DT18" s="281">
        <v>312</v>
      </c>
      <c r="DU18" s="278">
        <v>466</v>
      </c>
      <c r="DV18" s="280">
        <v>0</v>
      </c>
      <c r="DW18" s="281">
        <v>413</v>
      </c>
      <c r="DX18" s="281">
        <v>853</v>
      </c>
      <c r="DY18" s="281">
        <v>500</v>
      </c>
      <c r="DZ18" s="281">
        <v>349</v>
      </c>
      <c r="EA18" s="281">
        <v>217</v>
      </c>
      <c r="EB18" s="278">
        <v>2332</v>
      </c>
      <c r="EC18" s="283">
        <v>2798</v>
      </c>
      <c r="ED18" s="277">
        <v>28</v>
      </c>
      <c r="EE18" s="281">
        <v>15</v>
      </c>
      <c r="EF18" s="278">
        <v>43</v>
      </c>
      <c r="EG18" s="280">
        <v>0</v>
      </c>
      <c r="EH18" s="281">
        <v>99</v>
      </c>
      <c r="EI18" s="281">
        <v>106</v>
      </c>
      <c r="EJ18" s="281">
        <v>81</v>
      </c>
      <c r="EK18" s="281">
        <v>114</v>
      </c>
      <c r="EL18" s="281">
        <v>84</v>
      </c>
      <c r="EM18" s="278">
        <v>484</v>
      </c>
      <c r="EN18" s="283">
        <v>527</v>
      </c>
      <c r="EO18" s="277">
        <v>203</v>
      </c>
      <c r="EP18" s="281">
        <v>381</v>
      </c>
      <c r="EQ18" s="278">
        <v>584</v>
      </c>
      <c r="ER18" s="280">
        <v>0</v>
      </c>
      <c r="ES18" s="281">
        <v>813</v>
      </c>
      <c r="ET18" s="281">
        <v>1053</v>
      </c>
      <c r="EU18" s="281">
        <v>565</v>
      </c>
      <c r="EV18" s="281">
        <v>351</v>
      </c>
      <c r="EW18" s="281">
        <v>211</v>
      </c>
      <c r="EX18" s="278">
        <v>2993</v>
      </c>
      <c r="EY18" s="283">
        <v>3577</v>
      </c>
    </row>
    <row r="19" spans="1:155" ht="19.5" customHeight="1" x14ac:dyDescent="0.2">
      <c r="A19" s="262" t="s">
        <v>17</v>
      </c>
      <c r="B19" s="277">
        <v>0</v>
      </c>
      <c r="C19" s="281">
        <v>0</v>
      </c>
      <c r="D19" s="385">
        <v>0</v>
      </c>
      <c r="E19" s="280">
        <v>0</v>
      </c>
      <c r="F19" s="281">
        <v>232</v>
      </c>
      <c r="G19" s="281">
        <v>442</v>
      </c>
      <c r="H19" s="281">
        <v>256</v>
      </c>
      <c r="I19" s="281">
        <v>188</v>
      </c>
      <c r="J19" s="281">
        <v>165</v>
      </c>
      <c r="K19" s="282">
        <v>1283</v>
      </c>
      <c r="L19" s="283">
        <v>1283</v>
      </c>
      <c r="M19" s="277">
        <v>0</v>
      </c>
      <c r="N19" s="281">
        <v>1</v>
      </c>
      <c r="O19" s="278">
        <v>1</v>
      </c>
      <c r="P19" s="280">
        <v>0</v>
      </c>
      <c r="Q19" s="281">
        <v>0</v>
      </c>
      <c r="R19" s="281">
        <v>12</v>
      </c>
      <c r="S19" s="281">
        <v>22</v>
      </c>
      <c r="T19" s="281">
        <v>44</v>
      </c>
      <c r="U19" s="281">
        <v>76</v>
      </c>
      <c r="V19" s="278">
        <v>154</v>
      </c>
      <c r="W19" s="283">
        <v>155</v>
      </c>
      <c r="X19" s="277">
        <v>26</v>
      </c>
      <c r="Y19" s="281">
        <v>84</v>
      </c>
      <c r="Z19" s="278">
        <v>110</v>
      </c>
      <c r="AA19" s="280">
        <v>0</v>
      </c>
      <c r="AB19" s="281">
        <v>155</v>
      </c>
      <c r="AC19" s="281">
        <v>304</v>
      </c>
      <c r="AD19" s="281">
        <v>174</v>
      </c>
      <c r="AE19" s="281">
        <v>168</v>
      </c>
      <c r="AF19" s="281">
        <v>137</v>
      </c>
      <c r="AG19" s="278">
        <v>938</v>
      </c>
      <c r="AH19" s="283">
        <v>1048</v>
      </c>
      <c r="AI19" s="277">
        <v>2</v>
      </c>
      <c r="AJ19" s="281">
        <v>7</v>
      </c>
      <c r="AK19" s="278">
        <v>9</v>
      </c>
      <c r="AL19" s="280">
        <v>0</v>
      </c>
      <c r="AM19" s="281">
        <v>9</v>
      </c>
      <c r="AN19" s="281">
        <v>36</v>
      </c>
      <c r="AO19" s="281">
        <v>21</v>
      </c>
      <c r="AP19" s="281">
        <v>18</v>
      </c>
      <c r="AQ19" s="281">
        <v>13</v>
      </c>
      <c r="AR19" s="278">
        <v>97</v>
      </c>
      <c r="AS19" s="283">
        <v>106</v>
      </c>
      <c r="AT19" s="277">
        <v>38</v>
      </c>
      <c r="AU19" s="281">
        <v>55</v>
      </c>
      <c r="AV19" s="278">
        <v>93</v>
      </c>
      <c r="AW19" s="280">
        <v>0</v>
      </c>
      <c r="AX19" s="281">
        <v>259</v>
      </c>
      <c r="AY19" s="281">
        <v>423</v>
      </c>
      <c r="AZ19" s="281">
        <v>352</v>
      </c>
      <c r="BA19" s="281">
        <v>365</v>
      </c>
      <c r="BB19" s="281">
        <v>296</v>
      </c>
      <c r="BC19" s="282">
        <v>1695</v>
      </c>
      <c r="BD19" s="283">
        <v>1788</v>
      </c>
      <c r="BE19" s="277">
        <v>0</v>
      </c>
      <c r="BF19" s="281">
        <v>0</v>
      </c>
      <c r="BG19" s="278">
        <v>0</v>
      </c>
      <c r="BH19" s="280">
        <v>0</v>
      </c>
      <c r="BI19" s="281">
        <v>347</v>
      </c>
      <c r="BJ19" s="281">
        <v>545</v>
      </c>
      <c r="BK19" s="281">
        <v>284</v>
      </c>
      <c r="BL19" s="281">
        <v>167</v>
      </c>
      <c r="BM19" s="281">
        <v>77</v>
      </c>
      <c r="BN19" s="278">
        <v>1420</v>
      </c>
      <c r="BO19" s="283">
        <v>1420</v>
      </c>
      <c r="BP19" s="277">
        <v>21</v>
      </c>
      <c r="BQ19" s="281">
        <v>70</v>
      </c>
      <c r="BR19" s="278">
        <v>91</v>
      </c>
      <c r="BS19" s="280">
        <v>0</v>
      </c>
      <c r="BT19" s="281">
        <v>66</v>
      </c>
      <c r="BU19" s="281">
        <v>180</v>
      </c>
      <c r="BV19" s="281">
        <v>81</v>
      </c>
      <c r="BW19" s="281">
        <v>44</v>
      </c>
      <c r="BX19" s="281">
        <v>20</v>
      </c>
      <c r="BY19" s="278">
        <v>391</v>
      </c>
      <c r="BZ19" s="283">
        <v>482</v>
      </c>
      <c r="CA19" s="277">
        <v>2</v>
      </c>
      <c r="CB19" s="281">
        <v>3</v>
      </c>
      <c r="CC19" s="278">
        <v>5</v>
      </c>
      <c r="CD19" s="280">
        <v>0</v>
      </c>
      <c r="CE19" s="281">
        <v>52</v>
      </c>
      <c r="CF19" s="281">
        <v>87</v>
      </c>
      <c r="CG19" s="281">
        <v>88</v>
      </c>
      <c r="CH19" s="281">
        <v>70</v>
      </c>
      <c r="CI19" s="281">
        <v>40</v>
      </c>
      <c r="CJ19" s="278">
        <v>337</v>
      </c>
      <c r="CK19" s="283">
        <v>342</v>
      </c>
      <c r="CL19" s="277">
        <v>0</v>
      </c>
      <c r="CM19" s="281">
        <v>0</v>
      </c>
      <c r="CN19" s="278">
        <v>0</v>
      </c>
      <c r="CO19" s="280">
        <v>0</v>
      </c>
      <c r="CP19" s="281">
        <v>6</v>
      </c>
      <c r="CQ19" s="281">
        <v>13</v>
      </c>
      <c r="CR19" s="281">
        <v>8</v>
      </c>
      <c r="CS19" s="281">
        <v>5</v>
      </c>
      <c r="CT19" s="281">
        <v>8</v>
      </c>
      <c r="CU19" s="278">
        <v>40</v>
      </c>
      <c r="CV19" s="283">
        <v>40</v>
      </c>
      <c r="CW19" s="277">
        <v>0</v>
      </c>
      <c r="CX19" s="281">
        <v>0</v>
      </c>
      <c r="CY19" s="278">
        <v>0</v>
      </c>
      <c r="CZ19" s="280">
        <v>0</v>
      </c>
      <c r="DA19" s="281">
        <v>0</v>
      </c>
      <c r="DB19" s="281">
        <v>0</v>
      </c>
      <c r="DC19" s="281">
        <v>0</v>
      </c>
      <c r="DD19" s="281">
        <v>0</v>
      </c>
      <c r="DE19" s="281">
        <v>0</v>
      </c>
      <c r="DF19" s="278">
        <v>0</v>
      </c>
      <c r="DG19" s="283">
        <v>0</v>
      </c>
      <c r="DH19" s="277">
        <v>0</v>
      </c>
      <c r="DI19" s="281">
        <v>0</v>
      </c>
      <c r="DJ19" s="278">
        <v>0</v>
      </c>
      <c r="DK19" s="280">
        <v>0</v>
      </c>
      <c r="DL19" s="281">
        <v>0</v>
      </c>
      <c r="DM19" s="281">
        <v>0</v>
      </c>
      <c r="DN19" s="281">
        <v>0</v>
      </c>
      <c r="DO19" s="281">
        <v>0</v>
      </c>
      <c r="DP19" s="281">
        <v>0</v>
      </c>
      <c r="DQ19" s="278">
        <v>0</v>
      </c>
      <c r="DR19" s="283">
        <v>0</v>
      </c>
      <c r="DS19" s="277">
        <v>190</v>
      </c>
      <c r="DT19" s="281">
        <v>463</v>
      </c>
      <c r="DU19" s="278">
        <v>653</v>
      </c>
      <c r="DV19" s="280">
        <v>0</v>
      </c>
      <c r="DW19" s="281">
        <v>408</v>
      </c>
      <c r="DX19" s="281">
        <v>1104</v>
      </c>
      <c r="DY19" s="281">
        <v>622</v>
      </c>
      <c r="DZ19" s="281">
        <v>514</v>
      </c>
      <c r="EA19" s="281">
        <v>341</v>
      </c>
      <c r="EB19" s="278">
        <v>2989</v>
      </c>
      <c r="EC19" s="283">
        <v>3642</v>
      </c>
      <c r="ED19" s="277">
        <v>28</v>
      </c>
      <c r="EE19" s="281">
        <v>35</v>
      </c>
      <c r="EF19" s="278">
        <v>63</v>
      </c>
      <c r="EG19" s="280">
        <v>0</v>
      </c>
      <c r="EH19" s="281">
        <v>100</v>
      </c>
      <c r="EI19" s="281">
        <v>88</v>
      </c>
      <c r="EJ19" s="281">
        <v>88</v>
      </c>
      <c r="EK19" s="281">
        <v>89</v>
      </c>
      <c r="EL19" s="281">
        <v>53</v>
      </c>
      <c r="EM19" s="278">
        <v>418</v>
      </c>
      <c r="EN19" s="283">
        <v>481</v>
      </c>
      <c r="EO19" s="277">
        <v>224</v>
      </c>
      <c r="EP19" s="281">
        <v>538</v>
      </c>
      <c r="EQ19" s="278">
        <v>762</v>
      </c>
      <c r="ER19" s="280">
        <v>0</v>
      </c>
      <c r="ES19" s="281">
        <v>894</v>
      </c>
      <c r="ET19" s="281">
        <v>1408</v>
      </c>
      <c r="EU19" s="281">
        <v>719</v>
      </c>
      <c r="EV19" s="281">
        <v>503</v>
      </c>
      <c r="EW19" s="281">
        <v>314</v>
      </c>
      <c r="EX19" s="278">
        <v>3838</v>
      </c>
      <c r="EY19" s="283">
        <v>4600</v>
      </c>
    </row>
    <row r="20" spans="1:155" ht="19.5" customHeight="1" x14ac:dyDescent="0.2">
      <c r="A20" s="262" t="s">
        <v>18</v>
      </c>
      <c r="B20" s="277">
        <v>0</v>
      </c>
      <c r="C20" s="281">
        <v>0</v>
      </c>
      <c r="D20" s="385">
        <v>0</v>
      </c>
      <c r="E20" s="280">
        <v>0</v>
      </c>
      <c r="F20" s="281">
        <v>482</v>
      </c>
      <c r="G20" s="281">
        <v>479</v>
      </c>
      <c r="H20" s="281">
        <v>267</v>
      </c>
      <c r="I20" s="281">
        <v>230</v>
      </c>
      <c r="J20" s="281">
        <v>150</v>
      </c>
      <c r="K20" s="282">
        <v>1608</v>
      </c>
      <c r="L20" s="283">
        <v>1608</v>
      </c>
      <c r="M20" s="277">
        <v>0</v>
      </c>
      <c r="N20" s="281">
        <v>0</v>
      </c>
      <c r="O20" s="278">
        <v>0</v>
      </c>
      <c r="P20" s="280">
        <v>0</v>
      </c>
      <c r="Q20" s="281">
        <v>4</v>
      </c>
      <c r="R20" s="281">
        <v>13</v>
      </c>
      <c r="S20" s="281">
        <v>22</v>
      </c>
      <c r="T20" s="281">
        <v>42</v>
      </c>
      <c r="U20" s="281">
        <v>75</v>
      </c>
      <c r="V20" s="278">
        <v>156</v>
      </c>
      <c r="W20" s="283">
        <v>156</v>
      </c>
      <c r="X20" s="277">
        <v>48</v>
      </c>
      <c r="Y20" s="281">
        <v>103</v>
      </c>
      <c r="Z20" s="278">
        <v>151</v>
      </c>
      <c r="AA20" s="280">
        <v>0</v>
      </c>
      <c r="AB20" s="281">
        <v>317</v>
      </c>
      <c r="AC20" s="281">
        <v>317</v>
      </c>
      <c r="AD20" s="281">
        <v>222</v>
      </c>
      <c r="AE20" s="281">
        <v>172</v>
      </c>
      <c r="AF20" s="281">
        <v>141</v>
      </c>
      <c r="AG20" s="278">
        <v>1169</v>
      </c>
      <c r="AH20" s="283">
        <v>1320</v>
      </c>
      <c r="AI20" s="277">
        <v>8</v>
      </c>
      <c r="AJ20" s="281">
        <v>5</v>
      </c>
      <c r="AK20" s="278">
        <v>13</v>
      </c>
      <c r="AL20" s="280">
        <v>0</v>
      </c>
      <c r="AM20" s="281">
        <v>38</v>
      </c>
      <c r="AN20" s="281">
        <v>36</v>
      </c>
      <c r="AO20" s="281">
        <v>34</v>
      </c>
      <c r="AP20" s="281">
        <v>29</v>
      </c>
      <c r="AQ20" s="281">
        <v>13</v>
      </c>
      <c r="AR20" s="278">
        <v>150</v>
      </c>
      <c r="AS20" s="283">
        <v>163</v>
      </c>
      <c r="AT20" s="277">
        <v>63</v>
      </c>
      <c r="AU20" s="281">
        <v>57</v>
      </c>
      <c r="AV20" s="278">
        <v>120</v>
      </c>
      <c r="AW20" s="280">
        <v>0</v>
      </c>
      <c r="AX20" s="281">
        <v>446</v>
      </c>
      <c r="AY20" s="281">
        <v>506</v>
      </c>
      <c r="AZ20" s="281">
        <v>475</v>
      </c>
      <c r="BA20" s="281">
        <v>445</v>
      </c>
      <c r="BB20" s="281">
        <v>344</v>
      </c>
      <c r="BC20" s="282">
        <v>2216</v>
      </c>
      <c r="BD20" s="283">
        <v>2336</v>
      </c>
      <c r="BE20" s="277">
        <v>0</v>
      </c>
      <c r="BF20" s="281">
        <v>0</v>
      </c>
      <c r="BG20" s="278">
        <v>0</v>
      </c>
      <c r="BH20" s="280">
        <v>0</v>
      </c>
      <c r="BI20" s="281">
        <v>617</v>
      </c>
      <c r="BJ20" s="281">
        <v>592</v>
      </c>
      <c r="BK20" s="281">
        <v>307</v>
      </c>
      <c r="BL20" s="281">
        <v>189</v>
      </c>
      <c r="BM20" s="281">
        <v>86</v>
      </c>
      <c r="BN20" s="278">
        <v>1791</v>
      </c>
      <c r="BO20" s="283">
        <v>1791</v>
      </c>
      <c r="BP20" s="277">
        <v>50</v>
      </c>
      <c r="BQ20" s="281">
        <v>86</v>
      </c>
      <c r="BR20" s="278">
        <v>136</v>
      </c>
      <c r="BS20" s="280">
        <v>0</v>
      </c>
      <c r="BT20" s="281">
        <v>166</v>
      </c>
      <c r="BU20" s="281">
        <v>173</v>
      </c>
      <c r="BV20" s="281">
        <v>100</v>
      </c>
      <c r="BW20" s="281">
        <v>64</v>
      </c>
      <c r="BX20" s="281">
        <v>19</v>
      </c>
      <c r="BY20" s="278">
        <v>522</v>
      </c>
      <c r="BZ20" s="283">
        <v>658</v>
      </c>
      <c r="CA20" s="277">
        <v>0</v>
      </c>
      <c r="CB20" s="281">
        <v>1</v>
      </c>
      <c r="CC20" s="278">
        <v>1</v>
      </c>
      <c r="CD20" s="280">
        <v>0</v>
      </c>
      <c r="CE20" s="281">
        <v>59</v>
      </c>
      <c r="CF20" s="281">
        <v>107</v>
      </c>
      <c r="CG20" s="281">
        <v>132</v>
      </c>
      <c r="CH20" s="281">
        <v>102</v>
      </c>
      <c r="CI20" s="281">
        <v>52</v>
      </c>
      <c r="CJ20" s="278">
        <v>452</v>
      </c>
      <c r="CK20" s="283">
        <v>453</v>
      </c>
      <c r="CL20" s="277">
        <v>0</v>
      </c>
      <c r="CM20" s="281">
        <v>0</v>
      </c>
      <c r="CN20" s="278">
        <v>0</v>
      </c>
      <c r="CO20" s="280">
        <v>0</v>
      </c>
      <c r="CP20" s="281">
        <v>1</v>
      </c>
      <c r="CQ20" s="281">
        <v>1</v>
      </c>
      <c r="CR20" s="281">
        <v>3</v>
      </c>
      <c r="CS20" s="281">
        <v>3</v>
      </c>
      <c r="CT20" s="281">
        <v>2</v>
      </c>
      <c r="CU20" s="278">
        <v>10</v>
      </c>
      <c r="CV20" s="283">
        <v>10</v>
      </c>
      <c r="CW20" s="277">
        <v>0</v>
      </c>
      <c r="CX20" s="281">
        <v>0</v>
      </c>
      <c r="CY20" s="278">
        <v>0</v>
      </c>
      <c r="CZ20" s="280">
        <v>0</v>
      </c>
      <c r="DA20" s="281">
        <v>0</v>
      </c>
      <c r="DB20" s="281">
        <v>0</v>
      </c>
      <c r="DC20" s="281">
        <v>0</v>
      </c>
      <c r="DD20" s="281">
        <v>0</v>
      </c>
      <c r="DE20" s="281">
        <v>0</v>
      </c>
      <c r="DF20" s="278">
        <v>0</v>
      </c>
      <c r="DG20" s="283">
        <v>0</v>
      </c>
      <c r="DH20" s="277">
        <v>0</v>
      </c>
      <c r="DI20" s="281">
        <v>0</v>
      </c>
      <c r="DJ20" s="278">
        <v>0</v>
      </c>
      <c r="DK20" s="280">
        <v>0</v>
      </c>
      <c r="DL20" s="281">
        <v>0</v>
      </c>
      <c r="DM20" s="281">
        <v>0</v>
      </c>
      <c r="DN20" s="281">
        <v>0</v>
      </c>
      <c r="DO20" s="281">
        <v>0</v>
      </c>
      <c r="DP20" s="281">
        <v>0</v>
      </c>
      <c r="DQ20" s="278">
        <v>0</v>
      </c>
      <c r="DR20" s="283">
        <v>0</v>
      </c>
      <c r="DS20" s="277">
        <v>218</v>
      </c>
      <c r="DT20" s="281">
        <v>474</v>
      </c>
      <c r="DU20" s="278">
        <v>692</v>
      </c>
      <c r="DV20" s="280">
        <v>0</v>
      </c>
      <c r="DW20" s="281">
        <v>795</v>
      </c>
      <c r="DX20" s="281">
        <v>1051</v>
      </c>
      <c r="DY20" s="281">
        <v>680</v>
      </c>
      <c r="DZ20" s="281">
        <v>526</v>
      </c>
      <c r="EA20" s="281">
        <v>301</v>
      </c>
      <c r="EB20" s="278">
        <v>3353</v>
      </c>
      <c r="EC20" s="283">
        <v>4045</v>
      </c>
      <c r="ED20" s="277">
        <v>27</v>
      </c>
      <c r="EE20" s="281">
        <v>16</v>
      </c>
      <c r="EF20" s="278">
        <v>43</v>
      </c>
      <c r="EG20" s="280">
        <v>0</v>
      </c>
      <c r="EH20" s="281">
        <v>130</v>
      </c>
      <c r="EI20" s="281">
        <v>101</v>
      </c>
      <c r="EJ20" s="281">
        <v>92</v>
      </c>
      <c r="EK20" s="281">
        <v>87</v>
      </c>
      <c r="EL20" s="281">
        <v>68</v>
      </c>
      <c r="EM20" s="278">
        <v>478</v>
      </c>
      <c r="EN20" s="283">
        <v>521</v>
      </c>
      <c r="EO20" s="277">
        <v>290</v>
      </c>
      <c r="EP20" s="281">
        <v>578</v>
      </c>
      <c r="EQ20" s="278">
        <v>868</v>
      </c>
      <c r="ER20" s="280">
        <v>0</v>
      </c>
      <c r="ES20" s="281">
        <v>1574</v>
      </c>
      <c r="ET20" s="281">
        <v>1433</v>
      </c>
      <c r="EU20" s="281">
        <v>818</v>
      </c>
      <c r="EV20" s="281">
        <v>563</v>
      </c>
      <c r="EW20" s="281">
        <v>294</v>
      </c>
      <c r="EX20" s="278">
        <v>4682</v>
      </c>
      <c r="EY20" s="283">
        <v>5550</v>
      </c>
    </row>
    <row r="21" spans="1:155" ht="19.5" customHeight="1" x14ac:dyDescent="0.2">
      <c r="A21" s="262" t="s">
        <v>19</v>
      </c>
      <c r="B21" s="277">
        <v>0</v>
      </c>
      <c r="C21" s="281">
        <v>0</v>
      </c>
      <c r="D21" s="385">
        <v>0</v>
      </c>
      <c r="E21" s="280">
        <v>0</v>
      </c>
      <c r="F21" s="281">
        <v>193</v>
      </c>
      <c r="G21" s="281">
        <v>156</v>
      </c>
      <c r="H21" s="281">
        <v>93</v>
      </c>
      <c r="I21" s="281">
        <v>84</v>
      </c>
      <c r="J21" s="281">
        <v>52</v>
      </c>
      <c r="K21" s="282">
        <v>578</v>
      </c>
      <c r="L21" s="283">
        <v>578</v>
      </c>
      <c r="M21" s="277">
        <v>0</v>
      </c>
      <c r="N21" s="281">
        <v>0</v>
      </c>
      <c r="O21" s="278">
        <v>0</v>
      </c>
      <c r="P21" s="280">
        <v>0</v>
      </c>
      <c r="Q21" s="281">
        <v>5</v>
      </c>
      <c r="R21" s="281">
        <v>4</v>
      </c>
      <c r="S21" s="281">
        <v>9</v>
      </c>
      <c r="T21" s="281">
        <v>19</v>
      </c>
      <c r="U21" s="281">
        <v>27</v>
      </c>
      <c r="V21" s="278">
        <v>64</v>
      </c>
      <c r="W21" s="283">
        <v>64</v>
      </c>
      <c r="X21" s="277">
        <v>30</v>
      </c>
      <c r="Y21" s="281">
        <v>42</v>
      </c>
      <c r="Z21" s="278">
        <v>72</v>
      </c>
      <c r="AA21" s="280">
        <v>0</v>
      </c>
      <c r="AB21" s="281">
        <v>147</v>
      </c>
      <c r="AC21" s="281">
        <v>135</v>
      </c>
      <c r="AD21" s="281">
        <v>92</v>
      </c>
      <c r="AE21" s="281">
        <v>71</v>
      </c>
      <c r="AF21" s="281">
        <v>70</v>
      </c>
      <c r="AG21" s="278">
        <v>515</v>
      </c>
      <c r="AH21" s="283">
        <v>587</v>
      </c>
      <c r="AI21" s="277">
        <v>2</v>
      </c>
      <c r="AJ21" s="281">
        <v>5</v>
      </c>
      <c r="AK21" s="278">
        <v>7</v>
      </c>
      <c r="AL21" s="280">
        <v>0</v>
      </c>
      <c r="AM21" s="281">
        <v>21</v>
      </c>
      <c r="AN21" s="281">
        <v>11</v>
      </c>
      <c r="AO21" s="281">
        <v>5</v>
      </c>
      <c r="AP21" s="281">
        <v>7</v>
      </c>
      <c r="AQ21" s="281">
        <v>5</v>
      </c>
      <c r="AR21" s="278">
        <v>49</v>
      </c>
      <c r="AS21" s="283">
        <v>56</v>
      </c>
      <c r="AT21" s="277">
        <v>42</v>
      </c>
      <c r="AU21" s="281">
        <v>31</v>
      </c>
      <c r="AV21" s="278">
        <v>73</v>
      </c>
      <c r="AW21" s="280">
        <v>0</v>
      </c>
      <c r="AX21" s="281">
        <v>174</v>
      </c>
      <c r="AY21" s="281">
        <v>200</v>
      </c>
      <c r="AZ21" s="281">
        <v>158</v>
      </c>
      <c r="BA21" s="281">
        <v>165</v>
      </c>
      <c r="BB21" s="281">
        <v>132</v>
      </c>
      <c r="BC21" s="282">
        <v>829</v>
      </c>
      <c r="BD21" s="283">
        <v>902</v>
      </c>
      <c r="BE21" s="277">
        <v>0</v>
      </c>
      <c r="BF21" s="281">
        <v>0</v>
      </c>
      <c r="BG21" s="278">
        <v>0</v>
      </c>
      <c r="BH21" s="280">
        <v>0</v>
      </c>
      <c r="BI21" s="281">
        <v>254</v>
      </c>
      <c r="BJ21" s="281">
        <v>236</v>
      </c>
      <c r="BK21" s="281">
        <v>121</v>
      </c>
      <c r="BL21" s="281">
        <v>60</v>
      </c>
      <c r="BM21" s="281">
        <v>42</v>
      </c>
      <c r="BN21" s="278">
        <v>713</v>
      </c>
      <c r="BO21" s="283">
        <v>713</v>
      </c>
      <c r="BP21" s="277">
        <v>21</v>
      </c>
      <c r="BQ21" s="281">
        <v>45</v>
      </c>
      <c r="BR21" s="278">
        <v>66</v>
      </c>
      <c r="BS21" s="280">
        <v>0</v>
      </c>
      <c r="BT21" s="281">
        <v>111</v>
      </c>
      <c r="BU21" s="281">
        <v>95</v>
      </c>
      <c r="BV21" s="281">
        <v>57</v>
      </c>
      <c r="BW21" s="281">
        <v>31</v>
      </c>
      <c r="BX21" s="281">
        <v>12</v>
      </c>
      <c r="BY21" s="278">
        <v>306</v>
      </c>
      <c r="BZ21" s="283">
        <v>372</v>
      </c>
      <c r="CA21" s="277">
        <v>0</v>
      </c>
      <c r="CB21" s="281">
        <v>0</v>
      </c>
      <c r="CC21" s="278">
        <v>0</v>
      </c>
      <c r="CD21" s="280">
        <v>0</v>
      </c>
      <c r="CE21" s="281">
        <v>20</v>
      </c>
      <c r="CF21" s="281">
        <v>49</v>
      </c>
      <c r="CG21" s="281">
        <v>52</v>
      </c>
      <c r="CH21" s="281">
        <v>28</v>
      </c>
      <c r="CI21" s="281">
        <v>21</v>
      </c>
      <c r="CJ21" s="278">
        <v>170</v>
      </c>
      <c r="CK21" s="283">
        <v>170</v>
      </c>
      <c r="CL21" s="277">
        <v>0</v>
      </c>
      <c r="CM21" s="281">
        <v>0</v>
      </c>
      <c r="CN21" s="278">
        <v>0</v>
      </c>
      <c r="CO21" s="280">
        <v>0</v>
      </c>
      <c r="CP21" s="281">
        <v>6</v>
      </c>
      <c r="CQ21" s="281">
        <v>9</v>
      </c>
      <c r="CR21" s="281">
        <v>6</v>
      </c>
      <c r="CS21" s="281">
        <v>9</v>
      </c>
      <c r="CT21" s="281">
        <v>4</v>
      </c>
      <c r="CU21" s="278">
        <v>34</v>
      </c>
      <c r="CV21" s="283">
        <v>34</v>
      </c>
      <c r="CW21" s="277">
        <v>0</v>
      </c>
      <c r="CX21" s="281">
        <v>0</v>
      </c>
      <c r="CY21" s="278">
        <v>0</v>
      </c>
      <c r="CZ21" s="280">
        <v>0</v>
      </c>
      <c r="DA21" s="281">
        <v>0</v>
      </c>
      <c r="DB21" s="281">
        <v>0</v>
      </c>
      <c r="DC21" s="281">
        <v>0</v>
      </c>
      <c r="DD21" s="281">
        <v>0</v>
      </c>
      <c r="DE21" s="281">
        <v>0</v>
      </c>
      <c r="DF21" s="278">
        <v>0</v>
      </c>
      <c r="DG21" s="283">
        <v>0</v>
      </c>
      <c r="DH21" s="277">
        <v>0</v>
      </c>
      <c r="DI21" s="281">
        <v>0</v>
      </c>
      <c r="DJ21" s="278">
        <v>0</v>
      </c>
      <c r="DK21" s="280">
        <v>0</v>
      </c>
      <c r="DL21" s="281">
        <v>0</v>
      </c>
      <c r="DM21" s="281">
        <v>0</v>
      </c>
      <c r="DN21" s="281">
        <v>0</v>
      </c>
      <c r="DO21" s="281">
        <v>0</v>
      </c>
      <c r="DP21" s="281">
        <v>0</v>
      </c>
      <c r="DQ21" s="278">
        <v>0</v>
      </c>
      <c r="DR21" s="283">
        <v>0</v>
      </c>
      <c r="DS21" s="277">
        <v>90</v>
      </c>
      <c r="DT21" s="281">
        <v>208</v>
      </c>
      <c r="DU21" s="278">
        <v>298</v>
      </c>
      <c r="DV21" s="280">
        <v>0</v>
      </c>
      <c r="DW21" s="281">
        <v>389</v>
      </c>
      <c r="DX21" s="281">
        <v>439</v>
      </c>
      <c r="DY21" s="281">
        <v>264</v>
      </c>
      <c r="DZ21" s="281">
        <v>195</v>
      </c>
      <c r="EA21" s="281">
        <v>147</v>
      </c>
      <c r="EB21" s="278">
        <v>1434</v>
      </c>
      <c r="EC21" s="283">
        <v>1732</v>
      </c>
      <c r="ED21" s="277">
        <v>16</v>
      </c>
      <c r="EE21" s="281">
        <v>13</v>
      </c>
      <c r="EF21" s="278">
        <v>29</v>
      </c>
      <c r="EG21" s="280">
        <v>0</v>
      </c>
      <c r="EH21" s="281">
        <v>78</v>
      </c>
      <c r="EI21" s="281">
        <v>56</v>
      </c>
      <c r="EJ21" s="281">
        <v>43</v>
      </c>
      <c r="EK21" s="281">
        <v>52</v>
      </c>
      <c r="EL21" s="281">
        <v>23</v>
      </c>
      <c r="EM21" s="278">
        <v>252</v>
      </c>
      <c r="EN21" s="283">
        <v>281</v>
      </c>
      <c r="EO21" s="277">
        <v>131</v>
      </c>
      <c r="EP21" s="281">
        <v>250</v>
      </c>
      <c r="EQ21" s="278">
        <v>381</v>
      </c>
      <c r="ER21" s="280">
        <v>0</v>
      </c>
      <c r="ES21" s="281">
        <v>692</v>
      </c>
      <c r="ET21" s="281">
        <v>571</v>
      </c>
      <c r="EU21" s="281">
        <v>294</v>
      </c>
      <c r="EV21" s="281">
        <v>179</v>
      </c>
      <c r="EW21" s="281">
        <v>125</v>
      </c>
      <c r="EX21" s="278">
        <v>1861</v>
      </c>
      <c r="EY21" s="283">
        <v>2242</v>
      </c>
    </row>
    <row r="22" spans="1:155" ht="19.5" customHeight="1" x14ac:dyDescent="0.2">
      <c r="A22" s="262" t="s">
        <v>20</v>
      </c>
      <c r="B22" s="277">
        <v>0</v>
      </c>
      <c r="C22" s="281">
        <v>0</v>
      </c>
      <c r="D22" s="385">
        <v>0</v>
      </c>
      <c r="E22" s="280">
        <v>0</v>
      </c>
      <c r="F22" s="281">
        <v>253</v>
      </c>
      <c r="G22" s="281">
        <v>165</v>
      </c>
      <c r="H22" s="281">
        <v>122</v>
      </c>
      <c r="I22" s="281">
        <v>86</v>
      </c>
      <c r="J22" s="281">
        <v>58</v>
      </c>
      <c r="K22" s="282">
        <v>684</v>
      </c>
      <c r="L22" s="283">
        <v>684</v>
      </c>
      <c r="M22" s="277">
        <v>0</v>
      </c>
      <c r="N22" s="281">
        <v>1</v>
      </c>
      <c r="O22" s="278">
        <v>1</v>
      </c>
      <c r="P22" s="280">
        <v>0</v>
      </c>
      <c r="Q22" s="281">
        <v>3</v>
      </c>
      <c r="R22" s="281">
        <v>9</v>
      </c>
      <c r="S22" s="281">
        <v>9</v>
      </c>
      <c r="T22" s="281">
        <v>17</v>
      </c>
      <c r="U22" s="281">
        <v>39</v>
      </c>
      <c r="V22" s="278">
        <v>77</v>
      </c>
      <c r="W22" s="283">
        <v>78</v>
      </c>
      <c r="X22" s="277">
        <v>21</v>
      </c>
      <c r="Y22" s="281">
        <v>61</v>
      </c>
      <c r="Z22" s="278">
        <v>82</v>
      </c>
      <c r="AA22" s="280">
        <v>0</v>
      </c>
      <c r="AB22" s="281">
        <v>232</v>
      </c>
      <c r="AC22" s="281">
        <v>163</v>
      </c>
      <c r="AD22" s="281">
        <v>98</v>
      </c>
      <c r="AE22" s="281">
        <v>77</v>
      </c>
      <c r="AF22" s="281">
        <v>51</v>
      </c>
      <c r="AG22" s="278">
        <v>621</v>
      </c>
      <c r="AH22" s="283">
        <v>703</v>
      </c>
      <c r="AI22" s="277">
        <v>10</v>
      </c>
      <c r="AJ22" s="281">
        <v>35</v>
      </c>
      <c r="AK22" s="278">
        <v>45</v>
      </c>
      <c r="AL22" s="280">
        <v>0</v>
      </c>
      <c r="AM22" s="281">
        <v>50</v>
      </c>
      <c r="AN22" s="281">
        <v>51</v>
      </c>
      <c r="AO22" s="281">
        <v>32</v>
      </c>
      <c r="AP22" s="281">
        <v>20</v>
      </c>
      <c r="AQ22" s="281">
        <v>12</v>
      </c>
      <c r="AR22" s="278">
        <v>165</v>
      </c>
      <c r="AS22" s="283">
        <v>210</v>
      </c>
      <c r="AT22" s="277">
        <v>18</v>
      </c>
      <c r="AU22" s="281">
        <v>48</v>
      </c>
      <c r="AV22" s="278">
        <v>66</v>
      </c>
      <c r="AW22" s="280">
        <v>0</v>
      </c>
      <c r="AX22" s="281">
        <v>224</v>
      </c>
      <c r="AY22" s="281">
        <v>209</v>
      </c>
      <c r="AZ22" s="281">
        <v>193</v>
      </c>
      <c r="BA22" s="281">
        <v>200</v>
      </c>
      <c r="BB22" s="281">
        <v>119</v>
      </c>
      <c r="BC22" s="282">
        <v>945</v>
      </c>
      <c r="BD22" s="283">
        <v>1011</v>
      </c>
      <c r="BE22" s="277">
        <v>0</v>
      </c>
      <c r="BF22" s="281">
        <v>0</v>
      </c>
      <c r="BG22" s="278">
        <v>0</v>
      </c>
      <c r="BH22" s="280">
        <v>0</v>
      </c>
      <c r="BI22" s="281">
        <v>296</v>
      </c>
      <c r="BJ22" s="281">
        <v>177</v>
      </c>
      <c r="BK22" s="281">
        <v>127</v>
      </c>
      <c r="BL22" s="281">
        <v>67</v>
      </c>
      <c r="BM22" s="281">
        <v>28</v>
      </c>
      <c r="BN22" s="278">
        <v>695</v>
      </c>
      <c r="BO22" s="283">
        <v>695</v>
      </c>
      <c r="BP22" s="277">
        <v>20</v>
      </c>
      <c r="BQ22" s="281">
        <v>45</v>
      </c>
      <c r="BR22" s="278">
        <v>65</v>
      </c>
      <c r="BS22" s="280">
        <v>0</v>
      </c>
      <c r="BT22" s="281">
        <v>165</v>
      </c>
      <c r="BU22" s="281">
        <v>110</v>
      </c>
      <c r="BV22" s="281">
        <v>69</v>
      </c>
      <c r="BW22" s="281">
        <v>43</v>
      </c>
      <c r="BX22" s="281">
        <v>13</v>
      </c>
      <c r="BY22" s="278">
        <v>400</v>
      </c>
      <c r="BZ22" s="283">
        <v>465</v>
      </c>
      <c r="CA22" s="277">
        <v>1</v>
      </c>
      <c r="CB22" s="281">
        <v>5</v>
      </c>
      <c r="CC22" s="278">
        <v>6</v>
      </c>
      <c r="CD22" s="280">
        <v>0</v>
      </c>
      <c r="CE22" s="281">
        <v>45</v>
      </c>
      <c r="CF22" s="281">
        <v>45</v>
      </c>
      <c r="CG22" s="281">
        <v>84</v>
      </c>
      <c r="CH22" s="281">
        <v>46</v>
      </c>
      <c r="CI22" s="281">
        <v>21</v>
      </c>
      <c r="CJ22" s="278">
        <v>241</v>
      </c>
      <c r="CK22" s="283">
        <v>247</v>
      </c>
      <c r="CL22" s="277">
        <v>0</v>
      </c>
      <c r="CM22" s="281">
        <v>0</v>
      </c>
      <c r="CN22" s="278">
        <v>0</v>
      </c>
      <c r="CO22" s="280">
        <v>0</v>
      </c>
      <c r="CP22" s="281">
        <v>1</v>
      </c>
      <c r="CQ22" s="281">
        <v>6</v>
      </c>
      <c r="CR22" s="281">
        <v>12</v>
      </c>
      <c r="CS22" s="281">
        <v>9</v>
      </c>
      <c r="CT22" s="281">
        <v>4</v>
      </c>
      <c r="CU22" s="278">
        <v>32</v>
      </c>
      <c r="CV22" s="283">
        <v>32</v>
      </c>
      <c r="CW22" s="277">
        <v>0</v>
      </c>
      <c r="CX22" s="281">
        <v>0</v>
      </c>
      <c r="CY22" s="278">
        <v>0</v>
      </c>
      <c r="CZ22" s="280">
        <v>0</v>
      </c>
      <c r="DA22" s="281">
        <v>0</v>
      </c>
      <c r="DB22" s="281">
        <v>0</v>
      </c>
      <c r="DC22" s="281">
        <v>0</v>
      </c>
      <c r="DD22" s="281">
        <v>0</v>
      </c>
      <c r="DE22" s="281">
        <v>0</v>
      </c>
      <c r="DF22" s="278">
        <v>0</v>
      </c>
      <c r="DG22" s="283">
        <v>0</v>
      </c>
      <c r="DH22" s="277">
        <v>0</v>
      </c>
      <c r="DI22" s="281">
        <v>0</v>
      </c>
      <c r="DJ22" s="278">
        <v>0</v>
      </c>
      <c r="DK22" s="280">
        <v>0</v>
      </c>
      <c r="DL22" s="281">
        <v>0</v>
      </c>
      <c r="DM22" s="281">
        <v>0</v>
      </c>
      <c r="DN22" s="281">
        <v>0</v>
      </c>
      <c r="DO22" s="281">
        <v>0</v>
      </c>
      <c r="DP22" s="281">
        <v>0</v>
      </c>
      <c r="DQ22" s="278">
        <v>0</v>
      </c>
      <c r="DR22" s="283">
        <v>0</v>
      </c>
      <c r="DS22" s="277">
        <v>123</v>
      </c>
      <c r="DT22" s="281">
        <v>306</v>
      </c>
      <c r="DU22" s="278">
        <v>429</v>
      </c>
      <c r="DV22" s="280">
        <v>0</v>
      </c>
      <c r="DW22" s="281">
        <v>529</v>
      </c>
      <c r="DX22" s="281">
        <v>422</v>
      </c>
      <c r="DY22" s="281">
        <v>278</v>
      </c>
      <c r="DZ22" s="281">
        <v>207</v>
      </c>
      <c r="EA22" s="281">
        <v>105</v>
      </c>
      <c r="EB22" s="278">
        <v>1541</v>
      </c>
      <c r="EC22" s="283">
        <v>1970</v>
      </c>
      <c r="ED22" s="277">
        <v>10</v>
      </c>
      <c r="EE22" s="281">
        <v>25</v>
      </c>
      <c r="EF22" s="278">
        <v>35</v>
      </c>
      <c r="EG22" s="280">
        <v>0</v>
      </c>
      <c r="EH22" s="281">
        <v>64</v>
      </c>
      <c r="EI22" s="281">
        <v>65</v>
      </c>
      <c r="EJ22" s="281">
        <v>46</v>
      </c>
      <c r="EK22" s="281">
        <v>68</v>
      </c>
      <c r="EL22" s="281">
        <v>28</v>
      </c>
      <c r="EM22" s="278">
        <v>271</v>
      </c>
      <c r="EN22" s="283">
        <v>306</v>
      </c>
      <c r="EO22" s="277">
        <v>173</v>
      </c>
      <c r="EP22" s="281">
        <v>407</v>
      </c>
      <c r="EQ22" s="278">
        <v>580</v>
      </c>
      <c r="ER22" s="280">
        <v>0</v>
      </c>
      <c r="ES22" s="281">
        <v>962</v>
      </c>
      <c r="ET22" s="281">
        <v>569</v>
      </c>
      <c r="EU22" s="281">
        <v>368</v>
      </c>
      <c r="EV22" s="281">
        <v>228</v>
      </c>
      <c r="EW22" s="281">
        <v>115</v>
      </c>
      <c r="EX22" s="278">
        <v>2242</v>
      </c>
      <c r="EY22" s="283">
        <v>2822</v>
      </c>
    </row>
    <row r="23" spans="1:155" ht="19.5" customHeight="1" x14ac:dyDescent="0.2">
      <c r="A23" s="262" t="s">
        <v>21</v>
      </c>
      <c r="B23" s="277">
        <v>0</v>
      </c>
      <c r="C23" s="281">
        <v>0</v>
      </c>
      <c r="D23" s="385">
        <v>0</v>
      </c>
      <c r="E23" s="280">
        <v>0</v>
      </c>
      <c r="F23" s="281">
        <v>247</v>
      </c>
      <c r="G23" s="281">
        <v>327</v>
      </c>
      <c r="H23" s="281">
        <v>175</v>
      </c>
      <c r="I23" s="281">
        <v>121</v>
      </c>
      <c r="J23" s="281">
        <v>82</v>
      </c>
      <c r="K23" s="282">
        <v>952</v>
      </c>
      <c r="L23" s="283">
        <v>952</v>
      </c>
      <c r="M23" s="277">
        <v>0</v>
      </c>
      <c r="N23" s="281">
        <v>0</v>
      </c>
      <c r="O23" s="278">
        <v>0</v>
      </c>
      <c r="P23" s="280">
        <v>0</v>
      </c>
      <c r="Q23" s="281">
        <v>0</v>
      </c>
      <c r="R23" s="281">
        <v>5</v>
      </c>
      <c r="S23" s="281">
        <v>14</v>
      </c>
      <c r="T23" s="281">
        <v>24</v>
      </c>
      <c r="U23" s="281">
        <v>40</v>
      </c>
      <c r="V23" s="278">
        <v>83</v>
      </c>
      <c r="W23" s="283">
        <v>83</v>
      </c>
      <c r="X23" s="277">
        <v>45</v>
      </c>
      <c r="Y23" s="281">
        <v>68</v>
      </c>
      <c r="Z23" s="278">
        <v>113</v>
      </c>
      <c r="AA23" s="280">
        <v>0</v>
      </c>
      <c r="AB23" s="281">
        <v>184</v>
      </c>
      <c r="AC23" s="281">
        <v>248</v>
      </c>
      <c r="AD23" s="281">
        <v>130</v>
      </c>
      <c r="AE23" s="281">
        <v>119</v>
      </c>
      <c r="AF23" s="281">
        <v>67</v>
      </c>
      <c r="AG23" s="278">
        <v>748</v>
      </c>
      <c r="AH23" s="283">
        <v>861</v>
      </c>
      <c r="AI23" s="277">
        <v>13</v>
      </c>
      <c r="AJ23" s="281">
        <v>29</v>
      </c>
      <c r="AK23" s="278">
        <v>42</v>
      </c>
      <c r="AL23" s="280">
        <v>0</v>
      </c>
      <c r="AM23" s="281">
        <v>19</v>
      </c>
      <c r="AN23" s="281">
        <v>36</v>
      </c>
      <c r="AO23" s="281">
        <v>12</v>
      </c>
      <c r="AP23" s="281">
        <v>16</v>
      </c>
      <c r="AQ23" s="281">
        <v>5</v>
      </c>
      <c r="AR23" s="278">
        <v>88</v>
      </c>
      <c r="AS23" s="283">
        <v>130</v>
      </c>
      <c r="AT23" s="277">
        <v>42</v>
      </c>
      <c r="AU23" s="281">
        <v>44</v>
      </c>
      <c r="AV23" s="278">
        <v>86</v>
      </c>
      <c r="AW23" s="280">
        <v>0</v>
      </c>
      <c r="AX23" s="281">
        <v>206</v>
      </c>
      <c r="AY23" s="281">
        <v>316</v>
      </c>
      <c r="AZ23" s="281">
        <v>264</v>
      </c>
      <c r="BA23" s="281">
        <v>219</v>
      </c>
      <c r="BB23" s="281">
        <v>171</v>
      </c>
      <c r="BC23" s="282">
        <v>1176</v>
      </c>
      <c r="BD23" s="283">
        <v>1262</v>
      </c>
      <c r="BE23" s="277">
        <v>0</v>
      </c>
      <c r="BF23" s="281">
        <v>0</v>
      </c>
      <c r="BG23" s="278">
        <v>0</v>
      </c>
      <c r="BH23" s="280">
        <v>0</v>
      </c>
      <c r="BI23" s="281">
        <v>287</v>
      </c>
      <c r="BJ23" s="281">
        <v>335</v>
      </c>
      <c r="BK23" s="281">
        <v>162</v>
      </c>
      <c r="BL23" s="281">
        <v>113</v>
      </c>
      <c r="BM23" s="281">
        <v>35</v>
      </c>
      <c r="BN23" s="278">
        <v>932</v>
      </c>
      <c r="BO23" s="283">
        <v>932</v>
      </c>
      <c r="BP23" s="277">
        <v>26</v>
      </c>
      <c r="BQ23" s="281">
        <v>45</v>
      </c>
      <c r="BR23" s="278">
        <v>71</v>
      </c>
      <c r="BS23" s="280">
        <v>0</v>
      </c>
      <c r="BT23" s="281">
        <v>54</v>
      </c>
      <c r="BU23" s="281">
        <v>75</v>
      </c>
      <c r="BV23" s="281">
        <v>38</v>
      </c>
      <c r="BW23" s="281">
        <v>15</v>
      </c>
      <c r="BX23" s="281">
        <v>16</v>
      </c>
      <c r="BY23" s="278">
        <v>198</v>
      </c>
      <c r="BZ23" s="283">
        <v>269</v>
      </c>
      <c r="CA23" s="277">
        <v>1</v>
      </c>
      <c r="CB23" s="281">
        <v>3</v>
      </c>
      <c r="CC23" s="278">
        <v>4</v>
      </c>
      <c r="CD23" s="280">
        <v>0</v>
      </c>
      <c r="CE23" s="281">
        <v>23</v>
      </c>
      <c r="CF23" s="281">
        <v>58</v>
      </c>
      <c r="CG23" s="281">
        <v>73</v>
      </c>
      <c r="CH23" s="281">
        <v>61</v>
      </c>
      <c r="CI23" s="281">
        <v>33</v>
      </c>
      <c r="CJ23" s="278">
        <v>248</v>
      </c>
      <c r="CK23" s="283">
        <v>252</v>
      </c>
      <c r="CL23" s="277">
        <v>0</v>
      </c>
      <c r="CM23" s="281">
        <v>0</v>
      </c>
      <c r="CN23" s="278">
        <v>0</v>
      </c>
      <c r="CO23" s="280">
        <v>0</v>
      </c>
      <c r="CP23" s="281">
        <v>2</v>
      </c>
      <c r="CQ23" s="281">
        <v>5</v>
      </c>
      <c r="CR23" s="281">
        <v>3</v>
      </c>
      <c r="CS23" s="281">
        <v>1</v>
      </c>
      <c r="CT23" s="281">
        <v>3</v>
      </c>
      <c r="CU23" s="278">
        <v>14</v>
      </c>
      <c r="CV23" s="283">
        <v>14</v>
      </c>
      <c r="CW23" s="277">
        <v>0</v>
      </c>
      <c r="CX23" s="281">
        <v>0</v>
      </c>
      <c r="CY23" s="278">
        <v>0</v>
      </c>
      <c r="CZ23" s="280">
        <v>0</v>
      </c>
      <c r="DA23" s="281">
        <v>0</v>
      </c>
      <c r="DB23" s="281">
        <v>0</v>
      </c>
      <c r="DC23" s="281">
        <v>0</v>
      </c>
      <c r="DD23" s="281">
        <v>0</v>
      </c>
      <c r="DE23" s="281">
        <v>0</v>
      </c>
      <c r="DF23" s="278">
        <v>0</v>
      </c>
      <c r="DG23" s="283">
        <v>0</v>
      </c>
      <c r="DH23" s="277">
        <v>0</v>
      </c>
      <c r="DI23" s="281">
        <v>0</v>
      </c>
      <c r="DJ23" s="278">
        <v>0</v>
      </c>
      <c r="DK23" s="280">
        <v>0</v>
      </c>
      <c r="DL23" s="281">
        <v>0</v>
      </c>
      <c r="DM23" s="281">
        <v>0</v>
      </c>
      <c r="DN23" s="281">
        <v>0</v>
      </c>
      <c r="DO23" s="281">
        <v>0</v>
      </c>
      <c r="DP23" s="281">
        <v>0</v>
      </c>
      <c r="DQ23" s="278">
        <v>0</v>
      </c>
      <c r="DR23" s="283">
        <v>0</v>
      </c>
      <c r="DS23" s="277">
        <v>173</v>
      </c>
      <c r="DT23" s="281">
        <v>310</v>
      </c>
      <c r="DU23" s="278">
        <v>483</v>
      </c>
      <c r="DV23" s="280">
        <v>0</v>
      </c>
      <c r="DW23" s="281">
        <v>345</v>
      </c>
      <c r="DX23" s="281">
        <v>659</v>
      </c>
      <c r="DY23" s="281">
        <v>357</v>
      </c>
      <c r="DZ23" s="281">
        <v>274</v>
      </c>
      <c r="EA23" s="281">
        <v>146</v>
      </c>
      <c r="EB23" s="278">
        <v>1781</v>
      </c>
      <c r="EC23" s="283">
        <v>2264</v>
      </c>
      <c r="ED23" s="277">
        <v>22</v>
      </c>
      <c r="EE23" s="281">
        <v>17</v>
      </c>
      <c r="EF23" s="278">
        <v>39</v>
      </c>
      <c r="EG23" s="280">
        <v>0</v>
      </c>
      <c r="EH23" s="281">
        <v>56</v>
      </c>
      <c r="EI23" s="281">
        <v>75</v>
      </c>
      <c r="EJ23" s="281">
        <v>59</v>
      </c>
      <c r="EK23" s="281">
        <v>39</v>
      </c>
      <c r="EL23" s="281">
        <v>44</v>
      </c>
      <c r="EM23" s="278">
        <v>273</v>
      </c>
      <c r="EN23" s="283">
        <v>312</v>
      </c>
      <c r="EO23" s="277">
        <v>230</v>
      </c>
      <c r="EP23" s="281">
        <v>385</v>
      </c>
      <c r="EQ23" s="278">
        <v>615</v>
      </c>
      <c r="ER23" s="280">
        <v>0</v>
      </c>
      <c r="ES23" s="281">
        <v>771</v>
      </c>
      <c r="ET23" s="281">
        <v>912</v>
      </c>
      <c r="EU23" s="281">
        <v>439</v>
      </c>
      <c r="EV23" s="281">
        <v>300</v>
      </c>
      <c r="EW23" s="281">
        <v>156</v>
      </c>
      <c r="EX23" s="278">
        <v>2578</v>
      </c>
      <c r="EY23" s="283">
        <v>3193</v>
      </c>
    </row>
    <row r="24" spans="1:155" ht="19.5" customHeight="1" x14ac:dyDescent="0.2">
      <c r="A24" s="262" t="s">
        <v>22</v>
      </c>
      <c r="B24" s="277">
        <v>0</v>
      </c>
      <c r="C24" s="281">
        <v>0</v>
      </c>
      <c r="D24" s="385">
        <v>0</v>
      </c>
      <c r="E24" s="280">
        <v>0</v>
      </c>
      <c r="F24" s="281">
        <v>65</v>
      </c>
      <c r="G24" s="281">
        <v>64</v>
      </c>
      <c r="H24" s="281">
        <v>34</v>
      </c>
      <c r="I24" s="281">
        <v>40</v>
      </c>
      <c r="J24" s="281">
        <v>24</v>
      </c>
      <c r="K24" s="282">
        <v>227</v>
      </c>
      <c r="L24" s="283">
        <v>227</v>
      </c>
      <c r="M24" s="277">
        <v>0</v>
      </c>
      <c r="N24" s="281">
        <v>0</v>
      </c>
      <c r="O24" s="278">
        <v>0</v>
      </c>
      <c r="P24" s="280">
        <v>0</v>
      </c>
      <c r="Q24" s="281">
        <v>0</v>
      </c>
      <c r="R24" s="281">
        <v>2</v>
      </c>
      <c r="S24" s="281">
        <v>6</v>
      </c>
      <c r="T24" s="281">
        <v>9</v>
      </c>
      <c r="U24" s="281">
        <v>19</v>
      </c>
      <c r="V24" s="278">
        <v>36</v>
      </c>
      <c r="W24" s="283">
        <v>36</v>
      </c>
      <c r="X24" s="277">
        <v>6</v>
      </c>
      <c r="Y24" s="281">
        <v>13</v>
      </c>
      <c r="Z24" s="278">
        <v>19</v>
      </c>
      <c r="AA24" s="280">
        <v>0</v>
      </c>
      <c r="AB24" s="281">
        <v>50</v>
      </c>
      <c r="AC24" s="281">
        <v>71</v>
      </c>
      <c r="AD24" s="281">
        <v>27</v>
      </c>
      <c r="AE24" s="281">
        <v>36</v>
      </c>
      <c r="AF24" s="281">
        <v>31</v>
      </c>
      <c r="AG24" s="278">
        <v>215</v>
      </c>
      <c r="AH24" s="283">
        <v>234</v>
      </c>
      <c r="AI24" s="277">
        <v>0</v>
      </c>
      <c r="AJ24" s="281">
        <v>3</v>
      </c>
      <c r="AK24" s="278">
        <v>3</v>
      </c>
      <c r="AL24" s="280">
        <v>0</v>
      </c>
      <c r="AM24" s="281">
        <v>9</v>
      </c>
      <c r="AN24" s="281">
        <v>6</v>
      </c>
      <c r="AO24" s="281">
        <v>5</v>
      </c>
      <c r="AP24" s="281">
        <v>4</v>
      </c>
      <c r="AQ24" s="281">
        <v>5</v>
      </c>
      <c r="AR24" s="278">
        <v>29</v>
      </c>
      <c r="AS24" s="283">
        <v>32</v>
      </c>
      <c r="AT24" s="277">
        <v>4</v>
      </c>
      <c r="AU24" s="281">
        <v>8</v>
      </c>
      <c r="AV24" s="278">
        <v>12</v>
      </c>
      <c r="AW24" s="280">
        <v>0</v>
      </c>
      <c r="AX24" s="281">
        <v>70</v>
      </c>
      <c r="AY24" s="281">
        <v>74</v>
      </c>
      <c r="AZ24" s="281">
        <v>57</v>
      </c>
      <c r="BA24" s="281">
        <v>55</v>
      </c>
      <c r="BB24" s="281">
        <v>30</v>
      </c>
      <c r="BC24" s="282">
        <v>286</v>
      </c>
      <c r="BD24" s="283">
        <v>298</v>
      </c>
      <c r="BE24" s="277">
        <v>0</v>
      </c>
      <c r="BF24" s="281">
        <v>0</v>
      </c>
      <c r="BG24" s="278">
        <v>0</v>
      </c>
      <c r="BH24" s="280">
        <v>0</v>
      </c>
      <c r="BI24" s="281">
        <v>109</v>
      </c>
      <c r="BJ24" s="281">
        <v>98</v>
      </c>
      <c r="BK24" s="281">
        <v>45</v>
      </c>
      <c r="BL24" s="281">
        <v>33</v>
      </c>
      <c r="BM24" s="281">
        <v>17</v>
      </c>
      <c r="BN24" s="278">
        <v>302</v>
      </c>
      <c r="BO24" s="283">
        <v>302</v>
      </c>
      <c r="BP24" s="277">
        <v>1</v>
      </c>
      <c r="BQ24" s="281">
        <v>6</v>
      </c>
      <c r="BR24" s="278">
        <v>7</v>
      </c>
      <c r="BS24" s="280">
        <v>0</v>
      </c>
      <c r="BT24" s="281">
        <v>18</v>
      </c>
      <c r="BU24" s="281">
        <v>20</v>
      </c>
      <c r="BV24" s="281">
        <v>17</v>
      </c>
      <c r="BW24" s="281">
        <v>13</v>
      </c>
      <c r="BX24" s="281">
        <v>5</v>
      </c>
      <c r="BY24" s="278">
        <v>73</v>
      </c>
      <c r="BZ24" s="283">
        <v>80</v>
      </c>
      <c r="CA24" s="277">
        <v>0</v>
      </c>
      <c r="CB24" s="281">
        <v>1</v>
      </c>
      <c r="CC24" s="278">
        <v>1</v>
      </c>
      <c r="CD24" s="280">
        <v>0</v>
      </c>
      <c r="CE24" s="281">
        <v>13</v>
      </c>
      <c r="CF24" s="281">
        <v>20</v>
      </c>
      <c r="CG24" s="281">
        <v>23</v>
      </c>
      <c r="CH24" s="281">
        <v>18</v>
      </c>
      <c r="CI24" s="281">
        <v>7</v>
      </c>
      <c r="CJ24" s="278">
        <v>81</v>
      </c>
      <c r="CK24" s="283">
        <v>82</v>
      </c>
      <c r="CL24" s="277">
        <v>0</v>
      </c>
      <c r="CM24" s="281">
        <v>0</v>
      </c>
      <c r="CN24" s="278">
        <v>0</v>
      </c>
      <c r="CO24" s="280">
        <v>0</v>
      </c>
      <c r="CP24" s="281">
        <v>1</v>
      </c>
      <c r="CQ24" s="281">
        <v>1</v>
      </c>
      <c r="CR24" s="281">
        <v>6</v>
      </c>
      <c r="CS24" s="281">
        <v>3</v>
      </c>
      <c r="CT24" s="281">
        <v>2</v>
      </c>
      <c r="CU24" s="278">
        <v>13</v>
      </c>
      <c r="CV24" s="283">
        <v>13</v>
      </c>
      <c r="CW24" s="277">
        <v>0</v>
      </c>
      <c r="CX24" s="281">
        <v>0</v>
      </c>
      <c r="CY24" s="278">
        <v>0</v>
      </c>
      <c r="CZ24" s="280">
        <v>0</v>
      </c>
      <c r="DA24" s="281">
        <v>0</v>
      </c>
      <c r="DB24" s="281">
        <v>0</v>
      </c>
      <c r="DC24" s="281">
        <v>0</v>
      </c>
      <c r="DD24" s="281">
        <v>0</v>
      </c>
      <c r="DE24" s="281">
        <v>0</v>
      </c>
      <c r="DF24" s="278">
        <v>0</v>
      </c>
      <c r="DG24" s="283">
        <v>0</v>
      </c>
      <c r="DH24" s="277">
        <v>0</v>
      </c>
      <c r="DI24" s="281">
        <v>0</v>
      </c>
      <c r="DJ24" s="278">
        <v>0</v>
      </c>
      <c r="DK24" s="280">
        <v>0</v>
      </c>
      <c r="DL24" s="281">
        <v>0</v>
      </c>
      <c r="DM24" s="281">
        <v>0</v>
      </c>
      <c r="DN24" s="281">
        <v>0</v>
      </c>
      <c r="DO24" s="281">
        <v>0</v>
      </c>
      <c r="DP24" s="281">
        <v>0</v>
      </c>
      <c r="DQ24" s="278">
        <v>0</v>
      </c>
      <c r="DR24" s="283">
        <v>0</v>
      </c>
      <c r="DS24" s="277">
        <v>44</v>
      </c>
      <c r="DT24" s="281">
        <v>137</v>
      </c>
      <c r="DU24" s="278">
        <v>181</v>
      </c>
      <c r="DV24" s="280">
        <v>0</v>
      </c>
      <c r="DW24" s="281">
        <v>186</v>
      </c>
      <c r="DX24" s="281">
        <v>233</v>
      </c>
      <c r="DY24" s="281">
        <v>119</v>
      </c>
      <c r="DZ24" s="281">
        <v>95</v>
      </c>
      <c r="EA24" s="281">
        <v>63</v>
      </c>
      <c r="EB24" s="278">
        <v>696</v>
      </c>
      <c r="EC24" s="283">
        <v>877</v>
      </c>
      <c r="ED24" s="277">
        <v>6</v>
      </c>
      <c r="EE24" s="281">
        <v>5</v>
      </c>
      <c r="EF24" s="278">
        <v>11</v>
      </c>
      <c r="EG24" s="280">
        <v>0</v>
      </c>
      <c r="EH24" s="281">
        <v>32</v>
      </c>
      <c r="EI24" s="281">
        <v>27</v>
      </c>
      <c r="EJ24" s="281">
        <v>21</v>
      </c>
      <c r="EK24" s="281">
        <v>24</v>
      </c>
      <c r="EL24" s="281">
        <v>11</v>
      </c>
      <c r="EM24" s="278">
        <v>115</v>
      </c>
      <c r="EN24" s="283">
        <v>126</v>
      </c>
      <c r="EO24" s="277">
        <v>50</v>
      </c>
      <c r="EP24" s="281">
        <v>147</v>
      </c>
      <c r="EQ24" s="278">
        <v>197</v>
      </c>
      <c r="ER24" s="280">
        <v>0</v>
      </c>
      <c r="ES24" s="281">
        <v>342</v>
      </c>
      <c r="ET24" s="281">
        <v>297</v>
      </c>
      <c r="EU24" s="281">
        <v>132</v>
      </c>
      <c r="EV24" s="281">
        <v>97</v>
      </c>
      <c r="EW24" s="281">
        <v>61</v>
      </c>
      <c r="EX24" s="278">
        <v>929</v>
      </c>
      <c r="EY24" s="283">
        <v>1126</v>
      </c>
    </row>
    <row r="25" spans="1:155" ht="19.5" customHeight="1" x14ac:dyDescent="0.2">
      <c r="A25" s="262" t="s">
        <v>23</v>
      </c>
      <c r="B25" s="277">
        <v>0</v>
      </c>
      <c r="C25" s="281">
        <v>0</v>
      </c>
      <c r="D25" s="385">
        <v>0</v>
      </c>
      <c r="E25" s="280">
        <v>0</v>
      </c>
      <c r="F25" s="281">
        <v>111</v>
      </c>
      <c r="G25" s="281">
        <v>122</v>
      </c>
      <c r="H25" s="281">
        <v>53</v>
      </c>
      <c r="I25" s="281">
        <v>49</v>
      </c>
      <c r="J25" s="281">
        <v>35</v>
      </c>
      <c r="K25" s="282">
        <v>370</v>
      </c>
      <c r="L25" s="283">
        <v>370</v>
      </c>
      <c r="M25" s="277">
        <v>0</v>
      </c>
      <c r="N25" s="281">
        <v>0</v>
      </c>
      <c r="O25" s="278">
        <v>0</v>
      </c>
      <c r="P25" s="280">
        <v>0</v>
      </c>
      <c r="Q25" s="281">
        <v>2</v>
      </c>
      <c r="R25" s="281">
        <v>2</v>
      </c>
      <c r="S25" s="281">
        <v>7</v>
      </c>
      <c r="T25" s="281">
        <v>17</v>
      </c>
      <c r="U25" s="281">
        <v>13</v>
      </c>
      <c r="V25" s="278">
        <v>41</v>
      </c>
      <c r="W25" s="283">
        <v>41</v>
      </c>
      <c r="X25" s="277">
        <v>30</v>
      </c>
      <c r="Y25" s="281">
        <v>41</v>
      </c>
      <c r="Z25" s="278">
        <v>71</v>
      </c>
      <c r="AA25" s="280">
        <v>0</v>
      </c>
      <c r="AB25" s="281">
        <v>86</v>
      </c>
      <c r="AC25" s="281">
        <v>125</v>
      </c>
      <c r="AD25" s="281">
        <v>60</v>
      </c>
      <c r="AE25" s="281">
        <v>73</v>
      </c>
      <c r="AF25" s="281">
        <v>36</v>
      </c>
      <c r="AG25" s="278">
        <v>380</v>
      </c>
      <c r="AH25" s="283">
        <v>451</v>
      </c>
      <c r="AI25" s="277">
        <v>2</v>
      </c>
      <c r="AJ25" s="281">
        <v>10</v>
      </c>
      <c r="AK25" s="278">
        <v>12</v>
      </c>
      <c r="AL25" s="280">
        <v>0</v>
      </c>
      <c r="AM25" s="281">
        <v>5</v>
      </c>
      <c r="AN25" s="281">
        <v>21</v>
      </c>
      <c r="AO25" s="281">
        <v>8</v>
      </c>
      <c r="AP25" s="281">
        <v>5</v>
      </c>
      <c r="AQ25" s="281">
        <v>3</v>
      </c>
      <c r="AR25" s="278">
        <v>42</v>
      </c>
      <c r="AS25" s="283">
        <v>54</v>
      </c>
      <c r="AT25" s="277">
        <v>14</v>
      </c>
      <c r="AU25" s="281">
        <v>13</v>
      </c>
      <c r="AV25" s="278">
        <v>27</v>
      </c>
      <c r="AW25" s="280">
        <v>0</v>
      </c>
      <c r="AX25" s="281">
        <v>155</v>
      </c>
      <c r="AY25" s="281">
        <v>156</v>
      </c>
      <c r="AZ25" s="281">
        <v>122</v>
      </c>
      <c r="BA25" s="281">
        <v>143</v>
      </c>
      <c r="BB25" s="281">
        <v>94</v>
      </c>
      <c r="BC25" s="282">
        <v>670</v>
      </c>
      <c r="BD25" s="283">
        <v>697</v>
      </c>
      <c r="BE25" s="277">
        <v>0</v>
      </c>
      <c r="BF25" s="281">
        <v>0</v>
      </c>
      <c r="BG25" s="278">
        <v>0</v>
      </c>
      <c r="BH25" s="280">
        <v>0</v>
      </c>
      <c r="BI25" s="281">
        <v>278</v>
      </c>
      <c r="BJ25" s="281">
        <v>235</v>
      </c>
      <c r="BK25" s="281">
        <v>103</v>
      </c>
      <c r="BL25" s="281">
        <v>84</v>
      </c>
      <c r="BM25" s="281">
        <v>33</v>
      </c>
      <c r="BN25" s="278">
        <v>733</v>
      </c>
      <c r="BO25" s="283">
        <v>733</v>
      </c>
      <c r="BP25" s="277">
        <v>5</v>
      </c>
      <c r="BQ25" s="281">
        <v>11</v>
      </c>
      <c r="BR25" s="278">
        <v>16</v>
      </c>
      <c r="BS25" s="280">
        <v>0</v>
      </c>
      <c r="BT25" s="281">
        <v>42</v>
      </c>
      <c r="BU25" s="281">
        <v>59</v>
      </c>
      <c r="BV25" s="281">
        <v>27</v>
      </c>
      <c r="BW25" s="281">
        <v>20</v>
      </c>
      <c r="BX25" s="281">
        <v>6</v>
      </c>
      <c r="BY25" s="278">
        <v>154</v>
      </c>
      <c r="BZ25" s="283">
        <v>170</v>
      </c>
      <c r="CA25" s="277">
        <v>1</v>
      </c>
      <c r="CB25" s="281">
        <v>1</v>
      </c>
      <c r="CC25" s="278">
        <v>2</v>
      </c>
      <c r="CD25" s="280">
        <v>0</v>
      </c>
      <c r="CE25" s="281">
        <v>22</v>
      </c>
      <c r="CF25" s="281">
        <v>31</v>
      </c>
      <c r="CG25" s="281">
        <v>28</v>
      </c>
      <c r="CH25" s="281">
        <v>36</v>
      </c>
      <c r="CI25" s="281">
        <v>11</v>
      </c>
      <c r="CJ25" s="278">
        <v>128</v>
      </c>
      <c r="CK25" s="283">
        <v>130</v>
      </c>
      <c r="CL25" s="277">
        <v>0</v>
      </c>
      <c r="CM25" s="281">
        <v>0</v>
      </c>
      <c r="CN25" s="278">
        <v>0</v>
      </c>
      <c r="CO25" s="280">
        <v>0</v>
      </c>
      <c r="CP25" s="281">
        <v>2</v>
      </c>
      <c r="CQ25" s="281">
        <v>3</v>
      </c>
      <c r="CR25" s="281">
        <v>0</v>
      </c>
      <c r="CS25" s="281">
        <v>2</v>
      </c>
      <c r="CT25" s="281">
        <v>4</v>
      </c>
      <c r="CU25" s="278">
        <v>11</v>
      </c>
      <c r="CV25" s="283">
        <v>11</v>
      </c>
      <c r="CW25" s="277">
        <v>0</v>
      </c>
      <c r="CX25" s="281">
        <v>0</v>
      </c>
      <c r="CY25" s="278">
        <v>0</v>
      </c>
      <c r="CZ25" s="280">
        <v>0</v>
      </c>
      <c r="DA25" s="281">
        <v>0</v>
      </c>
      <c r="DB25" s="281">
        <v>0</v>
      </c>
      <c r="DC25" s="281">
        <v>0</v>
      </c>
      <c r="DD25" s="281">
        <v>0</v>
      </c>
      <c r="DE25" s="281">
        <v>0</v>
      </c>
      <c r="DF25" s="278">
        <v>0</v>
      </c>
      <c r="DG25" s="283">
        <v>0</v>
      </c>
      <c r="DH25" s="277">
        <v>0</v>
      </c>
      <c r="DI25" s="281">
        <v>0</v>
      </c>
      <c r="DJ25" s="278">
        <v>0</v>
      </c>
      <c r="DK25" s="280">
        <v>0</v>
      </c>
      <c r="DL25" s="281">
        <v>0</v>
      </c>
      <c r="DM25" s="281">
        <v>0</v>
      </c>
      <c r="DN25" s="281">
        <v>0</v>
      </c>
      <c r="DO25" s="281">
        <v>0</v>
      </c>
      <c r="DP25" s="281">
        <v>0</v>
      </c>
      <c r="DQ25" s="278">
        <v>0</v>
      </c>
      <c r="DR25" s="283">
        <v>0</v>
      </c>
      <c r="DS25" s="277">
        <v>86</v>
      </c>
      <c r="DT25" s="281">
        <v>197</v>
      </c>
      <c r="DU25" s="278">
        <v>283</v>
      </c>
      <c r="DV25" s="280">
        <v>0</v>
      </c>
      <c r="DW25" s="281">
        <v>261</v>
      </c>
      <c r="DX25" s="281">
        <v>373</v>
      </c>
      <c r="DY25" s="281">
        <v>185</v>
      </c>
      <c r="DZ25" s="281">
        <v>169</v>
      </c>
      <c r="EA25" s="281">
        <v>74</v>
      </c>
      <c r="EB25" s="278">
        <v>1062</v>
      </c>
      <c r="EC25" s="283">
        <v>1345</v>
      </c>
      <c r="ED25" s="277">
        <v>5</v>
      </c>
      <c r="EE25" s="281">
        <v>5</v>
      </c>
      <c r="EF25" s="278">
        <v>10</v>
      </c>
      <c r="EG25" s="280">
        <v>0</v>
      </c>
      <c r="EH25" s="281">
        <v>50</v>
      </c>
      <c r="EI25" s="281">
        <v>44</v>
      </c>
      <c r="EJ25" s="281">
        <v>43</v>
      </c>
      <c r="EK25" s="281">
        <v>48</v>
      </c>
      <c r="EL25" s="281">
        <v>32</v>
      </c>
      <c r="EM25" s="278">
        <v>217</v>
      </c>
      <c r="EN25" s="283">
        <v>227</v>
      </c>
      <c r="EO25" s="277">
        <v>117</v>
      </c>
      <c r="EP25" s="281">
        <v>232</v>
      </c>
      <c r="EQ25" s="278">
        <v>349</v>
      </c>
      <c r="ER25" s="280">
        <v>0</v>
      </c>
      <c r="ES25" s="281">
        <v>529</v>
      </c>
      <c r="ET25" s="281">
        <v>500</v>
      </c>
      <c r="EU25" s="281">
        <v>227</v>
      </c>
      <c r="EV25" s="281">
        <v>195</v>
      </c>
      <c r="EW25" s="281">
        <v>81</v>
      </c>
      <c r="EX25" s="278">
        <v>1532</v>
      </c>
      <c r="EY25" s="283">
        <v>1881</v>
      </c>
    </row>
    <row r="26" spans="1:155" ht="19.5" customHeight="1" x14ac:dyDescent="0.2">
      <c r="A26" s="262" t="s">
        <v>24</v>
      </c>
      <c r="B26" s="277">
        <v>0</v>
      </c>
      <c r="C26" s="281">
        <v>0</v>
      </c>
      <c r="D26" s="385">
        <v>0</v>
      </c>
      <c r="E26" s="280">
        <v>0</v>
      </c>
      <c r="F26" s="281">
        <v>75</v>
      </c>
      <c r="G26" s="281">
        <v>54</v>
      </c>
      <c r="H26" s="281">
        <v>37</v>
      </c>
      <c r="I26" s="281">
        <v>35</v>
      </c>
      <c r="J26" s="281">
        <v>30</v>
      </c>
      <c r="K26" s="282">
        <v>231</v>
      </c>
      <c r="L26" s="283">
        <v>231</v>
      </c>
      <c r="M26" s="277">
        <v>0</v>
      </c>
      <c r="N26" s="281">
        <v>0</v>
      </c>
      <c r="O26" s="278">
        <v>0</v>
      </c>
      <c r="P26" s="280">
        <v>0</v>
      </c>
      <c r="Q26" s="281">
        <v>2</v>
      </c>
      <c r="R26" s="281">
        <v>3</v>
      </c>
      <c r="S26" s="281">
        <v>3</v>
      </c>
      <c r="T26" s="281">
        <v>7</v>
      </c>
      <c r="U26" s="281">
        <v>24</v>
      </c>
      <c r="V26" s="278">
        <v>39</v>
      </c>
      <c r="W26" s="283">
        <v>39</v>
      </c>
      <c r="X26" s="277">
        <v>8</v>
      </c>
      <c r="Y26" s="281">
        <v>15</v>
      </c>
      <c r="Z26" s="278">
        <v>23</v>
      </c>
      <c r="AA26" s="280">
        <v>0</v>
      </c>
      <c r="AB26" s="281">
        <v>65</v>
      </c>
      <c r="AC26" s="281">
        <v>50</v>
      </c>
      <c r="AD26" s="281">
        <v>42</v>
      </c>
      <c r="AE26" s="281">
        <v>39</v>
      </c>
      <c r="AF26" s="281">
        <v>28</v>
      </c>
      <c r="AG26" s="278">
        <v>224</v>
      </c>
      <c r="AH26" s="283">
        <v>247</v>
      </c>
      <c r="AI26" s="277">
        <v>1</v>
      </c>
      <c r="AJ26" s="281">
        <v>2</v>
      </c>
      <c r="AK26" s="278">
        <v>3</v>
      </c>
      <c r="AL26" s="280">
        <v>0</v>
      </c>
      <c r="AM26" s="281">
        <v>5</v>
      </c>
      <c r="AN26" s="281">
        <v>3</v>
      </c>
      <c r="AO26" s="281">
        <v>1</v>
      </c>
      <c r="AP26" s="281">
        <v>6</v>
      </c>
      <c r="AQ26" s="281">
        <v>5</v>
      </c>
      <c r="AR26" s="278">
        <v>20</v>
      </c>
      <c r="AS26" s="283">
        <v>23</v>
      </c>
      <c r="AT26" s="277">
        <v>17</v>
      </c>
      <c r="AU26" s="281">
        <v>16</v>
      </c>
      <c r="AV26" s="278">
        <v>33</v>
      </c>
      <c r="AW26" s="280">
        <v>0</v>
      </c>
      <c r="AX26" s="281">
        <v>91</v>
      </c>
      <c r="AY26" s="281">
        <v>73</v>
      </c>
      <c r="AZ26" s="281">
        <v>83</v>
      </c>
      <c r="BA26" s="281">
        <v>79</v>
      </c>
      <c r="BB26" s="281">
        <v>64</v>
      </c>
      <c r="BC26" s="282">
        <v>390</v>
      </c>
      <c r="BD26" s="283">
        <v>423</v>
      </c>
      <c r="BE26" s="277">
        <v>0</v>
      </c>
      <c r="BF26" s="281">
        <v>0</v>
      </c>
      <c r="BG26" s="278">
        <v>0</v>
      </c>
      <c r="BH26" s="280">
        <v>0</v>
      </c>
      <c r="BI26" s="281">
        <v>108</v>
      </c>
      <c r="BJ26" s="281">
        <v>65</v>
      </c>
      <c r="BK26" s="281">
        <v>44</v>
      </c>
      <c r="BL26" s="281">
        <v>21</v>
      </c>
      <c r="BM26" s="281">
        <v>6</v>
      </c>
      <c r="BN26" s="278">
        <v>244</v>
      </c>
      <c r="BO26" s="283">
        <v>244</v>
      </c>
      <c r="BP26" s="277">
        <v>11</v>
      </c>
      <c r="BQ26" s="281">
        <v>14</v>
      </c>
      <c r="BR26" s="278">
        <v>25</v>
      </c>
      <c r="BS26" s="280">
        <v>0</v>
      </c>
      <c r="BT26" s="281">
        <v>42</v>
      </c>
      <c r="BU26" s="281">
        <v>31</v>
      </c>
      <c r="BV26" s="281">
        <v>22</v>
      </c>
      <c r="BW26" s="281">
        <v>11</v>
      </c>
      <c r="BX26" s="281">
        <v>12</v>
      </c>
      <c r="BY26" s="278">
        <v>118</v>
      </c>
      <c r="BZ26" s="283">
        <v>143</v>
      </c>
      <c r="CA26" s="277">
        <v>0</v>
      </c>
      <c r="CB26" s="281">
        <v>3</v>
      </c>
      <c r="CC26" s="278">
        <v>3</v>
      </c>
      <c r="CD26" s="280">
        <v>0</v>
      </c>
      <c r="CE26" s="281">
        <v>17</v>
      </c>
      <c r="CF26" s="281">
        <v>19</v>
      </c>
      <c r="CG26" s="281">
        <v>24</v>
      </c>
      <c r="CH26" s="281">
        <v>21</v>
      </c>
      <c r="CI26" s="281">
        <v>12</v>
      </c>
      <c r="CJ26" s="278">
        <v>93</v>
      </c>
      <c r="CK26" s="283">
        <v>96</v>
      </c>
      <c r="CL26" s="277">
        <v>0</v>
      </c>
      <c r="CM26" s="281">
        <v>0</v>
      </c>
      <c r="CN26" s="278">
        <v>0</v>
      </c>
      <c r="CO26" s="280">
        <v>0</v>
      </c>
      <c r="CP26" s="281">
        <v>1</v>
      </c>
      <c r="CQ26" s="281">
        <v>1</v>
      </c>
      <c r="CR26" s="281">
        <v>2</v>
      </c>
      <c r="CS26" s="281">
        <v>3</v>
      </c>
      <c r="CT26" s="281">
        <v>1</v>
      </c>
      <c r="CU26" s="278">
        <v>8</v>
      </c>
      <c r="CV26" s="283">
        <v>8</v>
      </c>
      <c r="CW26" s="277">
        <v>0</v>
      </c>
      <c r="CX26" s="281">
        <v>0</v>
      </c>
      <c r="CY26" s="278">
        <v>0</v>
      </c>
      <c r="CZ26" s="280">
        <v>0</v>
      </c>
      <c r="DA26" s="281">
        <v>0</v>
      </c>
      <c r="DB26" s="281">
        <v>0</v>
      </c>
      <c r="DC26" s="281">
        <v>0</v>
      </c>
      <c r="DD26" s="281">
        <v>0</v>
      </c>
      <c r="DE26" s="281">
        <v>0</v>
      </c>
      <c r="DF26" s="278">
        <v>0</v>
      </c>
      <c r="DG26" s="283">
        <v>0</v>
      </c>
      <c r="DH26" s="277">
        <v>0</v>
      </c>
      <c r="DI26" s="281">
        <v>0</v>
      </c>
      <c r="DJ26" s="278">
        <v>0</v>
      </c>
      <c r="DK26" s="280">
        <v>0</v>
      </c>
      <c r="DL26" s="281">
        <v>0</v>
      </c>
      <c r="DM26" s="281">
        <v>0</v>
      </c>
      <c r="DN26" s="281">
        <v>0</v>
      </c>
      <c r="DO26" s="281">
        <v>0</v>
      </c>
      <c r="DP26" s="281">
        <v>0</v>
      </c>
      <c r="DQ26" s="278">
        <v>0</v>
      </c>
      <c r="DR26" s="283">
        <v>0</v>
      </c>
      <c r="DS26" s="277">
        <v>77</v>
      </c>
      <c r="DT26" s="281">
        <v>73</v>
      </c>
      <c r="DU26" s="278">
        <v>150</v>
      </c>
      <c r="DV26" s="280">
        <v>0</v>
      </c>
      <c r="DW26" s="281">
        <v>163</v>
      </c>
      <c r="DX26" s="281">
        <v>145</v>
      </c>
      <c r="DY26" s="281">
        <v>97</v>
      </c>
      <c r="DZ26" s="281">
        <v>73</v>
      </c>
      <c r="EA26" s="281">
        <v>57</v>
      </c>
      <c r="EB26" s="278">
        <v>535</v>
      </c>
      <c r="EC26" s="283">
        <v>685</v>
      </c>
      <c r="ED26" s="277">
        <v>11</v>
      </c>
      <c r="EE26" s="281">
        <v>8</v>
      </c>
      <c r="EF26" s="278">
        <v>19</v>
      </c>
      <c r="EG26" s="280">
        <v>0</v>
      </c>
      <c r="EH26" s="281">
        <v>34</v>
      </c>
      <c r="EI26" s="281">
        <v>30</v>
      </c>
      <c r="EJ26" s="281">
        <v>27</v>
      </c>
      <c r="EK26" s="281">
        <v>30</v>
      </c>
      <c r="EL26" s="281">
        <v>21</v>
      </c>
      <c r="EM26" s="278">
        <v>142</v>
      </c>
      <c r="EN26" s="283">
        <v>161</v>
      </c>
      <c r="EO26" s="277">
        <v>92</v>
      </c>
      <c r="EP26" s="281">
        <v>87</v>
      </c>
      <c r="EQ26" s="278">
        <v>179</v>
      </c>
      <c r="ER26" s="280">
        <v>0</v>
      </c>
      <c r="ES26" s="281">
        <v>290</v>
      </c>
      <c r="ET26" s="281">
        <v>187</v>
      </c>
      <c r="EU26" s="281">
        <v>121</v>
      </c>
      <c r="EV26" s="281">
        <v>80</v>
      </c>
      <c r="EW26" s="281">
        <v>59</v>
      </c>
      <c r="EX26" s="278">
        <v>737</v>
      </c>
      <c r="EY26" s="283">
        <v>916</v>
      </c>
    </row>
    <row r="27" spans="1:155" ht="19.5" customHeight="1" x14ac:dyDescent="0.2">
      <c r="A27" s="262" t="s">
        <v>25</v>
      </c>
      <c r="B27" s="277">
        <v>0</v>
      </c>
      <c r="C27" s="281">
        <v>0</v>
      </c>
      <c r="D27" s="385">
        <v>0</v>
      </c>
      <c r="E27" s="280">
        <v>0</v>
      </c>
      <c r="F27" s="281">
        <v>100</v>
      </c>
      <c r="G27" s="281">
        <v>53</v>
      </c>
      <c r="H27" s="281">
        <v>35</v>
      </c>
      <c r="I27" s="281">
        <v>43</v>
      </c>
      <c r="J27" s="281">
        <v>30</v>
      </c>
      <c r="K27" s="282">
        <v>261</v>
      </c>
      <c r="L27" s="283">
        <v>261</v>
      </c>
      <c r="M27" s="277">
        <v>0</v>
      </c>
      <c r="N27" s="281">
        <v>0</v>
      </c>
      <c r="O27" s="278">
        <v>0</v>
      </c>
      <c r="P27" s="280">
        <v>0</v>
      </c>
      <c r="Q27" s="281">
        <v>1</v>
      </c>
      <c r="R27" s="281">
        <v>9</v>
      </c>
      <c r="S27" s="281">
        <v>5</v>
      </c>
      <c r="T27" s="281">
        <v>21</v>
      </c>
      <c r="U27" s="281">
        <v>17</v>
      </c>
      <c r="V27" s="278">
        <v>53</v>
      </c>
      <c r="W27" s="283">
        <v>53</v>
      </c>
      <c r="X27" s="277">
        <v>13</v>
      </c>
      <c r="Y27" s="281">
        <v>31</v>
      </c>
      <c r="Z27" s="278">
        <v>44</v>
      </c>
      <c r="AA27" s="280">
        <v>0</v>
      </c>
      <c r="AB27" s="281">
        <v>77</v>
      </c>
      <c r="AC27" s="281">
        <v>55</v>
      </c>
      <c r="AD27" s="281">
        <v>40</v>
      </c>
      <c r="AE27" s="281">
        <v>41</v>
      </c>
      <c r="AF27" s="281">
        <v>22</v>
      </c>
      <c r="AG27" s="278">
        <v>235</v>
      </c>
      <c r="AH27" s="283">
        <v>279</v>
      </c>
      <c r="AI27" s="277">
        <v>2</v>
      </c>
      <c r="AJ27" s="281">
        <v>7</v>
      </c>
      <c r="AK27" s="278">
        <v>9</v>
      </c>
      <c r="AL27" s="280">
        <v>0</v>
      </c>
      <c r="AM27" s="281">
        <v>3</v>
      </c>
      <c r="AN27" s="281">
        <v>6</v>
      </c>
      <c r="AO27" s="281">
        <v>8</v>
      </c>
      <c r="AP27" s="281">
        <v>4</v>
      </c>
      <c r="AQ27" s="281">
        <v>5</v>
      </c>
      <c r="AR27" s="278">
        <v>26</v>
      </c>
      <c r="AS27" s="283">
        <v>35</v>
      </c>
      <c r="AT27" s="277">
        <v>4</v>
      </c>
      <c r="AU27" s="281">
        <v>12</v>
      </c>
      <c r="AV27" s="278">
        <v>16</v>
      </c>
      <c r="AW27" s="280">
        <v>0</v>
      </c>
      <c r="AX27" s="281">
        <v>65</v>
      </c>
      <c r="AY27" s="281">
        <v>60</v>
      </c>
      <c r="AZ27" s="281">
        <v>39</v>
      </c>
      <c r="BA27" s="281">
        <v>70</v>
      </c>
      <c r="BB27" s="281">
        <v>44</v>
      </c>
      <c r="BC27" s="282">
        <v>278</v>
      </c>
      <c r="BD27" s="283">
        <v>294</v>
      </c>
      <c r="BE27" s="277">
        <v>0</v>
      </c>
      <c r="BF27" s="281">
        <v>0</v>
      </c>
      <c r="BG27" s="278">
        <v>0</v>
      </c>
      <c r="BH27" s="280">
        <v>0</v>
      </c>
      <c r="BI27" s="281">
        <v>146</v>
      </c>
      <c r="BJ27" s="281">
        <v>73</v>
      </c>
      <c r="BK27" s="281">
        <v>34</v>
      </c>
      <c r="BL27" s="281">
        <v>39</v>
      </c>
      <c r="BM27" s="281">
        <v>10</v>
      </c>
      <c r="BN27" s="278">
        <v>302</v>
      </c>
      <c r="BO27" s="283">
        <v>302</v>
      </c>
      <c r="BP27" s="277">
        <v>5</v>
      </c>
      <c r="BQ27" s="281">
        <v>13</v>
      </c>
      <c r="BR27" s="278">
        <v>18</v>
      </c>
      <c r="BS27" s="280">
        <v>0</v>
      </c>
      <c r="BT27" s="281">
        <v>38</v>
      </c>
      <c r="BU27" s="281">
        <v>55</v>
      </c>
      <c r="BV27" s="281">
        <v>22</v>
      </c>
      <c r="BW27" s="281">
        <v>17</v>
      </c>
      <c r="BX27" s="281">
        <v>5</v>
      </c>
      <c r="BY27" s="278">
        <v>137</v>
      </c>
      <c r="BZ27" s="283">
        <v>155</v>
      </c>
      <c r="CA27" s="277">
        <v>0</v>
      </c>
      <c r="CB27" s="281">
        <v>2</v>
      </c>
      <c r="CC27" s="278">
        <v>2</v>
      </c>
      <c r="CD27" s="280">
        <v>0</v>
      </c>
      <c r="CE27" s="281">
        <v>15</v>
      </c>
      <c r="CF27" s="281">
        <v>23</v>
      </c>
      <c r="CG27" s="281">
        <v>13</v>
      </c>
      <c r="CH27" s="281">
        <v>16</v>
      </c>
      <c r="CI27" s="281">
        <v>6</v>
      </c>
      <c r="CJ27" s="278">
        <v>73</v>
      </c>
      <c r="CK27" s="283">
        <v>75</v>
      </c>
      <c r="CL27" s="277">
        <v>0</v>
      </c>
      <c r="CM27" s="281">
        <v>0</v>
      </c>
      <c r="CN27" s="278">
        <v>0</v>
      </c>
      <c r="CO27" s="280">
        <v>0</v>
      </c>
      <c r="CP27" s="281">
        <v>3</v>
      </c>
      <c r="CQ27" s="281">
        <v>2</v>
      </c>
      <c r="CR27" s="281">
        <v>1</v>
      </c>
      <c r="CS27" s="281">
        <v>5</v>
      </c>
      <c r="CT27" s="281">
        <v>2</v>
      </c>
      <c r="CU27" s="278">
        <v>13</v>
      </c>
      <c r="CV27" s="283">
        <v>13</v>
      </c>
      <c r="CW27" s="277">
        <v>0</v>
      </c>
      <c r="CX27" s="281">
        <v>0</v>
      </c>
      <c r="CY27" s="278">
        <v>0</v>
      </c>
      <c r="CZ27" s="280">
        <v>0</v>
      </c>
      <c r="DA27" s="281">
        <v>0</v>
      </c>
      <c r="DB27" s="281">
        <v>0</v>
      </c>
      <c r="DC27" s="281">
        <v>0</v>
      </c>
      <c r="DD27" s="281">
        <v>0</v>
      </c>
      <c r="DE27" s="281">
        <v>0</v>
      </c>
      <c r="DF27" s="278">
        <v>0</v>
      </c>
      <c r="DG27" s="283">
        <v>0</v>
      </c>
      <c r="DH27" s="277">
        <v>0</v>
      </c>
      <c r="DI27" s="281">
        <v>0</v>
      </c>
      <c r="DJ27" s="278">
        <v>0</v>
      </c>
      <c r="DK27" s="280">
        <v>0</v>
      </c>
      <c r="DL27" s="281">
        <v>0</v>
      </c>
      <c r="DM27" s="281">
        <v>0</v>
      </c>
      <c r="DN27" s="281">
        <v>0</v>
      </c>
      <c r="DO27" s="281">
        <v>0</v>
      </c>
      <c r="DP27" s="281">
        <v>0</v>
      </c>
      <c r="DQ27" s="278">
        <v>0</v>
      </c>
      <c r="DR27" s="283">
        <v>0</v>
      </c>
      <c r="DS27" s="277">
        <v>64</v>
      </c>
      <c r="DT27" s="281">
        <v>117</v>
      </c>
      <c r="DU27" s="278">
        <v>181</v>
      </c>
      <c r="DV27" s="280">
        <v>0</v>
      </c>
      <c r="DW27" s="281">
        <v>140</v>
      </c>
      <c r="DX27" s="281">
        <v>173</v>
      </c>
      <c r="DY27" s="281">
        <v>96</v>
      </c>
      <c r="DZ27" s="281">
        <v>117</v>
      </c>
      <c r="EA27" s="281">
        <v>49</v>
      </c>
      <c r="EB27" s="278">
        <v>575</v>
      </c>
      <c r="EC27" s="283">
        <v>756</v>
      </c>
      <c r="ED27" s="277">
        <v>2</v>
      </c>
      <c r="EE27" s="281">
        <v>3</v>
      </c>
      <c r="EF27" s="278">
        <v>5</v>
      </c>
      <c r="EG27" s="280">
        <v>0</v>
      </c>
      <c r="EH27" s="281">
        <v>21</v>
      </c>
      <c r="EI27" s="281">
        <v>20</v>
      </c>
      <c r="EJ27" s="281">
        <v>7</v>
      </c>
      <c r="EK27" s="281">
        <v>23</v>
      </c>
      <c r="EL27" s="281">
        <v>12</v>
      </c>
      <c r="EM27" s="278">
        <v>83</v>
      </c>
      <c r="EN27" s="283">
        <v>88</v>
      </c>
      <c r="EO27" s="277">
        <v>76</v>
      </c>
      <c r="EP27" s="281">
        <v>141</v>
      </c>
      <c r="EQ27" s="278">
        <v>217</v>
      </c>
      <c r="ER27" s="280">
        <v>0</v>
      </c>
      <c r="ES27" s="281">
        <v>296</v>
      </c>
      <c r="ET27" s="281">
        <v>197</v>
      </c>
      <c r="EU27" s="281">
        <v>85</v>
      </c>
      <c r="EV27" s="281">
        <v>109</v>
      </c>
      <c r="EW27" s="281">
        <v>53</v>
      </c>
      <c r="EX27" s="278">
        <v>740</v>
      </c>
      <c r="EY27" s="283">
        <v>957</v>
      </c>
    </row>
    <row r="28" spans="1:155" ht="19.5" customHeight="1" x14ac:dyDescent="0.2">
      <c r="A28" s="262" t="s">
        <v>26</v>
      </c>
      <c r="B28" s="277">
        <v>0</v>
      </c>
      <c r="C28" s="281">
        <v>0</v>
      </c>
      <c r="D28" s="385">
        <v>0</v>
      </c>
      <c r="E28" s="280">
        <v>0</v>
      </c>
      <c r="F28" s="281">
        <v>76</v>
      </c>
      <c r="G28" s="281">
        <v>64</v>
      </c>
      <c r="H28" s="281">
        <v>40</v>
      </c>
      <c r="I28" s="281">
        <v>41</v>
      </c>
      <c r="J28" s="281">
        <v>43</v>
      </c>
      <c r="K28" s="282">
        <v>264</v>
      </c>
      <c r="L28" s="283">
        <v>264</v>
      </c>
      <c r="M28" s="277">
        <v>0</v>
      </c>
      <c r="N28" s="281">
        <v>0</v>
      </c>
      <c r="O28" s="278">
        <v>0</v>
      </c>
      <c r="P28" s="280">
        <v>0</v>
      </c>
      <c r="Q28" s="281">
        <v>0</v>
      </c>
      <c r="R28" s="281">
        <v>2</v>
      </c>
      <c r="S28" s="281">
        <v>5</v>
      </c>
      <c r="T28" s="281">
        <v>13</v>
      </c>
      <c r="U28" s="281">
        <v>14</v>
      </c>
      <c r="V28" s="278">
        <v>34</v>
      </c>
      <c r="W28" s="283">
        <v>34</v>
      </c>
      <c r="X28" s="277">
        <v>10</v>
      </c>
      <c r="Y28" s="281">
        <v>21</v>
      </c>
      <c r="Z28" s="278">
        <v>31</v>
      </c>
      <c r="AA28" s="280">
        <v>0</v>
      </c>
      <c r="AB28" s="281">
        <v>61</v>
      </c>
      <c r="AC28" s="281">
        <v>59</v>
      </c>
      <c r="AD28" s="281">
        <v>34</v>
      </c>
      <c r="AE28" s="281">
        <v>36</v>
      </c>
      <c r="AF28" s="281">
        <v>41</v>
      </c>
      <c r="AG28" s="278">
        <v>231</v>
      </c>
      <c r="AH28" s="283">
        <v>262</v>
      </c>
      <c r="AI28" s="277">
        <v>0</v>
      </c>
      <c r="AJ28" s="281">
        <v>0</v>
      </c>
      <c r="AK28" s="278">
        <v>0</v>
      </c>
      <c r="AL28" s="280">
        <v>0</v>
      </c>
      <c r="AM28" s="281">
        <v>6</v>
      </c>
      <c r="AN28" s="281">
        <v>5</v>
      </c>
      <c r="AO28" s="281">
        <v>2</v>
      </c>
      <c r="AP28" s="281">
        <v>1</v>
      </c>
      <c r="AQ28" s="281">
        <v>1</v>
      </c>
      <c r="AR28" s="278">
        <v>15</v>
      </c>
      <c r="AS28" s="283">
        <v>15</v>
      </c>
      <c r="AT28" s="277">
        <v>10</v>
      </c>
      <c r="AU28" s="281">
        <v>5</v>
      </c>
      <c r="AV28" s="278">
        <v>15</v>
      </c>
      <c r="AW28" s="280">
        <v>0</v>
      </c>
      <c r="AX28" s="281">
        <v>58</v>
      </c>
      <c r="AY28" s="281">
        <v>58</v>
      </c>
      <c r="AZ28" s="281">
        <v>59</v>
      </c>
      <c r="BA28" s="281">
        <v>58</v>
      </c>
      <c r="BB28" s="281">
        <v>58</v>
      </c>
      <c r="BC28" s="282">
        <v>291</v>
      </c>
      <c r="BD28" s="283">
        <v>306</v>
      </c>
      <c r="BE28" s="277">
        <v>0</v>
      </c>
      <c r="BF28" s="281">
        <v>0</v>
      </c>
      <c r="BG28" s="278">
        <v>0</v>
      </c>
      <c r="BH28" s="280">
        <v>0</v>
      </c>
      <c r="BI28" s="281">
        <v>103</v>
      </c>
      <c r="BJ28" s="281">
        <v>74</v>
      </c>
      <c r="BK28" s="281">
        <v>48</v>
      </c>
      <c r="BL28" s="281">
        <v>20</v>
      </c>
      <c r="BM28" s="281">
        <v>14</v>
      </c>
      <c r="BN28" s="278">
        <v>259</v>
      </c>
      <c r="BO28" s="283">
        <v>259</v>
      </c>
      <c r="BP28" s="277">
        <v>3</v>
      </c>
      <c r="BQ28" s="281">
        <v>5</v>
      </c>
      <c r="BR28" s="278">
        <v>8</v>
      </c>
      <c r="BS28" s="280">
        <v>0</v>
      </c>
      <c r="BT28" s="281">
        <v>20</v>
      </c>
      <c r="BU28" s="281">
        <v>22</v>
      </c>
      <c r="BV28" s="281">
        <v>15</v>
      </c>
      <c r="BW28" s="281">
        <v>6</v>
      </c>
      <c r="BX28" s="281">
        <v>8</v>
      </c>
      <c r="BY28" s="278">
        <v>71</v>
      </c>
      <c r="BZ28" s="283">
        <v>79</v>
      </c>
      <c r="CA28" s="277">
        <v>0</v>
      </c>
      <c r="CB28" s="281">
        <v>2</v>
      </c>
      <c r="CC28" s="278">
        <v>2</v>
      </c>
      <c r="CD28" s="280">
        <v>0</v>
      </c>
      <c r="CE28" s="281">
        <v>5</v>
      </c>
      <c r="CF28" s="281">
        <v>9</v>
      </c>
      <c r="CG28" s="281">
        <v>13</v>
      </c>
      <c r="CH28" s="281">
        <v>14</v>
      </c>
      <c r="CI28" s="281">
        <v>11</v>
      </c>
      <c r="CJ28" s="278">
        <v>52</v>
      </c>
      <c r="CK28" s="283">
        <v>54</v>
      </c>
      <c r="CL28" s="277">
        <v>0</v>
      </c>
      <c r="CM28" s="281">
        <v>0</v>
      </c>
      <c r="CN28" s="278">
        <v>0</v>
      </c>
      <c r="CO28" s="280">
        <v>0</v>
      </c>
      <c r="CP28" s="281">
        <v>1</v>
      </c>
      <c r="CQ28" s="281">
        <v>3</v>
      </c>
      <c r="CR28" s="281">
        <v>5</v>
      </c>
      <c r="CS28" s="281">
        <v>4</v>
      </c>
      <c r="CT28" s="281">
        <v>3</v>
      </c>
      <c r="CU28" s="278">
        <v>16</v>
      </c>
      <c r="CV28" s="283">
        <v>16</v>
      </c>
      <c r="CW28" s="277">
        <v>0</v>
      </c>
      <c r="CX28" s="281">
        <v>0</v>
      </c>
      <c r="CY28" s="278">
        <v>0</v>
      </c>
      <c r="CZ28" s="280">
        <v>0</v>
      </c>
      <c r="DA28" s="281">
        <v>0</v>
      </c>
      <c r="DB28" s="281">
        <v>0</v>
      </c>
      <c r="DC28" s="281">
        <v>0</v>
      </c>
      <c r="DD28" s="281">
        <v>0</v>
      </c>
      <c r="DE28" s="281">
        <v>0</v>
      </c>
      <c r="DF28" s="278">
        <v>0</v>
      </c>
      <c r="DG28" s="283">
        <v>0</v>
      </c>
      <c r="DH28" s="277">
        <v>0</v>
      </c>
      <c r="DI28" s="281">
        <v>0</v>
      </c>
      <c r="DJ28" s="278">
        <v>0</v>
      </c>
      <c r="DK28" s="280">
        <v>0</v>
      </c>
      <c r="DL28" s="281">
        <v>0</v>
      </c>
      <c r="DM28" s="281">
        <v>0</v>
      </c>
      <c r="DN28" s="281">
        <v>0</v>
      </c>
      <c r="DO28" s="281">
        <v>0</v>
      </c>
      <c r="DP28" s="281">
        <v>0</v>
      </c>
      <c r="DQ28" s="278">
        <v>0</v>
      </c>
      <c r="DR28" s="283">
        <v>0</v>
      </c>
      <c r="DS28" s="277">
        <v>59</v>
      </c>
      <c r="DT28" s="281">
        <v>83</v>
      </c>
      <c r="DU28" s="278">
        <v>142</v>
      </c>
      <c r="DV28" s="280">
        <v>0</v>
      </c>
      <c r="DW28" s="281">
        <v>137</v>
      </c>
      <c r="DX28" s="281">
        <v>165</v>
      </c>
      <c r="DY28" s="281">
        <v>103</v>
      </c>
      <c r="DZ28" s="281">
        <v>76</v>
      </c>
      <c r="EA28" s="281">
        <v>68</v>
      </c>
      <c r="EB28" s="278">
        <v>549</v>
      </c>
      <c r="EC28" s="283">
        <v>691</v>
      </c>
      <c r="ED28" s="277">
        <v>10</v>
      </c>
      <c r="EE28" s="281">
        <v>1</v>
      </c>
      <c r="EF28" s="278">
        <v>11</v>
      </c>
      <c r="EG28" s="280">
        <v>0</v>
      </c>
      <c r="EH28" s="281">
        <v>20</v>
      </c>
      <c r="EI28" s="281">
        <v>23</v>
      </c>
      <c r="EJ28" s="281">
        <v>19</v>
      </c>
      <c r="EK28" s="281">
        <v>18</v>
      </c>
      <c r="EL28" s="281">
        <v>9</v>
      </c>
      <c r="EM28" s="278">
        <v>89</v>
      </c>
      <c r="EN28" s="283">
        <v>100</v>
      </c>
      <c r="EO28" s="277">
        <v>70</v>
      </c>
      <c r="EP28" s="281">
        <v>100</v>
      </c>
      <c r="EQ28" s="278">
        <v>170</v>
      </c>
      <c r="ER28" s="280">
        <v>0</v>
      </c>
      <c r="ES28" s="281">
        <v>258</v>
      </c>
      <c r="ET28" s="281">
        <v>209</v>
      </c>
      <c r="EU28" s="281">
        <v>118</v>
      </c>
      <c r="EV28" s="281">
        <v>80</v>
      </c>
      <c r="EW28" s="281">
        <v>69</v>
      </c>
      <c r="EX28" s="278">
        <v>734</v>
      </c>
      <c r="EY28" s="283">
        <v>904</v>
      </c>
    </row>
    <row r="29" spans="1:155" ht="19.5" customHeight="1" x14ac:dyDescent="0.2">
      <c r="A29" s="262" t="s">
        <v>27</v>
      </c>
      <c r="B29" s="277">
        <v>0</v>
      </c>
      <c r="C29" s="281">
        <v>0</v>
      </c>
      <c r="D29" s="385">
        <v>0</v>
      </c>
      <c r="E29" s="280">
        <v>0</v>
      </c>
      <c r="F29" s="281">
        <v>57</v>
      </c>
      <c r="G29" s="281">
        <v>51</v>
      </c>
      <c r="H29" s="281">
        <v>38</v>
      </c>
      <c r="I29" s="281">
        <v>36</v>
      </c>
      <c r="J29" s="281">
        <v>30</v>
      </c>
      <c r="K29" s="282">
        <v>212</v>
      </c>
      <c r="L29" s="283">
        <v>212</v>
      </c>
      <c r="M29" s="277">
        <v>0</v>
      </c>
      <c r="N29" s="281">
        <v>0</v>
      </c>
      <c r="O29" s="278">
        <v>0</v>
      </c>
      <c r="P29" s="280">
        <v>0</v>
      </c>
      <c r="Q29" s="281">
        <v>0</v>
      </c>
      <c r="R29" s="281">
        <v>2</v>
      </c>
      <c r="S29" s="281">
        <v>5</v>
      </c>
      <c r="T29" s="281">
        <v>14</v>
      </c>
      <c r="U29" s="281">
        <v>15</v>
      </c>
      <c r="V29" s="278">
        <v>36</v>
      </c>
      <c r="W29" s="283">
        <v>36</v>
      </c>
      <c r="X29" s="277">
        <v>23</v>
      </c>
      <c r="Y29" s="281">
        <v>35</v>
      </c>
      <c r="Z29" s="278">
        <v>58</v>
      </c>
      <c r="AA29" s="280">
        <v>0</v>
      </c>
      <c r="AB29" s="281">
        <v>35</v>
      </c>
      <c r="AC29" s="281">
        <v>44</v>
      </c>
      <c r="AD29" s="281">
        <v>31</v>
      </c>
      <c r="AE29" s="281">
        <v>33</v>
      </c>
      <c r="AF29" s="281">
        <v>25</v>
      </c>
      <c r="AG29" s="278">
        <v>168</v>
      </c>
      <c r="AH29" s="283">
        <v>226</v>
      </c>
      <c r="AI29" s="277">
        <v>0</v>
      </c>
      <c r="AJ29" s="281">
        <v>3</v>
      </c>
      <c r="AK29" s="278">
        <v>3</v>
      </c>
      <c r="AL29" s="280">
        <v>0</v>
      </c>
      <c r="AM29" s="281">
        <v>0</v>
      </c>
      <c r="AN29" s="281">
        <v>1</v>
      </c>
      <c r="AO29" s="281">
        <v>1</v>
      </c>
      <c r="AP29" s="281">
        <v>0</v>
      </c>
      <c r="AQ29" s="281">
        <v>0</v>
      </c>
      <c r="AR29" s="278">
        <v>2</v>
      </c>
      <c r="AS29" s="283">
        <v>5</v>
      </c>
      <c r="AT29" s="277">
        <v>13</v>
      </c>
      <c r="AU29" s="281">
        <v>16</v>
      </c>
      <c r="AV29" s="278">
        <v>29</v>
      </c>
      <c r="AW29" s="280">
        <v>0</v>
      </c>
      <c r="AX29" s="281">
        <v>63</v>
      </c>
      <c r="AY29" s="281">
        <v>53</v>
      </c>
      <c r="AZ29" s="281">
        <v>70</v>
      </c>
      <c r="BA29" s="281">
        <v>72</v>
      </c>
      <c r="BB29" s="281">
        <v>40</v>
      </c>
      <c r="BC29" s="282">
        <v>298</v>
      </c>
      <c r="BD29" s="283">
        <v>327</v>
      </c>
      <c r="BE29" s="277">
        <v>0</v>
      </c>
      <c r="BF29" s="281">
        <v>0</v>
      </c>
      <c r="BG29" s="278">
        <v>0</v>
      </c>
      <c r="BH29" s="280">
        <v>0</v>
      </c>
      <c r="BI29" s="281">
        <v>103</v>
      </c>
      <c r="BJ29" s="281">
        <v>77</v>
      </c>
      <c r="BK29" s="281">
        <v>39</v>
      </c>
      <c r="BL29" s="281">
        <v>27</v>
      </c>
      <c r="BM29" s="281">
        <v>13</v>
      </c>
      <c r="BN29" s="278">
        <v>259</v>
      </c>
      <c r="BO29" s="283">
        <v>259</v>
      </c>
      <c r="BP29" s="277">
        <v>10</v>
      </c>
      <c r="BQ29" s="281">
        <v>28</v>
      </c>
      <c r="BR29" s="278">
        <v>38</v>
      </c>
      <c r="BS29" s="280">
        <v>0</v>
      </c>
      <c r="BT29" s="281">
        <v>19</v>
      </c>
      <c r="BU29" s="281">
        <v>23</v>
      </c>
      <c r="BV29" s="281">
        <v>13</v>
      </c>
      <c r="BW29" s="281">
        <v>5</v>
      </c>
      <c r="BX29" s="281">
        <v>6</v>
      </c>
      <c r="BY29" s="278">
        <v>66</v>
      </c>
      <c r="BZ29" s="283">
        <v>104</v>
      </c>
      <c r="CA29" s="277">
        <v>0</v>
      </c>
      <c r="CB29" s="281">
        <v>1</v>
      </c>
      <c r="CC29" s="278">
        <v>1</v>
      </c>
      <c r="CD29" s="280">
        <v>0</v>
      </c>
      <c r="CE29" s="281">
        <v>11</v>
      </c>
      <c r="CF29" s="281">
        <v>13</v>
      </c>
      <c r="CG29" s="281">
        <v>13</v>
      </c>
      <c r="CH29" s="281">
        <v>13</v>
      </c>
      <c r="CI29" s="281">
        <v>5</v>
      </c>
      <c r="CJ29" s="278">
        <v>55</v>
      </c>
      <c r="CK29" s="283">
        <v>56</v>
      </c>
      <c r="CL29" s="277">
        <v>0</v>
      </c>
      <c r="CM29" s="281">
        <v>2</v>
      </c>
      <c r="CN29" s="278">
        <v>2</v>
      </c>
      <c r="CO29" s="280">
        <v>0</v>
      </c>
      <c r="CP29" s="281">
        <v>5</v>
      </c>
      <c r="CQ29" s="281">
        <v>1</v>
      </c>
      <c r="CR29" s="281">
        <v>1</v>
      </c>
      <c r="CS29" s="281">
        <v>4</v>
      </c>
      <c r="CT29" s="281">
        <v>2</v>
      </c>
      <c r="CU29" s="278">
        <v>13</v>
      </c>
      <c r="CV29" s="283">
        <v>15</v>
      </c>
      <c r="CW29" s="277">
        <v>0</v>
      </c>
      <c r="CX29" s="281">
        <v>0</v>
      </c>
      <c r="CY29" s="278">
        <v>0</v>
      </c>
      <c r="CZ29" s="280">
        <v>0</v>
      </c>
      <c r="DA29" s="281">
        <v>0</v>
      </c>
      <c r="DB29" s="281">
        <v>0</v>
      </c>
      <c r="DC29" s="281">
        <v>0</v>
      </c>
      <c r="DD29" s="281">
        <v>0</v>
      </c>
      <c r="DE29" s="281">
        <v>0</v>
      </c>
      <c r="DF29" s="278">
        <v>0</v>
      </c>
      <c r="DG29" s="283">
        <v>0</v>
      </c>
      <c r="DH29" s="277">
        <v>0</v>
      </c>
      <c r="DI29" s="281">
        <v>0</v>
      </c>
      <c r="DJ29" s="278">
        <v>0</v>
      </c>
      <c r="DK29" s="280">
        <v>0</v>
      </c>
      <c r="DL29" s="281">
        <v>0</v>
      </c>
      <c r="DM29" s="281">
        <v>0</v>
      </c>
      <c r="DN29" s="281">
        <v>0</v>
      </c>
      <c r="DO29" s="281">
        <v>0</v>
      </c>
      <c r="DP29" s="281">
        <v>0</v>
      </c>
      <c r="DQ29" s="278">
        <v>0</v>
      </c>
      <c r="DR29" s="283">
        <v>0</v>
      </c>
      <c r="DS29" s="277">
        <v>75</v>
      </c>
      <c r="DT29" s="281">
        <v>118</v>
      </c>
      <c r="DU29" s="278">
        <v>193</v>
      </c>
      <c r="DV29" s="280">
        <v>0</v>
      </c>
      <c r="DW29" s="281">
        <v>63</v>
      </c>
      <c r="DX29" s="281">
        <v>144</v>
      </c>
      <c r="DY29" s="281">
        <v>89</v>
      </c>
      <c r="DZ29" s="281">
        <v>62</v>
      </c>
      <c r="EA29" s="281">
        <v>44</v>
      </c>
      <c r="EB29" s="278">
        <v>402</v>
      </c>
      <c r="EC29" s="283">
        <v>595</v>
      </c>
      <c r="ED29" s="277">
        <v>14</v>
      </c>
      <c r="EE29" s="281">
        <v>14</v>
      </c>
      <c r="EF29" s="278">
        <v>28</v>
      </c>
      <c r="EG29" s="280">
        <v>0</v>
      </c>
      <c r="EH29" s="281">
        <v>32</v>
      </c>
      <c r="EI29" s="281">
        <v>30</v>
      </c>
      <c r="EJ29" s="281">
        <v>35</v>
      </c>
      <c r="EK29" s="281">
        <v>39</v>
      </c>
      <c r="EL29" s="281">
        <v>12</v>
      </c>
      <c r="EM29" s="278">
        <v>148</v>
      </c>
      <c r="EN29" s="283">
        <v>176</v>
      </c>
      <c r="EO29" s="277">
        <v>98</v>
      </c>
      <c r="EP29" s="281">
        <v>143</v>
      </c>
      <c r="EQ29" s="278">
        <v>241</v>
      </c>
      <c r="ER29" s="280">
        <v>0</v>
      </c>
      <c r="ES29" s="281">
        <v>188</v>
      </c>
      <c r="ET29" s="281">
        <v>179</v>
      </c>
      <c r="EU29" s="281">
        <v>104</v>
      </c>
      <c r="EV29" s="281">
        <v>70</v>
      </c>
      <c r="EW29" s="281">
        <v>44</v>
      </c>
      <c r="EX29" s="278">
        <v>585</v>
      </c>
      <c r="EY29" s="283">
        <v>826</v>
      </c>
    </row>
    <row r="30" spans="1:155" ht="19.5" customHeight="1" x14ac:dyDescent="0.2">
      <c r="A30" s="262" t="s">
        <v>28</v>
      </c>
      <c r="B30" s="277">
        <v>0</v>
      </c>
      <c r="C30" s="281">
        <v>0</v>
      </c>
      <c r="D30" s="385">
        <v>0</v>
      </c>
      <c r="E30" s="280">
        <v>0</v>
      </c>
      <c r="F30" s="281">
        <v>14</v>
      </c>
      <c r="G30" s="281">
        <v>15</v>
      </c>
      <c r="H30" s="281">
        <v>4</v>
      </c>
      <c r="I30" s="281">
        <v>8</v>
      </c>
      <c r="J30" s="281">
        <v>12</v>
      </c>
      <c r="K30" s="282">
        <v>53</v>
      </c>
      <c r="L30" s="283">
        <v>53</v>
      </c>
      <c r="M30" s="277">
        <v>0</v>
      </c>
      <c r="N30" s="281">
        <v>0</v>
      </c>
      <c r="O30" s="278">
        <v>0</v>
      </c>
      <c r="P30" s="280">
        <v>0</v>
      </c>
      <c r="Q30" s="281">
        <v>0</v>
      </c>
      <c r="R30" s="281">
        <v>0</v>
      </c>
      <c r="S30" s="281">
        <v>1</v>
      </c>
      <c r="T30" s="281">
        <v>2</v>
      </c>
      <c r="U30" s="281">
        <v>3</v>
      </c>
      <c r="V30" s="278">
        <v>6</v>
      </c>
      <c r="W30" s="283">
        <v>6</v>
      </c>
      <c r="X30" s="277">
        <v>2</v>
      </c>
      <c r="Y30" s="281">
        <v>3</v>
      </c>
      <c r="Z30" s="278">
        <v>5</v>
      </c>
      <c r="AA30" s="280">
        <v>0</v>
      </c>
      <c r="AB30" s="281">
        <v>8</v>
      </c>
      <c r="AC30" s="281">
        <v>22</v>
      </c>
      <c r="AD30" s="281">
        <v>9</v>
      </c>
      <c r="AE30" s="281">
        <v>11</v>
      </c>
      <c r="AF30" s="281">
        <v>13</v>
      </c>
      <c r="AG30" s="278">
        <v>63</v>
      </c>
      <c r="AH30" s="283">
        <v>68</v>
      </c>
      <c r="AI30" s="277">
        <v>0</v>
      </c>
      <c r="AJ30" s="281">
        <v>0</v>
      </c>
      <c r="AK30" s="278">
        <v>0</v>
      </c>
      <c r="AL30" s="280">
        <v>0</v>
      </c>
      <c r="AM30" s="281">
        <v>5</v>
      </c>
      <c r="AN30" s="281">
        <v>0</v>
      </c>
      <c r="AO30" s="281">
        <v>0</v>
      </c>
      <c r="AP30" s="281">
        <v>1</v>
      </c>
      <c r="AQ30" s="281">
        <v>2</v>
      </c>
      <c r="AR30" s="278">
        <v>8</v>
      </c>
      <c r="AS30" s="283">
        <v>8</v>
      </c>
      <c r="AT30" s="277">
        <v>1</v>
      </c>
      <c r="AU30" s="281">
        <v>1</v>
      </c>
      <c r="AV30" s="278">
        <v>2</v>
      </c>
      <c r="AW30" s="280">
        <v>0</v>
      </c>
      <c r="AX30" s="281">
        <v>11</v>
      </c>
      <c r="AY30" s="281">
        <v>26</v>
      </c>
      <c r="AZ30" s="281">
        <v>19</v>
      </c>
      <c r="BA30" s="281">
        <v>16</v>
      </c>
      <c r="BB30" s="281">
        <v>19</v>
      </c>
      <c r="BC30" s="282">
        <v>91</v>
      </c>
      <c r="BD30" s="283">
        <v>93</v>
      </c>
      <c r="BE30" s="277">
        <v>0</v>
      </c>
      <c r="BF30" s="281">
        <v>0</v>
      </c>
      <c r="BG30" s="278">
        <v>0</v>
      </c>
      <c r="BH30" s="280">
        <v>0</v>
      </c>
      <c r="BI30" s="281">
        <v>29</v>
      </c>
      <c r="BJ30" s="281">
        <v>32</v>
      </c>
      <c r="BK30" s="281">
        <v>16</v>
      </c>
      <c r="BL30" s="281">
        <v>11</v>
      </c>
      <c r="BM30" s="281">
        <v>6</v>
      </c>
      <c r="BN30" s="278">
        <v>94</v>
      </c>
      <c r="BO30" s="283">
        <v>94</v>
      </c>
      <c r="BP30" s="277">
        <v>0</v>
      </c>
      <c r="BQ30" s="281">
        <v>4</v>
      </c>
      <c r="BR30" s="278">
        <v>4</v>
      </c>
      <c r="BS30" s="280">
        <v>0</v>
      </c>
      <c r="BT30" s="281">
        <v>4</v>
      </c>
      <c r="BU30" s="281">
        <v>12</v>
      </c>
      <c r="BV30" s="281">
        <v>6</v>
      </c>
      <c r="BW30" s="281">
        <v>8</v>
      </c>
      <c r="BX30" s="281">
        <v>7</v>
      </c>
      <c r="BY30" s="278">
        <v>37</v>
      </c>
      <c r="BZ30" s="283">
        <v>41</v>
      </c>
      <c r="CA30" s="277">
        <v>0</v>
      </c>
      <c r="CB30" s="281">
        <v>1</v>
      </c>
      <c r="CC30" s="278">
        <v>1</v>
      </c>
      <c r="CD30" s="280">
        <v>0</v>
      </c>
      <c r="CE30" s="281">
        <v>1</v>
      </c>
      <c r="CF30" s="281">
        <v>4</v>
      </c>
      <c r="CG30" s="281">
        <v>10</v>
      </c>
      <c r="CH30" s="281">
        <v>5</v>
      </c>
      <c r="CI30" s="281">
        <v>4</v>
      </c>
      <c r="CJ30" s="278">
        <v>24</v>
      </c>
      <c r="CK30" s="283">
        <v>25</v>
      </c>
      <c r="CL30" s="277">
        <v>0</v>
      </c>
      <c r="CM30" s="281">
        <v>0</v>
      </c>
      <c r="CN30" s="278">
        <v>0</v>
      </c>
      <c r="CO30" s="280">
        <v>0</v>
      </c>
      <c r="CP30" s="281">
        <v>1</v>
      </c>
      <c r="CQ30" s="281">
        <v>2</v>
      </c>
      <c r="CR30" s="281">
        <v>2</v>
      </c>
      <c r="CS30" s="281">
        <v>2</v>
      </c>
      <c r="CT30" s="281">
        <v>1</v>
      </c>
      <c r="CU30" s="278">
        <v>8</v>
      </c>
      <c r="CV30" s="283">
        <v>8</v>
      </c>
      <c r="CW30" s="277">
        <v>0</v>
      </c>
      <c r="CX30" s="281">
        <v>0</v>
      </c>
      <c r="CY30" s="278">
        <v>0</v>
      </c>
      <c r="CZ30" s="280">
        <v>0</v>
      </c>
      <c r="DA30" s="281">
        <v>0</v>
      </c>
      <c r="DB30" s="281">
        <v>0</v>
      </c>
      <c r="DC30" s="281">
        <v>0</v>
      </c>
      <c r="DD30" s="281">
        <v>0</v>
      </c>
      <c r="DE30" s="281">
        <v>0</v>
      </c>
      <c r="DF30" s="278">
        <v>0</v>
      </c>
      <c r="DG30" s="283">
        <v>0</v>
      </c>
      <c r="DH30" s="277">
        <v>0</v>
      </c>
      <c r="DI30" s="281">
        <v>0</v>
      </c>
      <c r="DJ30" s="278">
        <v>0</v>
      </c>
      <c r="DK30" s="280">
        <v>0</v>
      </c>
      <c r="DL30" s="281">
        <v>0</v>
      </c>
      <c r="DM30" s="281">
        <v>0</v>
      </c>
      <c r="DN30" s="281">
        <v>0</v>
      </c>
      <c r="DO30" s="281">
        <v>0</v>
      </c>
      <c r="DP30" s="281">
        <v>0</v>
      </c>
      <c r="DQ30" s="278">
        <v>0</v>
      </c>
      <c r="DR30" s="283">
        <v>0</v>
      </c>
      <c r="DS30" s="277">
        <v>6</v>
      </c>
      <c r="DT30" s="281">
        <v>14</v>
      </c>
      <c r="DU30" s="278">
        <v>20</v>
      </c>
      <c r="DV30" s="280">
        <v>0</v>
      </c>
      <c r="DW30" s="281">
        <v>32</v>
      </c>
      <c r="DX30" s="281">
        <v>67</v>
      </c>
      <c r="DY30" s="281">
        <v>28</v>
      </c>
      <c r="DZ30" s="281">
        <v>25</v>
      </c>
      <c r="EA30" s="281">
        <v>21</v>
      </c>
      <c r="EB30" s="278">
        <v>173</v>
      </c>
      <c r="EC30" s="283">
        <v>193</v>
      </c>
      <c r="ED30" s="277">
        <v>0</v>
      </c>
      <c r="EE30" s="281">
        <v>0</v>
      </c>
      <c r="EF30" s="278">
        <v>0</v>
      </c>
      <c r="EG30" s="280">
        <v>0</v>
      </c>
      <c r="EH30" s="281">
        <v>6</v>
      </c>
      <c r="EI30" s="281">
        <v>6</v>
      </c>
      <c r="EJ30" s="281">
        <v>5</v>
      </c>
      <c r="EK30" s="281">
        <v>5</v>
      </c>
      <c r="EL30" s="281">
        <v>3</v>
      </c>
      <c r="EM30" s="278">
        <v>25</v>
      </c>
      <c r="EN30" s="283">
        <v>25</v>
      </c>
      <c r="EO30" s="277">
        <v>7</v>
      </c>
      <c r="EP30" s="281">
        <v>17</v>
      </c>
      <c r="EQ30" s="278">
        <v>24</v>
      </c>
      <c r="ER30" s="280">
        <v>0</v>
      </c>
      <c r="ES30" s="281">
        <v>75</v>
      </c>
      <c r="ET30" s="281">
        <v>85</v>
      </c>
      <c r="EU30" s="281">
        <v>37</v>
      </c>
      <c r="EV30" s="281">
        <v>27</v>
      </c>
      <c r="EW30" s="281">
        <v>20</v>
      </c>
      <c r="EX30" s="278">
        <v>244</v>
      </c>
      <c r="EY30" s="283">
        <v>268</v>
      </c>
    </row>
    <row r="31" spans="1:155" ht="19.5" customHeight="1" x14ac:dyDescent="0.2">
      <c r="A31" s="262" t="s">
        <v>29</v>
      </c>
      <c r="B31" s="277">
        <v>0</v>
      </c>
      <c r="C31" s="281">
        <v>0</v>
      </c>
      <c r="D31" s="385">
        <v>0</v>
      </c>
      <c r="E31" s="280">
        <v>0</v>
      </c>
      <c r="F31" s="281">
        <v>21</v>
      </c>
      <c r="G31" s="281">
        <v>27</v>
      </c>
      <c r="H31" s="281">
        <v>13</v>
      </c>
      <c r="I31" s="281">
        <v>15</v>
      </c>
      <c r="J31" s="281">
        <v>9</v>
      </c>
      <c r="K31" s="282">
        <v>85</v>
      </c>
      <c r="L31" s="283">
        <v>85</v>
      </c>
      <c r="M31" s="277">
        <v>0</v>
      </c>
      <c r="N31" s="281">
        <v>0</v>
      </c>
      <c r="O31" s="278">
        <v>0</v>
      </c>
      <c r="P31" s="280">
        <v>0</v>
      </c>
      <c r="Q31" s="281">
        <v>1</v>
      </c>
      <c r="R31" s="281">
        <v>5</v>
      </c>
      <c r="S31" s="281">
        <v>1</v>
      </c>
      <c r="T31" s="281">
        <v>1</v>
      </c>
      <c r="U31" s="281">
        <v>4</v>
      </c>
      <c r="V31" s="278">
        <v>12</v>
      </c>
      <c r="W31" s="283">
        <v>12</v>
      </c>
      <c r="X31" s="277">
        <v>1</v>
      </c>
      <c r="Y31" s="281">
        <v>5</v>
      </c>
      <c r="Z31" s="278">
        <v>6</v>
      </c>
      <c r="AA31" s="280">
        <v>0</v>
      </c>
      <c r="AB31" s="281">
        <v>14</v>
      </c>
      <c r="AC31" s="281">
        <v>17</v>
      </c>
      <c r="AD31" s="281">
        <v>15</v>
      </c>
      <c r="AE31" s="281">
        <v>9</v>
      </c>
      <c r="AF31" s="281">
        <v>7</v>
      </c>
      <c r="AG31" s="278">
        <v>62</v>
      </c>
      <c r="AH31" s="283">
        <v>68</v>
      </c>
      <c r="AI31" s="277">
        <v>0</v>
      </c>
      <c r="AJ31" s="281">
        <v>1</v>
      </c>
      <c r="AK31" s="278">
        <v>1</v>
      </c>
      <c r="AL31" s="280">
        <v>0</v>
      </c>
      <c r="AM31" s="281">
        <v>2</v>
      </c>
      <c r="AN31" s="281">
        <v>2</v>
      </c>
      <c r="AO31" s="281">
        <v>0</v>
      </c>
      <c r="AP31" s="281">
        <v>3</v>
      </c>
      <c r="AQ31" s="281">
        <v>0</v>
      </c>
      <c r="AR31" s="278">
        <v>7</v>
      </c>
      <c r="AS31" s="283">
        <v>8</v>
      </c>
      <c r="AT31" s="277">
        <v>3</v>
      </c>
      <c r="AU31" s="281">
        <v>2</v>
      </c>
      <c r="AV31" s="278">
        <v>5</v>
      </c>
      <c r="AW31" s="280">
        <v>0</v>
      </c>
      <c r="AX31" s="281">
        <v>11</v>
      </c>
      <c r="AY31" s="281">
        <v>21</v>
      </c>
      <c r="AZ31" s="281">
        <v>8</v>
      </c>
      <c r="BA31" s="281">
        <v>21</v>
      </c>
      <c r="BB31" s="281">
        <v>11</v>
      </c>
      <c r="BC31" s="282">
        <v>72</v>
      </c>
      <c r="BD31" s="283">
        <v>77</v>
      </c>
      <c r="BE31" s="277">
        <v>0</v>
      </c>
      <c r="BF31" s="281">
        <v>0</v>
      </c>
      <c r="BG31" s="278">
        <v>0</v>
      </c>
      <c r="BH31" s="280">
        <v>0</v>
      </c>
      <c r="BI31" s="281">
        <v>36</v>
      </c>
      <c r="BJ31" s="281">
        <v>35</v>
      </c>
      <c r="BK31" s="281">
        <v>23</v>
      </c>
      <c r="BL31" s="281">
        <v>14</v>
      </c>
      <c r="BM31" s="281">
        <v>8</v>
      </c>
      <c r="BN31" s="278">
        <v>116</v>
      </c>
      <c r="BO31" s="283">
        <v>116</v>
      </c>
      <c r="BP31" s="277">
        <v>2</v>
      </c>
      <c r="BQ31" s="281">
        <v>3</v>
      </c>
      <c r="BR31" s="278">
        <v>5</v>
      </c>
      <c r="BS31" s="280">
        <v>0</v>
      </c>
      <c r="BT31" s="281">
        <v>11</v>
      </c>
      <c r="BU31" s="281">
        <v>12</v>
      </c>
      <c r="BV31" s="281">
        <v>5</v>
      </c>
      <c r="BW31" s="281">
        <v>5</v>
      </c>
      <c r="BX31" s="281">
        <v>5</v>
      </c>
      <c r="BY31" s="278">
        <v>38</v>
      </c>
      <c r="BZ31" s="283">
        <v>43</v>
      </c>
      <c r="CA31" s="277">
        <v>0</v>
      </c>
      <c r="CB31" s="281">
        <v>0</v>
      </c>
      <c r="CC31" s="278">
        <v>0</v>
      </c>
      <c r="CD31" s="280">
        <v>0</v>
      </c>
      <c r="CE31" s="281">
        <v>2</v>
      </c>
      <c r="CF31" s="281">
        <v>7</v>
      </c>
      <c r="CG31" s="281">
        <v>12</v>
      </c>
      <c r="CH31" s="281">
        <v>4</v>
      </c>
      <c r="CI31" s="281">
        <v>8</v>
      </c>
      <c r="CJ31" s="278">
        <v>33</v>
      </c>
      <c r="CK31" s="283">
        <v>33</v>
      </c>
      <c r="CL31" s="277">
        <v>0</v>
      </c>
      <c r="CM31" s="281">
        <v>0</v>
      </c>
      <c r="CN31" s="278">
        <v>0</v>
      </c>
      <c r="CO31" s="280">
        <v>0</v>
      </c>
      <c r="CP31" s="281">
        <v>0</v>
      </c>
      <c r="CQ31" s="281">
        <v>1</v>
      </c>
      <c r="CR31" s="281">
        <v>1</v>
      </c>
      <c r="CS31" s="281">
        <v>1</v>
      </c>
      <c r="CT31" s="281">
        <v>2</v>
      </c>
      <c r="CU31" s="278">
        <v>5</v>
      </c>
      <c r="CV31" s="283">
        <v>5</v>
      </c>
      <c r="CW31" s="277">
        <v>0</v>
      </c>
      <c r="CX31" s="281">
        <v>0</v>
      </c>
      <c r="CY31" s="278">
        <v>0</v>
      </c>
      <c r="CZ31" s="280">
        <v>0</v>
      </c>
      <c r="DA31" s="281">
        <v>0</v>
      </c>
      <c r="DB31" s="281">
        <v>0</v>
      </c>
      <c r="DC31" s="281">
        <v>0</v>
      </c>
      <c r="DD31" s="281">
        <v>0</v>
      </c>
      <c r="DE31" s="281">
        <v>0</v>
      </c>
      <c r="DF31" s="278">
        <v>0</v>
      </c>
      <c r="DG31" s="283">
        <v>0</v>
      </c>
      <c r="DH31" s="277">
        <v>0</v>
      </c>
      <c r="DI31" s="281">
        <v>0</v>
      </c>
      <c r="DJ31" s="278">
        <v>0</v>
      </c>
      <c r="DK31" s="280">
        <v>0</v>
      </c>
      <c r="DL31" s="281">
        <v>0</v>
      </c>
      <c r="DM31" s="281">
        <v>0</v>
      </c>
      <c r="DN31" s="281">
        <v>0</v>
      </c>
      <c r="DO31" s="281">
        <v>0</v>
      </c>
      <c r="DP31" s="281">
        <v>0</v>
      </c>
      <c r="DQ31" s="278">
        <v>0</v>
      </c>
      <c r="DR31" s="283">
        <v>0</v>
      </c>
      <c r="DS31" s="277">
        <v>24</v>
      </c>
      <c r="DT31" s="281">
        <v>29</v>
      </c>
      <c r="DU31" s="278">
        <v>53</v>
      </c>
      <c r="DV31" s="280">
        <v>0</v>
      </c>
      <c r="DW31" s="281">
        <v>34</v>
      </c>
      <c r="DX31" s="281">
        <v>60</v>
      </c>
      <c r="DY31" s="281">
        <v>34</v>
      </c>
      <c r="DZ31" s="281">
        <v>36</v>
      </c>
      <c r="EA31" s="281">
        <v>24</v>
      </c>
      <c r="EB31" s="278">
        <v>188</v>
      </c>
      <c r="EC31" s="283">
        <v>241</v>
      </c>
      <c r="ED31" s="277">
        <v>0</v>
      </c>
      <c r="EE31" s="281">
        <v>0</v>
      </c>
      <c r="EF31" s="278">
        <v>0</v>
      </c>
      <c r="EG31" s="280">
        <v>0</v>
      </c>
      <c r="EH31" s="281">
        <v>6</v>
      </c>
      <c r="EI31" s="281">
        <v>11</v>
      </c>
      <c r="EJ31" s="281">
        <v>3</v>
      </c>
      <c r="EK31" s="281">
        <v>5</v>
      </c>
      <c r="EL31" s="281">
        <v>4</v>
      </c>
      <c r="EM31" s="278">
        <v>29</v>
      </c>
      <c r="EN31" s="283">
        <v>29</v>
      </c>
      <c r="EO31" s="277">
        <v>25</v>
      </c>
      <c r="EP31" s="281">
        <v>35</v>
      </c>
      <c r="EQ31" s="278">
        <v>60</v>
      </c>
      <c r="ER31" s="280">
        <v>0</v>
      </c>
      <c r="ES31" s="281">
        <v>75</v>
      </c>
      <c r="ET31" s="281">
        <v>90</v>
      </c>
      <c r="EU31" s="281">
        <v>44</v>
      </c>
      <c r="EV31" s="281">
        <v>36</v>
      </c>
      <c r="EW31" s="281">
        <v>24</v>
      </c>
      <c r="EX31" s="278">
        <v>269</v>
      </c>
      <c r="EY31" s="283">
        <v>329</v>
      </c>
    </row>
    <row r="32" spans="1:155" ht="19.5" customHeight="1" x14ac:dyDescent="0.2">
      <c r="A32" s="262" t="s">
        <v>30</v>
      </c>
      <c r="B32" s="277">
        <v>0</v>
      </c>
      <c r="C32" s="281">
        <v>0</v>
      </c>
      <c r="D32" s="385">
        <v>0</v>
      </c>
      <c r="E32" s="280">
        <v>0</v>
      </c>
      <c r="F32" s="281">
        <v>21</v>
      </c>
      <c r="G32" s="281">
        <v>20</v>
      </c>
      <c r="H32" s="281">
        <v>18</v>
      </c>
      <c r="I32" s="281">
        <v>13</v>
      </c>
      <c r="J32" s="281">
        <v>7</v>
      </c>
      <c r="K32" s="282">
        <v>79</v>
      </c>
      <c r="L32" s="283">
        <v>79</v>
      </c>
      <c r="M32" s="277">
        <v>0</v>
      </c>
      <c r="N32" s="281">
        <v>0</v>
      </c>
      <c r="O32" s="278">
        <v>0</v>
      </c>
      <c r="P32" s="280">
        <v>0</v>
      </c>
      <c r="Q32" s="281">
        <v>1</v>
      </c>
      <c r="R32" s="281">
        <v>1</v>
      </c>
      <c r="S32" s="281">
        <v>3</v>
      </c>
      <c r="T32" s="281">
        <v>7</v>
      </c>
      <c r="U32" s="281">
        <v>7</v>
      </c>
      <c r="V32" s="278">
        <v>19</v>
      </c>
      <c r="W32" s="283">
        <v>19</v>
      </c>
      <c r="X32" s="277">
        <v>3</v>
      </c>
      <c r="Y32" s="281">
        <v>6</v>
      </c>
      <c r="Z32" s="278">
        <v>9</v>
      </c>
      <c r="AA32" s="280">
        <v>0</v>
      </c>
      <c r="AB32" s="281">
        <v>19</v>
      </c>
      <c r="AC32" s="281">
        <v>21</v>
      </c>
      <c r="AD32" s="281">
        <v>18</v>
      </c>
      <c r="AE32" s="281">
        <v>16</v>
      </c>
      <c r="AF32" s="281">
        <v>6</v>
      </c>
      <c r="AG32" s="278">
        <v>80</v>
      </c>
      <c r="AH32" s="283">
        <v>89</v>
      </c>
      <c r="AI32" s="277">
        <v>0</v>
      </c>
      <c r="AJ32" s="281">
        <v>0</v>
      </c>
      <c r="AK32" s="278">
        <v>0</v>
      </c>
      <c r="AL32" s="280">
        <v>0</v>
      </c>
      <c r="AM32" s="281">
        <v>2</v>
      </c>
      <c r="AN32" s="281">
        <v>0</v>
      </c>
      <c r="AO32" s="281">
        <v>1</v>
      </c>
      <c r="AP32" s="281">
        <v>1</v>
      </c>
      <c r="AQ32" s="281">
        <v>0</v>
      </c>
      <c r="AR32" s="278">
        <v>4</v>
      </c>
      <c r="AS32" s="283">
        <v>4</v>
      </c>
      <c r="AT32" s="277">
        <v>3</v>
      </c>
      <c r="AU32" s="281">
        <v>1</v>
      </c>
      <c r="AV32" s="278">
        <v>4</v>
      </c>
      <c r="AW32" s="280">
        <v>0</v>
      </c>
      <c r="AX32" s="281">
        <v>21</v>
      </c>
      <c r="AY32" s="281">
        <v>16</v>
      </c>
      <c r="AZ32" s="281">
        <v>20</v>
      </c>
      <c r="BA32" s="281">
        <v>20</v>
      </c>
      <c r="BB32" s="281">
        <v>11</v>
      </c>
      <c r="BC32" s="282">
        <v>88</v>
      </c>
      <c r="BD32" s="283">
        <v>92</v>
      </c>
      <c r="BE32" s="277">
        <v>0</v>
      </c>
      <c r="BF32" s="281">
        <v>0</v>
      </c>
      <c r="BG32" s="278">
        <v>0</v>
      </c>
      <c r="BH32" s="280">
        <v>0</v>
      </c>
      <c r="BI32" s="281">
        <v>35</v>
      </c>
      <c r="BJ32" s="281">
        <v>23</v>
      </c>
      <c r="BK32" s="281">
        <v>23</v>
      </c>
      <c r="BL32" s="281">
        <v>12</v>
      </c>
      <c r="BM32" s="281">
        <v>2</v>
      </c>
      <c r="BN32" s="278">
        <v>95</v>
      </c>
      <c r="BO32" s="283">
        <v>95</v>
      </c>
      <c r="BP32" s="277">
        <v>1</v>
      </c>
      <c r="BQ32" s="281">
        <v>1</v>
      </c>
      <c r="BR32" s="278">
        <v>2</v>
      </c>
      <c r="BS32" s="280">
        <v>0</v>
      </c>
      <c r="BT32" s="281">
        <v>5</v>
      </c>
      <c r="BU32" s="281">
        <v>9</v>
      </c>
      <c r="BV32" s="281">
        <v>4</v>
      </c>
      <c r="BW32" s="281">
        <v>6</v>
      </c>
      <c r="BX32" s="281">
        <v>0</v>
      </c>
      <c r="BY32" s="278">
        <v>24</v>
      </c>
      <c r="BZ32" s="283">
        <v>26</v>
      </c>
      <c r="CA32" s="277">
        <v>0</v>
      </c>
      <c r="CB32" s="281">
        <v>0</v>
      </c>
      <c r="CC32" s="278">
        <v>0</v>
      </c>
      <c r="CD32" s="280">
        <v>0</v>
      </c>
      <c r="CE32" s="281">
        <v>4</v>
      </c>
      <c r="CF32" s="281">
        <v>2</v>
      </c>
      <c r="CG32" s="281">
        <v>7</v>
      </c>
      <c r="CH32" s="281">
        <v>6</v>
      </c>
      <c r="CI32" s="281">
        <v>1</v>
      </c>
      <c r="CJ32" s="278">
        <v>20</v>
      </c>
      <c r="CK32" s="283">
        <v>20</v>
      </c>
      <c r="CL32" s="277">
        <v>0</v>
      </c>
      <c r="CM32" s="281">
        <v>0</v>
      </c>
      <c r="CN32" s="278">
        <v>0</v>
      </c>
      <c r="CO32" s="280">
        <v>0</v>
      </c>
      <c r="CP32" s="281">
        <v>0</v>
      </c>
      <c r="CQ32" s="281">
        <v>1</v>
      </c>
      <c r="CR32" s="281">
        <v>1</v>
      </c>
      <c r="CS32" s="281">
        <v>1</v>
      </c>
      <c r="CT32" s="281">
        <v>1</v>
      </c>
      <c r="CU32" s="278">
        <v>4</v>
      </c>
      <c r="CV32" s="283">
        <v>4</v>
      </c>
      <c r="CW32" s="277">
        <v>0</v>
      </c>
      <c r="CX32" s="281">
        <v>0</v>
      </c>
      <c r="CY32" s="278">
        <v>0</v>
      </c>
      <c r="CZ32" s="280">
        <v>0</v>
      </c>
      <c r="DA32" s="281">
        <v>0</v>
      </c>
      <c r="DB32" s="281">
        <v>0</v>
      </c>
      <c r="DC32" s="281">
        <v>0</v>
      </c>
      <c r="DD32" s="281">
        <v>0</v>
      </c>
      <c r="DE32" s="281">
        <v>0</v>
      </c>
      <c r="DF32" s="278">
        <v>0</v>
      </c>
      <c r="DG32" s="283">
        <v>0</v>
      </c>
      <c r="DH32" s="277">
        <v>0</v>
      </c>
      <c r="DI32" s="281">
        <v>0</v>
      </c>
      <c r="DJ32" s="278">
        <v>0</v>
      </c>
      <c r="DK32" s="280">
        <v>0</v>
      </c>
      <c r="DL32" s="281">
        <v>0</v>
      </c>
      <c r="DM32" s="281">
        <v>0</v>
      </c>
      <c r="DN32" s="281">
        <v>0</v>
      </c>
      <c r="DO32" s="281">
        <v>0</v>
      </c>
      <c r="DP32" s="281">
        <v>0</v>
      </c>
      <c r="DQ32" s="278">
        <v>0</v>
      </c>
      <c r="DR32" s="283">
        <v>0</v>
      </c>
      <c r="DS32" s="277">
        <v>23</v>
      </c>
      <c r="DT32" s="281">
        <v>28</v>
      </c>
      <c r="DU32" s="278">
        <v>51</v>
      </c>
      <c r="DV32" s="280">
        <v>0</v>
      </c>
      <c r="DW32" s="281">
        <v>54</v>
      </c>
      <c r="DX32" s="281">
        <v>59</v>
      </c>
      <c r="DY32" s="281">
        <v>48</v>
      </c>
      <c r="DZ32" s="281">
        <v>40</v>
      </c>
      <c r="EA32" s="281">
        <v>14</v>
      </c>
      <c r="EB32" s="278">
        <v>215</v>
      </c>
      <c r="EC32" s="283">
        <v>266</v>
      </c>
      <c r="ED32" s="277">
        <v>2</v>
      </c>
      <c r="EE32" s="281">
        <v>0</v>
      </c>
      <c r="EF32" s="278">
        <v>2</v>
      </c>
      <c r="EG32" s="280">
        <v>0</v>
      </c>
      <c r="EH32" s="281">
        <v>6</v>
      </c>
      <c r="EI32" s="281">
        <v>6</v>
      </c>
      <c r="EJ32" s="281">
        <v>2</v>
      </c>
      <c r="EK32" s="281">
        <v>4</v>
      </c>
      <c r="EL32" s="281">
        <v>2</v>
      </c>
      <c r="EM32" s="278">
        <v>20</v>
      </c>
      <c r="EN32" s="283">
        <v>22</v>
      </c>
      <c r="EO32" s="277">
        <v>26</v>
      </c>
      <c r="EP32" s="281">
        <v>31</v>
      </c>
      <c r="EQ32" s="278">
        <v>57</v>
      </c>
      <c r="ER32" s="280">
        <v>0</v>
      </c>
      <c r="ES32" s="281">
        <v>89</v>
      </c>
      <c r="ET32" s="281">
        <v>76</v>
      </c>
      <c r="EU32" s="281">
        <v>56</v>
      </c>
      <c r="EV32" s="281">
        <v>42</v>
      </c>
      <c r="EW32" s="281">
        <v>16</v>
      </c>
      <c r="EX32" s="278">
        <v>279</v>
      </c>
      <c r="EY32" s="283">
        <v>336</v>
      </c>
    </row>
    <row r="33" spans="1:155" ht="19.5" customHeight="1" x14ac:dyDescent="0.2">
      <c r="A33" s="262" t="s">
        <v>31</v>
      </c>
      <c r="B33" s="277">
        <v>0</v>
      </c>
      <c r="C33" s="281">
        <v>0</v>
      </c>
      <c r="D33" s="385">
        <v>0</v>
      </c>
      <c r="E33" s="280">
        <v>0</v>
      </c>
      <c r="F33" s="281">
        <v>20</v>
      </c>
      <c r="G33" s="281">
        <v>10</v>
      </c>
      <c r="H33" s="281">
        <v>7</v>
      </c>
      <c r="I33" s="281">
        <v>4</v>
      </c>
      <c r="J33" s="281">
        <v>8</v>
      </c>
      <c r="K33" s="282">
        <v>49</v>
      </c>
      <c r="L33" s="283">
        <v>49</v>
      </c>
      <c r="M33" s="277">
        <v>0</v>
      </c>
      <c r="N33" s="281">
        <v>0</v>
      </c>
      <c r="O33" s="278">
        <v>0</v>
      </c>
      <c r="P33" s="280">
        <v>0</v>
      </c>
      <c r="Q33" s="281">
        <v>1</v>
      </c>
      <c r="R33" s="281">
        <v>3</v>
      </c>
      <c r="S33" s="281">
        <v>4</v>
      </c>
      <c r="T33" s="281">
        <v>7</v>
      </c>
      <c r="U33" s="281">
        <v>3</v>
      </c>
      <c r="V33" s="278">
        <v>18</v>
      </c>
      <c r="W33" s="283">
        <v>18</v>
      </c>
      <c r="X33" s="277">
        <v>3</v>
      </c>
      <c r="Y33" s="281">
        <v>5</v>
      </c>
      <c r="Z33" s="278">
        <v>8</v>
      </c>
      <c r="AA33" s="280">
        <v>0</v>
      </c>
      <c r="AB33" s="281">
        <v>11</v>
      </c>
      <c r="AC33" s="281">
        <v>19</v>
      </c>
      <c r="AD33" s="281">
        <v>20</v>
      </c>
      <c r="AE33" s="281">
        <v>11</v>
      </c>
      <c r="AF33" s="281">
        <v>8</v>
      </c>
      <c r="AG33" s="278">
        <v>69</v>
      </c>
      <c r="AH33" s="283">
        <v>77</v>
      </c>
      <c r="AI33" s="277">
        <v>0</v>
      </c>
      <c r="AJ33" s="281">
        <v>1</v>
      </c>
      <c r="AK33" s="278">
        <v>1</v>
      </c>
      <c r="AL33" s="280">
        <v>0</v>
      </c>
      <c r="AM33" s="281">
        <v>1</v>
      </c>
      <c r="AN33" s="281">
        <v>5</v>
      </c>
      <c r="AO33" s="281">
        <v>3</v>
      </c>
      <c r="AP33" s="281">
        <v>4</v>
      </c>
      <c r="AQ33" s="281">
        <v>2</v>
      </c>
      <c r="AR33" s="278">
        <v>15</v>
      </c>
      <c r="AS33" s="283">
        <v>16</v>
      </c>
      <c r="AT33" s="277">
        <v>2</v>
      </c>
      <c r="AU33" s="281">
        <v>0</v>
      </c>
      <c r="AV33" s="278">
        <v>2</v>
      </c>
      <c r="AW33" s="280">
        <v>0</v>
      </c>
      <c r="AX33" s="281">
        <v>13</v>
      </c>
      <c r="AY33" s="281">
        <v>20</v>
      </c>
      <c r="AZ33" s="281">
        <v>15</v>
      </c>
      <c r="BA33" s="281">
        <v>11</v>
      </c>
      <c r="BB33" s="281">
        <v>7</v>
      </c>
      <c r="BC33" s="282">
        <v>66</v>
      </c>
      <c r="BD33" s="283">
        <v>68</v>
      </c>
      <c r="BE33" s="277">
        <v>0</v>
      </c>
      <c r="BF33" s="281">
        <v>0</v>
      </c>
      <c r="BG33" s="278">
        <v>0</v>
      </c>
      <c r="BH33" s="280">
        <v>0</v>
      </c>
      <c r="BI33" s="281">
        <v>35</v>
      </c>
      <c r="BJ33" s="281">
        <v>44</v>
      </c>
      <c r="BK33" s="281">
        <v>27</v>
      </c>
      <c r="BL33" s="281">
        <v>12</v>
      </c>
      <c r="BM33" s="281">
        <v>4</v>
      </c>
      <c r="BN33" s="278">
        <v>122</v>
      </c>
      <c r="BO33" s="283">
        <v>122</v>
      </c>
      <c r="BP33" s="277">
        <v>0</v>
      </c>
      <c r="BQ33" s="281">
        <v>1</v>
      </c>
      <c r="BR33" s="278">
        <v>1</v>
      </c>
      <c r="BS33" s="280">
        <v>0</v>
      </c>
      <c r="BT33" s="281">
        <v>3</v>
      </c>
      <c r="BU33" s="281">
        <v>8</v>
      </c>
      <c r="BV33" s="281">
        <v>3</v>
      </c>
      <c r="BW33" s="281">
        <v>3</v>
      </c>
      <c r="BX33" s="281">
        <v>2</v>
      </c>
      <c r="BY33" s="278">
        <v>19</v>
      </c>
      <c r="BZ33" s="283">
        <v>20</v>
      </c>
      <c r="CA33" s="277">
        <v>0</v>
      </c>
      <c r="CB33" s="281">
        <v>0</v>
      </c>
      <c r="CC33" s="278">
        <v>0</v>
      </c>
      <c r="CD33" s="280">
        <v>0</v>
      </c>
      <c r="CE33" s="281">
        <v>4</v>
      </c>
      <c r="CF33" s="281">
        <v>11</v>
      </c>
      <c r="CG33" s="281">
        <v>14</v>
      </c>
      <c r="CH33" s="281">
        <v>5</v>
      </c>
      <c r="CI33" s="281">
        <v>1</v>
      </c>
      <c r="CJ33" s="278">
        <v>35</v>
      </c>
      <c r="CK33" s="283">
        <v>35</v>
      </c>
      <c r="CL33" s="277">
        <v>0</v>
      </c>
      <c r="CM33" s="281">
        <v>0</v>
      </c>
      <c r="CN33" s="278">
        <v>0</v>
      </c>
      <c r="CO33" s="280">
        <v>0</v>
      </c>
      <c r="CP33" s="281">
        <v>0</v>
      </c>
      <c r="CQ33" s="281">
        <v>1</v>
      </c>
      <c r="CR33" s="281">
        <v>0</v>
      </c>
      <c r="CS33" s="281">
        <v>0</v>
      </c>
      <c r="CT33" s="281">
        <v>1</v>
      </c>
      <c r="CU33" s="278">
        <v>2</v>
      </c>
      <c r="CV33" s="283">
        <v>2</v>
      </c>
      <c r="CW33" s="277">
        <v>0</v>
      </c>
      <c r="CX33" s="281">
        <v>0</v>
      </c>
      <c r="CY33" s="278">
        <v>0</v>
      </c>
      <c r="CZ33" s="280">
        <v>0</v>
      </c>
      <c r="DA33" s="281">
        <v>0</v>
      </c>
      <c r="DB33" s="281">
        <v>0</v>
      </c>
      <c r="DC33" s="281">
        <v>0</v>
      </c>
      <c r="DD33" s="281">
        <v>0</v>
      </c>
      <c r="DE33" s="281">
        <v>0</v>
      </c>
      <c r="DF33" s="278">
        <v>0</v>
      </c>
      <c r="DG33" s="283">
        <v>0</v>
      </c>
      <c r="DH33" s="277">
        <v>0</v>
      </c>
      <c r="DI33" s="281">
        <v>0</v>
      </c>
      <c r="DJ33" s="278">
        <v>0</v>
      </c>
      <c r="DK33" s="280">
        <v>0</v>
      </c>
      <c r="DL33" s="281">
        <v>0</v>
      </c>
      <c r="DM33" s="281">
        <v>0</v>
      </c>
      <c r="DN33" s="281">
        <v>0</v>
      </c>
      <c r="DO33" s="281">
        <v>0</v>
      </c>
      <c r="DP33" s="281">
        <v>0</v>
      </c>
      <c r="DQ33" s="278">
        <v>0</v>
      </c>
      <c r="DR33" s="283">
        <v>0</v>
      </c>
      <c r="DS33" s="277">
        <v>19</v>
      </c>
      <c r="DT33" s="281">
        <v>48</v>
      </c>
      <c r="DU33" s="278">
        <v>67</v>
      </c>
      <c r="DV33" s="280">
        <v>0</v>
      </c>
      <c r="DW33" s="281">
        <v>56</v>
      </c>
      <c r="DX33" s="281">
        <v>75</v>
      </c>
      <c r="DY33" s="281">
        <v>45</v>
      </c>
      <c r="DZ33" s="281">
        <v>21</v>
      </c>
      <c r="EA33" s="281">
        <v>14</v>
      </c>
      <c r="EB33" s="278">
        <v>211</v>
      </c>
      <c r="EC33" s="283">
        <v>278</v>
      </c>
      <c r="ED33" s="277">
        <v>1</v>
      </c>
      <c r="EE33" s="281">
        <v>2</v>
      </c>
      <c r="EF33" s="278">
        <v>3</v>
      </c>
      <c r="EG33" s="280">
        <v>0</v>
      </c>
      <c r="EH33" s="281">
        <v>9</v>
      </c>
      <c r="EI33" s="281">
        <v>8</v>
      </c>
      <c r="EJ33" s="281">
        <v>5</v>
      </c>
      <c r="EK33" s="281">
        <v>2</v>
      </c>
      <c r="EL33" s="281">
        <v>3</v>
      </c>
      <c r="EM33" s="278">
        <v>27</v>
      </c>
      <c r="EN33" s="283">
        <v>30</v>
      </c>
      <c r="EO33" s="277">
        <v>22</v>
      </c>
      <c r="EP33" s="281">
        <v>50</v>
      </c>
      <c r="EQ33" s="278">
        <v>72</v>
      </c>
      <c r="ER33" s="280">
        <v>0</v>
      </c>
      <c r="ES33" s="281">
        <v>94</v>
      </c>
      <c r="ET33" s="281">
        <v>98</v>
      </c>
      <c r="EU33" s="281">
        <v>53</v>
      </c>
      <c r="EV33" s="281">
        <v>23</v>
      </c>
      <c r="EW33" s="281">
        <v>13</v>
      </c>
      <c r="EX33" s="278">
        <v>281</v>
      </c>
      <c r="EY33" s="283">
        <v>353</v>
      </c>
    </row>
    <row r="34" spans="1:155" ht="19.5" customHeight="1" x14ac:dyDescent="0.2">
      <c r="A34" s="262" t="s">
        <v>32</v>
      </c>
      <c r="B34" s="277">
        <v>0</v>
      </c>
      <c r="C34" s="281">
        <v>0</v>
      </c>
      <c r="D34" s="385">
        <v>0</v>
      </c>
      <c r="E34" s="280">
        <v>0</v>
      </c>
      <c r="F34" s="281">
        <v>31</v>
      </c>
      <c r="G34" s="281">
        <v>16</v>
      </c>
      <c r="H34" s="281">
        <v>12</v>
      </c>
      <c r="I34" s="281">
        <v>8</v>
      </c>
      <c r="J34" s="281">
        <v>10</v>
      </c>
      <c r="K34" s="282">
        <v>77</v>
      </c>
      <c r="L34" s="283">
        <v>77</v>
      </c>
      <c r="M34" s="277">
        <v>0</v>
      </c>
      <c r="N34" s="281">
        <v>0</v>
      </c>
      <c r="O34" s="278">
        <v>0</v>
      </c>
      <c r="P34" s="280">
        <v>0</v>
      </c>
      <c r="Q34" s="281">
        <v>0</v>
      </c>
      <c r="R34" s="281">
        <v>1</v>
      </c>
      <c r="S34" s="281">
        <v>1</v>
      </c>
      <c r="T34" s="281">
        <v>1</v>
      </c>
      <c r="U34" s="281">
        <v>9</v>
      </c>
      <c r="V34" s="278">
        <v>12</v>
      </c>
      <c r="W34" s="283">
        <v>12</v>
      </c>
      <c r="X34" s="277">
        <v>5</v>
      </c>
      <c r="Y34" s="281">
        <v>7</v>
      </c>
      <c r="Z34" s="278">
        <v>12</v>
      </c>
      <c r="AA34" s="280">
        <v>0</v>
      </c>
      <c r="AB34" s="281">
        <v>31</v>
      </c>
      <c r="AC34" s="281">
        <v>22</v>
      </c>
      <c r="AD34" s="281">
        <v>15</v>
      </c>
      <c r="AE34" s="281">
        <v>14</v>
      </c>
      <c r="AF34" s="281">
        <v>12</v>
      </c>
      <c r="AG34" s="278">
        <v>94</v>
      </c>
      <c r="AH34" s="283">
        <v>106</v>
      </c>
      <c r="AI34" s="277">
        <v>1</v>
      </c>
      <c r="AJ34" s="281">
        <v>0</v>
      </c>
      <c r="AK34" s="278">
        <v>1</v>
      </c>
      <c r="AL34" s="280">
        <v>0</v>
      </c>
      <c r="AM34" s="281">
        <v>6</v>
      </c>
      <c r="AN34" s="281">
        <v>0</v>
      </c>
      <c r="AO34" s="281">
        <v>2</v>
      </c>
      <c r="AP34" s="281">
        <v>1</v>
      </c>
      <c r="AQ34" s="281">
        <v>3</v>
      </c>
      <c r="AR34" s="278">
        <v>12</v>
      </c>
      <c r="AS34" s="283">
        <v>13</v>
      </c>
      <c r="AT34" s="277">
        <v>2</v>
      </c>
      <c r="AU34" s="281">
        <v>0</v>
      </c>
      <c r="AV34" s="278">
        <v>2</v>
      </c>
      <c r="AW34" s="280">
        <v>0</v>
      </c>
      <c r="AX34" s="281">
        <v>10</v>
      </c>
      <c r="AY34" s="281">
        <v>16</v>
      </c>
      <c r="AZ34" s="281">
        <v>20</v>
      </c>
      <c r="BA34" s="281">
        <v>26</v>
      </c>
      <c r="BB34" s="281">
        <v>15</v>
      </c>
      <c r="BC34" s="282">
        <v>87</v>
      </c>
      <c r="BD34" s="283">
        <v>89</v>
      </c>
      <c r="BE34" s="277">
        <v>0</v>
      </c>
      <c r="BF34" s="281">
        <v>0</v>
      </c>
      <c r="BG34" s="278">
        <v>0</v>
      </c>
      <c r="BH34" s="280">
        <v>0</v>
      </c>
      <c r="BI34" s="281">
        <v>50</v>
      </c>
      <c r="BJ34" s="281">
        <v>50</v>
      </c>
      <c r="BK34" s="281">
        <v>26</v>
      </c>
      <c r="BL34" s="281">
        <v>18</v>
      </c>
      <c r="BM34" s="281">
        <v>3</v>
      </c>
      <c r="BN34" s="278">
        <v>147</v>
      </c>
      <c r="BO34" s="283">
        <v>147</v>
      </c>
      <c r="BP34" s="277">
        <v>0</v>
      </c>
      <c r="BQ34" s="281">
        <v>0</v>
      </c>
      <c r="BR34" s="278">
        <v>0</v>
      </c>
      <c r="BS34" s="280">
        <v>0</v>
      </c>
      <c r="BT34" s="281">
        <v>8</v>
      </c>
      <c r="BU34" s="281">
        <v>13</v>
      </c>
      <c r="BV34" s="281">
        <v>6</v>
      </c>
      <c r="BW34" s="281">
        <v>5</v>
      </c>
      <c r="BX34" s="281">
        <v>4</v>
      </c>
      <c r="BY34" s="278">
        <v>36</v>
      </c>
      <c r="BZ34" s="283">
        <v>36</v>
      </c>
      <c r="CA34" s="277">
        <v>0</v>
      </c>
      <c r="CB34" s="281">
        <v>0</v>
      </c>
      <c r="CC34" s="278">
        <v>0</v>
      </c>
      <c r="CD34" s="280">
        <v>0</v>
      </c>
      <c r="CE34" s="281">
        <v>2</v>
      </c>
      <c r="CF34" s="281">
        <v>14</v>
      </c>
      <c r="CG34" s="281">
        <v>12</v>
      </c>
      <c r="CH34" s="281">
        <v>3</v>
      </c>
      <c r="CI34" s="281">
        <v>1</v>
      </c>
      <c r="CJ34" s="278">
        <v>32</v>
      </c>
      <c r="CK34" s="283">
        <v>32</v>
      </c>
      <c r="CL34" s="277">
        <v>0</v>
      </c>
      <c r="CM34" s="281">
        <v>0</v>
      </c>
      <c r="CN34" s="278">
        <v>0</v>
      </c>
      <c r="CO34" s="280">
        <v>0</v>
      </c>
      <c r="CP34" s="281">
        <v>0</v>
      </c>
      <c r="CQ34" s="281">
        <v>0</v>
      </c>
      <c r="CR34" s="281">
        <v>0</v>
      </c>
      <c r="CS34" s="281">
        <v>3</v>
      </c>
      <c r="CT34" s="281">
        <v>1</v>
      </c>
      <c r="CU34" s="278">
        <v>4</v>
      </c>
      <c r="CV34" s="283">
        <v>4</v>
      </c>
      <c r="CW34" s="277">
        <v>0</v>
      </c>
      <c r="CX34" s="281">
        <v>0</v>
      </c>
      <c r="CY34" s="278">
        <v>0</v>
      </c>
      <c r="CZ34" s="280">
        <v>0</v>
      </c>
      <c r="DA34" s="281">
        <v>0</v>
      </c>
      <c r="DB34" s="281">
        <v>0</v>
      </c>
      <c r="DC34" s="281">
        <v>0</v>
      </c>
      <c r="DD34" s="281">
        <v>0</v>
      </c>
      <c r="DE34" s="281">
        <v>0</v>
      </c>
      <c r="DF34" s="278">
        <v>0</v>
      </c>
      <c r="DG34" s="283">
        <v>0</v>
      </c>
      <c r="DH34" s="277">
        <v>0</v>
      </c>
      <c r="DI34" s="281">
        <v>0</v>
      </c>
      <c r="DJ34" s="278">
        <v>0</v>
      </c>
      <c r="DK34" s="280">
        <v>0</v>
      </c>
      <c r="DL34" s="281">
        <v>0</v>
      </c>
      <c r="DM34" s="281">
        <v>0</v>
      </c>
      <c r="DN34" s="281">
        <v>0</v>
      </c>
      <c r="DO34" s="281">
        <v>0</v>
      </c>
      <c r="DP34" s="281">
        <v>0</v>
      </c>
      <c r="DQ34" s="278">
        <v>0</v>
      </c>
      <c r="DR34" s="283">
        <v>0</v>
      </c>
      <c r="DS34" s="277">
        <v>24</v>
      </c>
      <c r="DT34" s="281">
        <v>41</v>
      </c>
      <c r="DU34" s="278">
        <v>65</v>
      </c>
      <c r="DV34" s="280">
        <v>0</v>
      </c>
      <c r="DW34" s="281">
        <v>68</v>
      </c>
      <c r="DX34" s="281">
        <v>76</v>
      </c>
      <c r="DY34" s="281">
        <v>47</v>
      </c>
      <c r="DZ34" s="281">
        <v>32</v>
      </c>
      <c r="EA34" s="281">
        <v>20</v>
      </c>
      <c r="EB34" s="278">
        <v>243</v>
      </c>
      <c r="EC34" s="283">
        <v>308</v>
      </c>
      <c r="ED34" s="277">
        <v>3</v>
      </c>
      <c r="EE34" s="281">
        <v>3</v>
      </c>
      <c r="EF34" s="278">
        <v>6</v>
      </c>
      <c r="EG34" s="280">
        <v>0</v>
      </c>
      <c r="EH34" s="281">
        <v>5</v>
      </c>
      <c r="EI34" s="281">
        <v>5</v>
      </c>
      <c r="EJ34" s="281">
        <v>6</v>
      </c>
      <c r="EK34" s="281">
        <v>8</v>
      </c>
      <c r="EL34" s="281">
        <v>4</v>
      </c>
      <c r="EM34" s="278">
        <v>28</v>
      </c>
      <c r="EN34" s="283">
        <v>34</v>
      </c>
      <c r="EO34" s="277">
        <v>28</v>
      </c>
      <c r="EP34" s="281">
        <v>44</v>
      </c>
      <c r="EQ34" s="278">
        <v>72</v>
      </c>
      <c r="ER34" s="280">
        <v>0</v>
      </c>
      <c r="ES34" s="281">
        <v>140</v>
      </c>
      <c r="ET34" s="281">
        <v>111</v>
      </c>
      <c r="EU34" s="281">
        <v>53</v>
      </c>
      <c r="EV34" s="281">
        <v>33</v>
      </c>
      <c r="EW34" s="281">
        <v>22</v>
      </c>
      <c r="EX34" s="278">
        <v>359</v>
      </c>
      <c r="EY34" s="283">
        <v>431</v>
      </c>
    </row>
    <row r="35" spans="1:155" ht="19.5" customHeight="1" x14ac:dyDescent="0.2">
      <c r="A35" s="262" t="s">
        <v>33</v>
      </c>
      <c r="B35" s="277">
        <v>0</v>
      </c>
      <c r="C35" s="281">
        <v>0</v>
      </c>
      <c r="D35" s="385">
        <v>0</v>
      </c>
      <c r="E35" s="280">
        <v>0</v>
      </c>
      <c r="F35" s="281">
        <v>26</v>
      </c>
      <c r="G35" s="281">
        <v>17</v>
      </c>
      <c r="H35" s="281">
        <v>11</v>
      </c>
      <c r="I35" s="281">
        <v>9</v>
      </c>
      <c r="J35" s="281">
        <v>9</v>
      </c>
      <c r="K35" s="282">
        <v>72</v>
      </c>
      <c r="L35" s="283">
        <v>72</v>
      </c>
      <c r="M35" s="277">
        <v>0</v>
      </c>
      <c r="N35" s="281">
        <v>0</v>
      </c>
      <c r="O35" s="278">
        <v>0</v>
      </c>
      <c r="P35" s="280">
        <v>0</v>
      </c>
      <c r="Q35" s="281">
        <v>1</v>
      </c>
      <c r="R35" s="281">
        <v>2</v>
      </c>
      <c r="S35" s="281">
        <v>2</v>
      </c>
      <c r="T35" s="281">
        <v>3</v>
      </c>
      <c r="U35" s="281">
        <v>4</v>
      </c>
      <c r="V35" s="278">
        <v>12</v>
      </c>
      <c r="W35" s="283">
        <v>12</v>
      </c>
      <c r="X35" s="277">
        <v>3</v>
      </c>
      <c r="Y35" s="281">
        <v>1</v>
      </c>
      <c r="Z35" s="278">
        <v>4</v>
      </c>
      <c r="AA35" s="280">
        <v>0</v>
      </c>
      <c r="AB35" s="281">
        <v>13</v>
      </c>
      <c r="AC35" s="281">
        <v>13</v>
      </c>
      <c r="AD35" s="281">
        <v>4</v>
      </c>
      <c r="AE35" s="281">
        <v>11</v>
      </c>
      <c r="AF35" s="281">
        <v>6</v>
      </c>
      <c r="AG35" s="278">
        <v>47</v>
      </c>
      <c r="AH35" s="283">
        <v>51</v>
      </c>
      <c r="AI35" s="277">
        <v>11</v>
      </c>
      <c r="AJ35" s="281">
        <v>24</v>
      </c>
      <c r="AK35" s="278">
        <v>35</v>
      </c>
      <c r="AL35" s="280">
        <v>0</v>
      </c>
      <c r="AM35" s="281">
        <v>27</v>
      </c>
      <c r="AN35" s="281">
        <v>18</v>
      </c>
      <c r="AO35" s="281">
        <v>5</v>
      </c>
      <c r="AP35" s="281">
        <v>6</v>
      </c>
      <c r="AQ35" s="281">
        <v>2</v>
      </c>
      <c r="AR35" s="278">
        <v>58</v>
      </c>
      <c r="AS35" s="283">
        <v>93</v>
      </c>
      <c r="AT35" s="277">
        <v>6</v>
      </c>
      <c r="AU35" s="281">
        <v>10</v>
      </c>
      <c r="AV35" s="278">
        <v>16</v>
      </c>
      <c r="AW35" s="280">
        <v>0</v>
      </c>
      <c r="AX35" s="281">
        <v>24</v>
      </c>
      <c r="AY35" s="281">
        <v>35</v>
      </c>
      <c r="AZ35" s="281">
        <v>23</v>
      </c>
      <c r="BA35" s="281">
        <v>13</v>
      </c>
      <c r="BB35" s="281">
        <v>14</v>
      </c>
      <c r="BC35" s="282">
        <v>109</v>
      </c>
      <c r="BD35" s="283">
        <v>125</v>
      </c>
      <c r="BE35" s="277">
        <v>0</v>
      </c>
      <c r="BF35" s="281">
        <v>0</v>
      </c>
      <c r="BG35" s="278">
        <v>0</v>
      </c>
      <c r="BH35" s="280">
        <v>0</v>
      </c>
      <c r="BI35" s="281">
        <v>14</v>
      </c>
      <c r="BJ35" s="281">
        <v>4</v>
      </c>
      <c r="BK35" s="281">
        <v>2</v>
      </c>
      <c r="BL35" s="281">
        <v>5</v>
      </c>
      <c r="BM35" s="281">
        <v>2</v>
      </c>
      <c r="BN35" s="278">
        <v>27</v>
      </c>
      <c r="BO35" s="283">
        <v>27</v>
      </c>
      <c r="BP35" s="277">
        <v>1</v>
      </c>
      <c r="BQ35" s="281">
        <v>0</v>
      </c>
      <c r="BR35" s="278">
        <v>1</v>
      </c>
      <c r="BS35" s="280">
        <v>0</v>
      </c>
      <c r="BT35" s="281">
        <v>25</v>
      </c>
      <c r="BU35" s="281">
        <v>24</v>
      </c>
      <c r="BV35" s="281">
        <v>5</v>
      </c>
      <c r="BW35" s="281">
        <v>2</v>
      </c>
      <c r="BX35" s="281">
        <v>2</v>
      </c>
      <c r="BY35" s="278">
        <v>58</v>
      </c>
      <c r="BZ35" s="283">
        <v>59</v>
      </c>
      <c r="CA35" s="277">
        <v>0</v>
      </c>
      <c r="CB35" s="281">
        <v>0</v>
      </c>
      <c r="CC35" s="278">
        <v>0</v>
      </c>
      <c r="CD35" s="280">
        <v>0</v>
      </c>
      <c r="CE35" s="281">
        <v>2</v>
      </c>
      <c r="CF35" s="281">
        <v>2</v>
      </c>
      <c r="CG35" s="281">
        <v>7</v>
      </c>
      <c r="CH35" s="281">
        <v>5</v>
      </c>
      <c r="CI35" s="281">
        <v>1</v>
      </c>
      <c r="CJ35" s="278">
        <v>17</v>
      </c>
      <c r="CK35" s="283">
        <v>17</v>
      </c>
      <c r="CL35" s="277">
        <v>0</v>
      </c>
      <c r="CM35" s="281">
        <v>0</v>
      </c>
      <c r="CN35" s="278">
        <v>0</v>
      </c>
      <c r="CO35" s="280">
        <v>0</v>
      </c>
      <c r="CP35" s="281">
        <v>3</v>
      </c>
      <c r="CQ35" s="281">
        <v>4</v>
      </c>
      <c r="CR35" s="281">
        <v>3</v>
      </c>
      <c r="CS35" s="281">
        <v>1</v>
      </c>
      <c r="CT35" s="281">
        <v>0</v>
      </c>
      <c r="CU35" s="278">
        <v>11</v>
      </c>
      <c r="CV35" s="283">
        <v>11</v>
      </c>
      <c r="CW35" s="277">
        <v>0</v>
      </c>
      <c r="CX35" s="281">
        <v>0</v>
      </c>
      <c r="CY35" s="278">
        <v>0</v>
      </c>
      <c r="CZ35" s="280">
        <v>0</v>
      </c>
      <c r="DA35" s="281">
        <v>0</v>
      </c>
      <c r="DB35" s="281">
        <v>0</v>
      </c>
      <c r="DC35" s="281">
        <v>0</v>
      </c>
      <c r="DD35" s="281">
        <v>0</v>
      </c>
      <c r="DE35" s="281">
        <v>0</v>
      </c>
      <c r="DF35" s="278">
        <v>0</v>
      </c>
      <c r="DG35" s="283">
        <v>0</v>
      </c>
      <c r="DH35" s="277">
        <v>0</v>
      </c>
      <c r="DI35" s="281">
        <v>0</v>
      </c>
      <c r="DJ35" s="278">
        <v>0</v>
      </c>
      <c r="DK35" s="280">
        <v>0</v>
      </c>
      <c r="DL35" s="281">
        <v>0</v>
      </c>
      <c r="DM35" s="281">
        <v>0</v>
      </c>
      <c r="DN35" s="281">
        <v>1</v>
      </c>
      <c r="DO35" s="281">
        <v>0</v>
      </c>
      <c r="DP35" s="281">
        <v>0</v>
      </c>
      <c r="DQ35" s="278">
        <v>1</v>
      </c>
      <c r="DR35" s="283">
        <v>1</v>
      </c>
      <c r="DS35" s="277">
        <v>23</v>
      </c>
      <c r="DT35" s="281">
        <v>36</v>
      </c>
      <c r="DU35" s="278">
        <v>59</v>
      </c>
      <c r="DV35" s="280">
        <v>0</v>
      </c>
      <c r="DW35" s="281">
        <v>58</v>
      </c>
      <c r="DX35" s="281">
        <v>48</v>
      </c>
      <c r="DY35" s="281">
        <v>22</v>
      </c>
      <c r="DZ35" s="281">
        <v>21</v>
      </c>
      <c r="EA35" s="281">
        <v>15</v>
      </c>
      <c r="EB35" s="278">
        <v>164</v>
      </c>
      <c r="EC35" s="283">
        <v>223</v>
      </c>
      <c r="ED35" s="277">
        <v>5</v>
      </c>
      <c r="EE35" s="281">
        <v>7</v>
      </c>
      <c r="EF35" s="278">
        <v>12</v>
      </c>
      <c r="EG35" s="280">
        <v>0</v>
      </c>
      <c r="EH35" s="281">
        <v>14</v>
      </c>
      <c r="EI35" s="281">
        <v>17</v>
      </c>
      <c r="EJ35" s="281">
        <v>6</v>
      </c>
      <c r="EK35" s="281">
        <v>9</v>
      </c>
      <c r="EL35" s="281">
        <v>3</v>
      </c>
      <c r="EM35" s="278">
        <v>49</v>
      </c>
      <c r="EN35" s="283">
        <v>61</v>
      </c>
      <c r="EO35" s="277">
        <v>40</v>
      </c>
      <c r="EP35" s="281">
        <v>54</v>
      </c>
      <c r="EQ35" s="278">
        <v>94</v>
      </c>
      <c r="ER35" s="280">
        <v>0</v>
      </c>
      <c r="ES35" s="281">
        <v>107</v>
      </c>
      <c r="ET35" s="281">
        <v>66</v>
      </c>
      <c r="EU35" s="281">
        <v>28</v>
      </c>
      <c r="EV35" s="281">
        <v>27</v>
      </c>
      <c r="EW35" s="281">
        <v>15</v>
      </c>
      <c r="EX35" s="278">
        <v>243</v>
      </c>
      <c r="EY35" s="283">
        <v>337</v>
      </c>
    </row>
    <row r="36" spans="1:155" ht="19.5" customHeight="1" x14ac:dyDescent="0.2">
      <c r="A36" s="262" t="s">
        <v>34</v>
      </c>
      <c r="B36" s="277">
        <v>0</v>
      </c>
      <c r="C36" s="281">
        <v>0</v>
      </c>
      <c r="D36" s="385">
        <v>0</v>
      </c>
      <c r="E36" s="280">
        <v>0</v>
      </c>
      <c r="F36" s="281">
        <v>17</v>
      </c>
      <c r="G36" s="281">
        <v>9</v>
      </c>
      <c r="H36" s="281">
        <v>5</v>
      </c>
      <c r="I36" s="281">
        <v>6</v>
      </c>
      <c r="J36" s="281">
        <v>2</v>
      </c>
      <c r="K36" s="282">
        <v>39</v>
      </c>
      <c r="L36" s="283">
        <v>39</v>
      </c>
      <c r="M36" s="277">
        <v>0</v>
      </c>
      <c r="N36" s="281">
        <v>0</v>
      </c>
      <c r="O36" s="278">
        <v>0</v>
      </c>
      <c r="P36" s="280">
        <v>0</v>
      </c>
      <c r="Q36" s="281">
        <v>0</v>
      </c>
      <c r="R36" s="281">
        <v>1</v>
      </c>
      <c r="S36" s="281">
        <v>0</v>
      </c>
      <c r="T36" s="281">
        <v>1</v>
      </c>
      <c r="U36" s="281">
        <v>4</v>
      </c>
      <c r="V36" s="278">
        <v>6</v>
      </c>
      <c r="W36" s="283">
        <v>6</v>
      </c>
      <c r="X36" s="277">
        <v>2</v>
      </c>
      <c r="Y36" s="281">
        <v>4</v>
      </c>
      <c r="Z36" s="278">
        <v>6</v>
      </c>
      <c r="AA36" s="280">
        <v>0</v>
      </c>
      <c r="AB36" s="281">
        <v>10</v>
      </c>
      <c r="AC36" s="281">
        <v>12</v>
      </c>
      <c r="AD36" s="281">
        <v>4</v>
      </c>
      <c r="AE36" s="281">
        <v>1</v>
      </c>
      <c r="AF36" s="281">
        <v>5</v>
      </c>
      <c r="AG36" s="278">
        <v>32</v>
      </c>
      <c r="AH36" s="283">
        <v>38</v>
      </c>
      <c r="AI36" s="277">
        <v>0</v>
      </c>
      <c r="AJ36" s="281">
        <v>1</v>
      </c>
      <c r="AK36" s="278">
        <v>1</v>
      </c>
      <c r="AL36" s="280">
        <v>0</v>
      </c>
      <c r="AM36" s="281">
        <v>8</v>
      </c>
      <c r="AN36" s="281">
        <v>6</v>
      </c>
      <c r="AO36" s="281">
        <v>2</v>
      </c>
      <c r="AP36" s="281">
        <v>1</v>
      </c>
      <c r="AQ36" s="281">
        <v>1</v>
      </c>
      <c r="AR36" s="278">
        <v>18</v>
      </c>
      <c r="AS36" s="283">
        <v>19</v>
      </c>
      <c r="AT36" s="277">
        <v>4</v>
      </c>
      <c r="AU36" s="281">
        <v>4</v>
      </c>
      <c r="AV36" s="278">
        <v>8</v>
      </c>
      <c r="AW36" s="280">
        <v>0</v>
      </c>
      <c r="AX36" s="281">
        <v>24</v>
      </c>
      <c r="AY36" s="281">
        <v>27</v>
      </c>
      <c r="AZ36" s="281">
        <v>18</v>
      </c>
      <c r="BA36" s="281">
        <v>16</v>
      </c>
      <c r="BB36" s="281">
        <v>14</v>
      </c>
      <c r="BC36" s="282">
        <v>99</v>
      </c>
      <c r="BD36" s="283">
        <v>107</v>
      </c>
      <c r="BE36" s="277">
        <v>0</v>
      </c>
      <c r="BF36" s="281">
        <v>0</v>
      </c>
      <c r="BG36" s="278">
        <v>0</v>
      </c>
      <c r="BH36" s="280">
        <v>0</v>
      </c>
      <c r="BI36" s="281">
        <v>34</v>
      </c>
      <c r="BJ36" s="281">
        <v>19</v>
      </c>
      <c r="BK36" s="281">
        <v>14</v>
      </c>
      <c r="BL36" s="281">
        <v>9</v>
      </c>
      <c r="BM36" s="281">
        <v>3</v>
      </c>
      <c r="BN36" s="278">
        <v>79</v>
      </c>
      <c r="BO36" s="283">
        <v>79</v>
      </c>
      <c r="BP36" s="277">
        <v>1</v>
      </c>
      <c r="BQ36" s="281">
        <v>4</v>
      </c>
      <c r="BR36" s="278">
        <v>5</v>
      </c>
      <c r="BS36" s="280">
        <v>0</v>
      </c>
      <c r="BT36" s="281">
        <v>11</v>
      </c>
      <c r="BU36" s="281">
        <v>5</v>
      </c>
      <c r="BV36" s="281">
        <v>3</v>
      </c>
      <c r="BW36" s="281">
        <v>4</v>
      </c>
      <c r="BX36" s="281">
        <v>0</v>
      </c>
      <c r="BY36" s="278">
        <v>23</v>
      </c>
      <c r="BZ36" s="283">
        <v>28</v>
      </c>
      <c r="CA36" s="277">
        <v>0</v>
      </c>
      <c r="CB36" s="281">
        <v>1</v>
      </c>
      <c r="CC36" s="278">
        <v>1</v>
      </c>
      <c r="CD36" s="280">
        <v>0</v>
      </c>
      <c r="CE36" s="281">
        <v>2</v>
      </c>
      <c r="CF36" s="281">
        <v>0</v>
      </c>
      <c r="CG36" s="281">
        <v>2</v>
      </c>
      <c r="CH36" s="281">
        <v>5</v>
      </c>
      <c r="CI36" s="281">
        <v>0</v>
      </c>
      <c r="CJ36" s="278">
        <v>9</v>
      </c>
      <c r="CK36" s="283">
        <v>10</v>
      </c>
      <c r="CL36" s="277">
        <v>0</v>
      </c>
      <c r="CM36" s="281">
        <v>0</v>
      </c>
      <c r="CN36" s="278">
        <v>0</v>
      </c>
      <c r="CO36" s="280">
        <v>0</v>
      </c>
      <c r="CP36" s="281">
        <v>0</v>
      </c>
      <c r="CQ36" s="281">
        <v>0</v>
      </c>
      <c r="CR36" s="281">
        <v>0</v>
      </c>
      <c r="CS36" s="281">
        <v>1</v>
      </c>
      <c r="CT36" s="281">
        <v>0</v>
      </c>
      <c r="CU36" s="278">
        <v>1</v>
      </c>
      <c r="CV36" s="283">
        <v>1</v>
      </c>
      <c r="CW36" s="277">
        <v>0</v>
      </c>
      <c r="CX36" s="281">
        <v>0</v>
      </c>
      <c r="CY36" s="278">
        <v>0</v>
      </c>
      <c r="CZ36" s="280">
        <v>0</v>
      </c>
      <c r="DA36" s="281">
        <v>0</v>
      </c>
      <c r="DB36" s="281">
        <v>0</v>
      </c>
      <c r="DC36" s="281">
        <v>0</v>
      </c>
      <c r="DD36" s="281">
        <v>0</v>
      </c>
      <c r="DE36" s="281">
        <v>0</v>
      </c>
      <c r="DF36" s="278">
        <v>0</v>
      </c>
      <c r="DG36" s="283">
        <v>0</v>
      </c>
      <c r="DH36" s="277">
        <v>0</v>
      </c>
      <c r="DI36" s="281">
        <v>0</v>
      </c>
      <c r="DJ36" s="278">
        <v>0</v>
      </c>
      <c r="DK36" s="280">
        <v>0</v>
      </c>
      <c r="DL36" s="281">
        <v>0</v>
      </c>
      <c r="DM36" s="281">
        <v>0</v>
      </c>
      <c r="DN36" s="281">
        <v>0</v>
      </c>
      <c r="DO36" s="281">
        <v>0</v>
      </c>
      <c r="DP36" s="281">
        <v>0</v>
      </c>
      <c r="DQ36" s="278">
        <v>0</v>
      </c>
      <c r="DR36" s="283">
        <v>0</v>
      </c>
      <c r="DS36" s="277">
        <v>12</v>
      </c>
      <c r="DT36" s="281">
        <v>20</v>
      </c>
      <c r="DU36" s="278">
        <v>32</v>
      </c>
      <c r="DV36" s="280">
        <v>0</v>
      </c>
      <c r="DW36" s="281">
        <v>54</v>
      </c>
      <c r="DX36" s="281">
        <v>47</v>
      </c>
      <c r="DY36" s="281">
        <v>28</v>
      </c>
      <c r="DZ36" s="281">
        <v>23</v>
      </c>
      <c r="EA36" s="281">
        <v>8</v>
      </c>
      <c r="EB36" s="278">
        <v>160</v>
      </c>
      <c r="EC36" s="283">
        <v>192</v>
      </c>
      <c r="ED36" s="277">
        <v>4</v>
      </c>
      <c r="EE36" s="281">
        <v>1</v>
      </c>
      <c r="EF36" s="278">
        <v>5</v>
      </c>
      <c r="EG36" s="280">
        <v>0</v>
      </c>
      <c r="EH36" s="281">
        <v>9</v>
      </c>
      <c r="EI36" s="281">
        <v>5</v>
      </c>
      <c r="EJ36" s="281">
        <v>4</v>
      </c>
      <c r="EK36" s="281">
        <v>7</v>
      </c>
      <c r="EL36" s="281">
        <v>2</v>
      </c>
      <c r="EM36" s="278">
        <v>27</v>
      </c>
      <c r="EN36" s="283">
        <v>32</v>
      </c>
      <c r="EO36" s="277">
        <v>14</v>
      </c>
      <c r="EP36" s="281">
        <v>25</v>
      </c>
      <c r="EQ36" s="278">
        <v>39</v>
      </c>
      <c r="ER36" s="280">
        <v>0</v>
      </c>
      <c r="ES36" s="281">
        <v>84</v>
      </c>
      <c r="ET36" s="281">
        <v>44</v>
      </c>
      <c r="EU36" s="281">
        <v>29</v>
      </c>
      <c r="EV36" s="281">
        <v>19</v>
      </c>
      <c r="EW36" s="281">
        <v>8</v>
      </c>
      <c r="EX36" s="278">
        <v>184</v>
      </c>
      <c r="EY36" s="283">
        <v>223</v>
      </c>
    </row>
    <row r="37" spans="1:155" ht="19.5" customHeight="1" x14ac:dyDescent="0.2">
      <c r="A37" s="262" t="s">
        <v>35</v>
      </c>
      <c r="B37" s="277">
        <v>0</v>
      </c>
      <c r="C37" s="281">
        <v>0</v>
      </c>
      <c r="D37" s="385">
        <v>0</v>
      </c>
      <c r="E37" s="280">
        <v>0</v>
      </c>
      <c r="F37" s="281">
        <v>99</v>
      </c>
      <c r="G37" s="281">
        <v>58</v>
      </c>
      <c r="H37" s="281">
        <v>34</v>
      </c>
      <c r="I37" s="281">
        <v>28</v>
      </c>
      <c r="J37" s="281">
        <v>16</v>
      </c>
      <c r="K37" s="282">
        <v>235</v>
      </c>
      <c r="L37" s="283">
        <v>235</v>
      </c>
      <c r="M37" s="277">
        <v>0</v>
      </c>
      <c r="N37" s="281">
        <v>0</v>
      </c>
      <c r="O37" s="278">
        <v>0</v>
      </c>
      <c r="P37" s="280">
        <v>0</v>
      </c>
      <c r="Q37" s="281">
        <v>0</v>
      </c>
      <c r="R37" s="281">
        <v>4</v>
      </c>
      <c r="S37" s="281">
        <v>4</v>
      </c>
      <c r="T37" s="281">
        <v>9</v>
      </c>
      <c r="U37" s="281">
        <v>13</v>
      </c>
      <c r="V37" s="278">
        <v>30</v>
      </c>
      <c r="W37" s="283">
        <v>30</v>
      </c>
      <c r="X37" s="277">
        <v>1</v>
      </c>
      <c r="Y37" s="281">
        <v>4</v>
      </c>
      <c r="Z37" s="278">
        <v>5</v>
      </c>
      <c r="AA37" s="280">
        <v>0</v>
      </c>
      <c r="AB37" s="281">
        <v>35</v>
      </c>
      <c r="AC37" s="281">
        <v>37</v>
      </c>
      <c r="AD37" s="281">
        <v>19</v>
      </c>
      <c r="AE37" s="281">
        <v>19</v>
      </c>
      <c r="AF37" s="281">
        <v>9</v>
      </c>
      <c r="AG37" s="278">
        <v>119</v>
      </c>
      <c r="AH37" s="283">
        <v>124</v>
      </c>
      <c r="AI37" s="277">
        <v>1</v>
      </c>
      <c r="AJ37" s="281">
        <v>3</v>
      </c>
      <c r="AK37" s="278">
        <v>4</v>
      </c>
      <c r="AL37" s="280">
        <v>0</v>
      </c>
      <c r="AM37" s="281">
        <v>22</v>
      </c>
      <c r="AN37" s="281">
        <v>14</v>
      </c>
      <c r="AO37" s="281">
        <v>6</v>
      </c>
      <c r="AP37" s="281">
        <v>5</v>
      </c>
      <c r="AQ37" s="281">
        <v>2</v>
      </c>
      <c r="AR37" s="278">
        <v>49</v>
      </c>
      <c r="AS37" s="283">
        <v>53</v>
      </c>
      <c r="AT37" s="277">
        <v>29</v>
      </c>
      <c r="AU37" s="281">
        <v>22</v>
      </c>
      <c r="AV37" s="278">
        <v>51</v>
      </c>
      <c r="AW37" s="280">
        <v>0</v>
      </c>
      <c r="AX37" s="281">
        <v>79</v>
      </c>
      <c r="AY37" s="281">
        <v>85</v>
      </c>
      <c r="AZ37" s="281">
        <v>76</v>
      </c>
      <c r="BA37" s="281">
        <v>79</v>
      </c>
      <c r="BB37" s="281">
        <v>38</v>
      </c>
      <c r="BC37" s="282">
        <v>357</v>
      </c>
      <c r="BD37" s="283">
        <v>408</v>
      </c>
      <c r="BE37" s="277">
        <v>0</v>
      </c>
      <c r="BF37" s="281">
        <v>0</v>
      </c>
      <c r="BG37" s="278">
        <v>0</v>
      </c>
      <c r="BH37" s="280">
        <v>0</v>
      </c>
      <c r="BI37" s="281">
        <v>144</v>
      </c>
      <c r="BJ37" s="281">
        <v>86</v>
      </c>
      <c r="BK37" s="281">
        <v>52</v>
      </c>
      <c r="BL37" s="281">
        <v>19</v>
      </c>
      <c r="BM37" s="281">
        <v>13</v>
      </c>
      <c r="BN37" s="278">
        <v>314</v>
      </c>
      <c r="BO37" s="283">
        <v>314</v>
      </c>
      <c r="BP37" s="277">
        <v>9</v>
      </c>
      <c r="BQ37" s="281">
        <v>24</v>
      </c>
      <c r="BR37" s="278">
        <v>33</v>
      </c>
      <c r="BS37" s="280">
        <v>0</v>
      </c>
      <c r="BT37" s="281">
        <v>57</v>
      </c>
      <c r="BU37" s="281">
        <v>32</v>
      </c>
      <c r="BV37" s="281">
        <v>14</v>
      </c>
      <c r="BW37" s="281">
        <v>12</v>
      </c>
      <c r="BX37" s="281">
        <v>1</v>
      </c>
      <c r="BY37" s="278">
        <v>116</v>
      </c>
      <c r="BZ37" s="283">
        <v>149</v>
      </c>
      <c r="CA37" s="277">
        <v>0</v>
      </c>
      <c r="CB37" s="281">
        <v>0</v>
      </c>
      <c r="CC37" s="278">
        <v>0</v>
      </c>
      <c r="CD37" s="280">
        <v>0</v>
      </c>
      <c r="CE37" s="281">
        <v>1</v>
      </c>
      <c r="CF37" s="281">
        <v>10</v>
      </c>
      <c r="CG37" s="281">
        <v>12</v>
      </c>
      <c r="CH37" s="281">
        <v>11</v>
      </c>
      <c r="CI37" s="281">
        <v>2</v>
      </c>
      <c r="CJ37" s="278">
        <v>36</v>
      </c>
      <c r="CK37" s="283">
        <v>36</v>
      </c>
      <c r="CL37" s="277">
        <v>0</v>
      </c>
      <c r="CM37" s="281">
        <v>0</v>
      </c>
      <c r="CN37" s="278">
        <v>0</v>
      </c>
      <c r="CO37" s="280">
        <v>0</v>
      </c>
      <c r="CP37" s="281">
        <v>2</v>
      </c>
      <c r="CQ37" s="281">
        <v>1</v>
      </c>
      <c r="CR37" s="281">
        <v>1</v>
      </c>
      <c r="CS37" s="281">
        <v>1</v>
      </c>
      <c r="CT37" s="281">
        <v>0</v>
      </c>
      <c r="CU37" s="278">
        <v>5</v>
      </c>
      <c r="CV37" s="283">
        <v>5</v>
      </c>
      <c r="CW37" s="277">
        <v>0</v>
      </c>
      <c r="CX37" s="281">
        <v>0</v>
      </c>
      <c r="CY37" s="278">
        <v>0</v>
      </c>
      <c r="CZ37" s="280">
        <v>0</v>
      </c>
      <c r="DA37" s="281">
        <v>0</v>
      </c>
      <c r="DB37" s="281">
        <v>0</v>
      </c>
      <c r="DC37" s="281">
        <v>0</v>
      </c>
      <c r="DD37" s="281">
        <v>0</v>
      </c>
      <c r="DE37" s="281">
        <v>0</v>
      </c>
      <c r="DF37" s="278">
        <v>0</v>
      </c>
      <c r="DG37" s="283">
        <v>0</v>
      </c>
      <c r="DH37" s="277">
        <v>0</v>
      </c>
      <c r="DI37" s="281">
        <v>0</v>
      </c>
      <c r="DJ37" s="278">
        <v>0</v>
      </c>
      <c r="DK37" s="280">
        <v>0</v>
      </c>
      <c r="DL37" s="281">
        <v>0</v>
      </c>
      <c r="DM37" s="281">
        <v>0</v>
      </c>
      <c r="DN37" s="281">
        <v>0</v>
      </c>
      <c r="DO37" s="281">
        <v>0</v>
      </c>
      <c r="DP37" s="281">
        <v>0</v>
      </c>
      <c r="DQ37" s="278">
        <v>0</v>
      </c>
      <c r="DR37" s="283">
        <v>0</v>
      </c>
      <c r="DS37" s="277">
        <v>30</v>
      </c>
      <c r="DT37" s="281">
        <v>74</v>
      </c>
      <c r="DU37" s="278">
        <v>104</v>
      </c>
      <c r="DV37" s="280">
        <v>0</v>
      </c>
      <c r="DW37" s="281">
        <v>163</v>
      </c>
      <c r="DX37" s="281">
        <v>156</v>
      </c>
      <c r="DY37" s="281">
        <v>80</v>
      </c>
      <c r="DZ37" s="281">
        <v>60</v>
      </c>
      <c r="EA37" s="281">
        <v>31</v>
      </c>
      <c r="EB37" s="278">
        <v>490</v>
      </c>
      <c r="EC37" s="283">
        <v>594</v>
      </c>
      <c r="ED37" s="277">
        <v>24</v>
      </c>
      <c r="EE37" s="281">
        <v>13</v>
      </c>
      <c r="EF37" s="278">
        <v>37</v>
      </c>
      <c r="EG37" s="280">
        <v>0</v>
      </c>
      <c r="EH37" s="281">
        <v>41</v>
      </c>
      <c r="EI37" s="281">
        <v>25</v>
      </c>
      <c r="EJ37" s="281">
        <v>23</v>
      </c>
      <c r="EK37" s="281">
        <v>30</v>
      </c>
      <c r="EL37" s="281">
        <v>10</v>
      </c>
      <c r="EM37" s="278">
        <v>129</v>
      </c>
      <c r="EN37" s="283">
        <v>166</v>
      </c>
      <c r="EO37" s="277">
        <v>37</v>
      </c>
      <c r="EP37" s="281">
        <v>88</v>
      </c>
      <c r="EQ37" s="278">
        <v>125</v>
      </c>
      <c r="ER37" s="280">
        <v>0</v>
      </c>
      <c r="ES37" s="281">
        <v>291</v>
      </c>
      <c r="ET37" s="281">
        <v>202</v>
      </c>
      <c r="EU37" s="281">
        <v>97</v>
      </c>
      <c r="EV37" s="281">
        <v>69</v>
      </c>
      <c r="EW37" s="281">
        <v>31</v>
      </c>
      <c r="EX37" s="278">
        <v>690</v>
      </c>
      <c r="EY37" s="283">
        <v>815</v>
      </c>
    </row>
    <row r="38" spans="1:155" ht="19.5" customHeight="1" x14ac:dyDescent="0.2">
      <c r="A38" s="262" t="s">
        <v>36</v>
      </c>
      <c r="B38" s="277">
        <v>0</v>
      </c>
      <c r="C38" s="281">
        <v>0</v>
      </c>
      <c r="D38" s="385">
        <v>0</v>
      </c>
      <c r="E38" s="280">
        <v>0</v>
      </c>
      <c r="F38" s="281">
        <v>66</v>
      </c>
      <c r="G38" s="281">
        <v>59</v>
      </c>
      <c r="H38" s="281">
        <v>35</v>
      </c>
      <c r="I38" s="281">
        <v>29</v>
      </c>
      <c r="J38" s="281">
        <v>25</v>
      </c>
      <c r="K38" s="282">
        <v>214</v>
      </c>
      <c r="L38" s="283">
        <v>214</v>
      </c>
      <c r="M38" s="277">
        <v>0</v>
      </c>
      <c r="N38" s="281">
        <v>1</v>
      </c>
      <c r="O38" s="278">
        <v>1</v>
      </c>
      <c r="P38" s="280">
        <v>0</v>
      </c>
      <c r="Q38" s="281">
        <v>2</v>
      </c>
      <c r="R38" s="281">
        <v>5</v>
      </c>
      <c r="S38" s="281">
        <v>1</v>
      </c>
      <c r="T38" s="281">
        <v>11</v>
      </c>
      <c r="U38" s="281">
        <v>11</v>
      </c>
      <c r="V38" s="278">
        <v>30</v>
      </c>
      <c r="W38" s="283">
        <v>31</v>
      </c>
      <c r="X38" s="277">
        <v>11</v>
      </c>
      <c r="Y38" s="281">
        <v>17</v>
      </c>
      <c r="Z38" s="278">
        <v>28</v>
      </c>
      <c r="AA38" s="280">
        <v>0</v>
      </c>
      <c r="AB38" s="281">
        <v>55</v>
      </c>
      <c r="AC38" s="281">
        <v>53</v>
      </c>
      <c r="AD38" s="281">
        <v>32</v>
      </c>
      <c r="AE38" s="281">
        <v>32</v>
      </c>
      <c r="AF38" s="281">
        <v>29</v>
      </c>
      <c r="AG38" s="278">
        <v>201</v>
      </c>
      <c r="AH38" s="283">
        <v>229</v>
      </c>
      <c r="AI38" s="277">
        <v>4</v>
      </c>
      <c r="AJ38" s="281">
        <v>3</v>
      </c>
      <c r="AK38" s="278">
        <v>7</v>
      </c>
      <c r="AL38" s="280">
        <v>0</v>
      </c>
      <c r="AM38" s="281">
        <v>9</v>
      </c>
      <c r="AN38" s="281">
        <v>12</v>
      </c>
      <c r="AO38" s="281">
        <v>10</v>
      </c>
      <c r="AP38" s="281">
        <v>6</v>
      </c>
      <c r="AQ38" s="281">
        <v>6</v>
      </c>
      <c r="AR38" s="278">
        <v>43</v>
      </c>
      <c r="AS38" s="283">
        <v>50</v>
      </c>
      <c r="AT38" s="277">
        <v>3</v>
      </c>
      <c r="AU38" s="281">
        <v>8</v>
      </c>
      <c r="AV38" s="278">
        <v>11</v>
      </c>
      <c r="AW38" s="280">
        <v>0</v>
      </c>
      <c r="AX38" s="281">
        <v>35</v>
      </c>
      <c r="AY38" s="281">
        <v>58</v>
      </c>
      <c r="AZ38" s="281">
        <v>75</v>
      </c>
      <c r="BA38" s="281">
        <v>47</v>
      </c>
      <c r="BB38" s="281">
        <v>40</v>
      </c>
      <c r="BC38" s="282">
        <v>255</v>
      </c>
      <c r="BD38" s="283">
        <v>266</v>
      </c>
      <c r="BE38" s="277">
        <v>0</v>
      </c>
      <c r="BF38" s="281">
        <v>0</v>
      </c>
      <c r="BG38" s="278">
        <v>0</v>
      </c>
      <c r="BH38" s="280">
        <v>0</v>
      </c>
      <c r="BI38" s="281">
        <v>89</v>
      </c>
      <c r="BJ38" s="281">
        <v>83</v>
      </c>
      <c r="BK38" s="281">
        <v>47</v>
      </c>
      <c r="BL38" s="281">
        <v>25</v>
      </c>
      <c r="BM38" s="281">
        <v>16</v>
      </c>
      <c r="BN38" s="278">
        <v>260</v>
      </c>
      <c r="BO38" s="283">
        <v>260</v>
      </c>
      <c r="BP38" s="277">
        <v>4</v>
      </c>
      <c r="BQ38" s="281">
        <v>13</v>
      </c>
      <c r="BR38" s="278">
        <v>17</v>
      </c>
      <c r="BS38" s="280">
        <v>0</v>
      </c>
      <c r="BT38" s="281">
        <v>26</v>
      </c>
      <c r="BU38" s="281">
        <v>24</v>
      </c>
      <c r="BV38" s="281">
        <v>14</v>
      </c>
      <c r="BW38" s="281">
        <v>3</v>
      </c>
      <c r="BX38" s="281">
        <v>1</v>
      </c>
      <c r="BY38" s="278">
        <v>68</v>
      </c>
      <c r="BZ38" s="283">
        <v>85</v>
      </c>
      <c r="CA38" s="277">
        <v>0</v>
      </c>
      <c r="CB38" s="281">
        <v>1</v>
      </c>
      <c r="CC38" s="278">
        <v>1</v>
      </c>
      <c r="CD38" s="280">
        <v>0</v>
      </c>
      <c r="CE38" s="281">
        <v>11</v>
      </c>
      <c r="CF38" s="281">
        <v>28</v>
      </c>
      <c r="CG38" s="281">
        <v>28</v>
      </c>
      <c r="CH38" s="281">
        <v>9</v>
      </c>
      <c r="CI38" s="281">
        <v>10</v>
      </c>
      <c r="CJ38" s="278">
        <v>86</v>
      </c>
      <c r="CK38" s="283">
        <v>87</v>
      </c>
      <c r="CL38" s="277">
        <v>0</v>
      </c>
      <c r="CM38" s="281">
        <v>0</v>
      </c>
      <c r="CN38" s="278">
        <v>0</v>
      </c>
      <c r="CO38" s="280">
        <v>0</v>
      </c>
      <c r="CP38" s="281">
        <v>0</v>
      </c>
      <c r="CQ38" s="281">
        <v>1</v>
      </c>
      <c r="CR38" s="281">
        <v>2</v>
      </c>
      <c r="CS38" s="281">
        <v>0</v>
      </c>
      <c r="CT38" s="281">
        <v>0</v>
      </c>
      <c r="CU38" s="278">
        <v>3</v>
      </c>
      <c r="CV38" s="283">
        <v>3</v>
      </c>
      <c r="CW38" s="277">
        <v>0</v>
      </c>
      <c r="CX38" s="281">
        <v>0</v>
      </c>
      <c r="CY38" s="278">
        <v>0</v>
      </c>
      <c r="CZ38" s="280">
        <v>0</v>
      </c>
      <c r="DA38" s="281">
        <v>0</v>
      </c>
      <c r="DB38" s="281">
        <v>0</v>
      </c>
      <c r="DC38" s="281">
        <v>0</v>
      </c>
      <c r="DD38" s="281">
        <v>0</v>
      </c>
      <c r="DE38" s="281">
        <v>0</v>
      </c>
      <c r="DF38" s="278">
        <v>0</v>
      </c>
      <c r="DG38" s="283">
        <v>0</v>
      </c>
      <c r="DH38" s="277">
        <v>0</v>
      </c>
      <c r="DI38" s="281">
        <v>0</v>
      </c>
      <c r="DJ38" s="278">
        <v>0</v>
      </c>
      <c r="DK38" s="280">
        <v>0</v>
      </c>
      <c r="DL38" s="281">
        <v>0</v>
      </c>
      <c r="DM38" s="281">
        <v>0</v>
      </c>
      <c r="DN38" s="281">
        <v>0</v>
      </c>
      <c r="DO38" s="281">
        <v>0</v>
      </c>
      <c r="DP38" s="281">
        <v>0</v>
      </c>
      <c r="DQ38" s="278">
        <v>0</v>
      </c>
      <c r="DR38" s="283">
        <v>0</v>
      </c>
      <c r="DS38" s="277">
        <v>32</v>
      </c>
      <c r="DT38" s="281">
        <v>92</v>
      </c>
      <c r="DU38" s="278">
        <v>124</v>
      </c>
      <c r="DV38" s="280">
        <v>0</v>
      </c>
      <c r="DW38" s="281">
        <v>156</v>
      </c>
      <c r="DX38" s="281">
        <v>164</v>
      </c>
      <c r="DY38" s="281">
        <v>97</v>
      </c>
      <c r="DZ38" s="281">
        <v>70</v>
      </c>
      <c r="EA38" s="281">
        <v>45</v>
      </c>
      <c r="EB38" s="278">
        <v>532</v>
      </c>
      <c r="EC38" s="283">
        <v>656</v>
      </c>
      <c r="ED38" s="277">
        <v>1</v>
      </c>
      <c r="EE38" s="281">
        <v>2</v>
      </c>
      <c r="EF38" s="278">
        <v>3</v>
      </c>
      <c r="EG38" s="280">
        <v>0</v>
      </c>
      <c r="EH38" s="281">
        <v>9</v>
      </c>
      <c r="EI38" s="281">
        <v>13</v>
      </c>
      <c r="EJ38" s="281">
        <v>18</v>
      </c>
      <c r="EK38" s="281">
        <v>6</v>
      </c>
      <c r="EL38" s="281">
        <v>7</v>
      </c>
      <c r="EM38" s="278">
        <v>53</v>
      </c>
      <c r="EN38" s="283">
        <v>56</v>
      </c>
      <c r="EO38" s="277">
        <v>47</v>
      </c>
      <c r="EP38" s="281">
        <v>113</v>
      </c>
      <c r="EQ38" s="278">
        <v>160</v>
      </c>
      <c r="ER38" s="280">
        <v>0</v>
      </c>
      <c r="ES38" s="281">
        <v>269</v>
      </c>
      <c r="ET38" s="281">
        <v>228</v>
      </c>
      <c r="EU38" s="281">
        <v>139</v>
      </c>
      <c r="EV38" s="281">
        <v>81</v>
      </c>
      <c r="EW38" s="281">
        <v>54</v>
      </c>
      <c r="EX38" s="278">
        <v>771</v>
      </c>
      <c r="EY38" s="283">
        <v>931</v>
      </c>
    </row>
    <row r="39" spans="1:155" ht="19.5" customHeight="1" thickBot="1" x14ac:dyDescent="0.25">
      <c r="A39" s="263" t="s">
        <v>37</v>
      </c>
      <c r="B39" s="284">
        <v>0</v>
      </c>
      <c r="C39" s="288">
        <v>0</v>
      </c>
      <c r="D39" s="386">
        <v>0</v>
      </c>
      <c r="E39" s="287">
        <v>0</v>
      </c>
      <c r="F39" s="288">
        <v>4</v>
      </c>
      <c r="G39" s="288">
        <v>5</v>
      </c>
      <c r="H39" s="288">
        <v>4</v>
      </c>
      <c r="I39" s="288">
        <v>2</v>
      </c>
      <c r="J39" s="288">
        <v>3</v>
      </c>
      <c r="K39" s="289">
        <v>18</v>
      </c>
      <c r="L39" s="290">
        <v>18</v>
      </c>
      <c r="M39" s="284">
        <v>0</v>
      </c>
      <c r="N39" s="288">
        <v>0</v>
      </c>
      <c r="O39" s="285">
        <v>0</v>
      </c>
      <c r="P39" s="287">
        <v>0</v>
      </c>
      <c r="Q39" s="288">
        <v>0</v>
      </c>
      <c r="R39" s="288">
        <v>0</v>
      </c>
      <c r="S39" s="288">
        <v>1</v>
      </c>
      <c r="T39" s="288">
        <v>0</v>
      </c>
      <c r="U39" s="288">
        <v>0</v>
      </c>
      <c r="V39" s="285">
        <v>1</v>
      </c>
      <c r="W39" s="290">
        <v>1</v>
      </c>
      <c r="X39" s="284">
        <v>1</v>
      </c>
      <c r="Y39" s="288">
        <v>2</v>
      </c>
      <c r="Z39" s="285">
        <v>3</v>
      </c>
      <c r="AA39" s="287">
        <v>0</v>
      </c>
      <c r="AB39" s="288">
        <v>3</v>
      </c>
      <c r="AC39" s="288">
        <v>4</v>
      </c>
      <c r="AD39" s="288">
        <v>3</v>
      </c>
      <c r="AE39" s="288">
        <v>5</v>
      </c>
      <c r="AF39" s="288">
        <v>1</v>
      </c>
      <c r="AG39" s="285">
        <v>16</v>
      </c>
      <c r="AH39" s="290">
        <v>19</v>
      </c>
      <c r="AI39" s="284">
        <v>0</v>
      </c>
      <c r="AJ39" s="288">
        <v>0</v>
      </c>
      <c r="AK39" s="285">
        <v>0</v>
      </c>
      <c r="AL39" s="287">
        <v>0</v>
      </c>
      <c r="AM39" s="288">
        <v>2</v>
      </c>
      <c r="AN39" s="288">
        <v>2</v>
      </c>
      <c r="AO39" s="288">
        <v>2</v>
      </c>
      <c r="AP39" s="288">
        <v>1</v>
      </c>
      <c r="AQ39" s="288">
        <v>0</v>
      </c>
      <c r="AR39" s="285">
        <v>7</v>
      </c>
      <c r="AS39" s="290">
        <v>7</v>
      </c>
      <c r="AT39" s="284">
        <v>0</v>
      </c>
      <c r="AU39" s="288">
        <v>0</v>
      </c>
      <c r="AV39" s="285">
        <v>0</v>
      </c>
      <c r="AW39" s="287">
        <v>0</v>
      </c>
      <c r="AX39" s="288">
        <v>3</v>
      </c>
      <c r="AY39" s="288">
        <v>3</v>
      </c>
      <c r="AZ39" s="288">
        <v>6</v>
      </c>
      <c r="BA39" s="288">
        <v>4</v>
      </c>
      <c r="BB39" s="288">
        <v>3</v>
      </c>
      <c r="BC39" s="289">
        <v>19</v>
      </c>
      <c r="BD39" s="290">
        <v>19</v>
      </c>
      <c r="BE39" s="284">
        <v>0</v>
      </c>
      <c r="BF39" s="288">
        <v>0</v>
      </c>
      <c r="BG39" s="285">
        <v>0</v>
      </c>
      <c r="BH39" s="287">
        <v>0</v>
      </c>
      <c r="BI39" s="288">
        <v>6</v>
      </c>
      <c r="BJ39" s="288">
        <v>2</v>
      </c>
      <c r="BK39" s="288">
        <v>4</v>
      </c>
      <c r="BL39" s="288">
        <v>1</v>
      </c>
      <c r="BM39" s="288">
        <v>1</v>
      </c>
      <c r="BN39" s="285">
        <v>14</v>
      </c>
      <c r="BO39" s="290">
        <v>14</v>
      </c>
      <c r="BP39" s="284">
        <v>2</v>
      </c>
      <c r="BQ39" s="288">
        <v>0</v>
      </c>
      <c r="BR39" s="285">
        <v>2</v>
      </c>
      <c r="BS39" s="287">
        <v>0</v>
      </c>
      <c r="BT39" s="288">
        <v>6</v>
      </c>
      <c r="BU39" s="288">
        <v>3</v>
      </c>
      <c r="BV39" s="288">
        <v>4</v>
      </c>
      <c r="BW39" s="288">
        <v>2</v>
      </c>
      <c r="BX39" s="288">
        <v>0</v>
      </c>
      <c r="BY39" s="285">
        <v>15</v>
      </c>
      <c r="BZ39" s="290">
        <v>17</v>
      </c>
      <c r="CA39" s="284">
        <v>0</v>
      </c>
      <c r="CB39" s="288">
        <v>0</v>
      </c>
      <c r="CC39" s="285">
        <v>0</v>
      </c>
      <c r="CD39" s="287">
        <v>0</v>
      </c>
      <c r="CE39" s="288">
        <v>2</v>
      </c>
      <c r="CF39" s="288">
        <v>1</v>
      </c>
      <c r="CG39" s="288">
        <v>4</v>
      </c>
      <c r="CH39" s="288">
        <v>2</v>
      </c>
      <c r="CI39" s="288">
        <v>2</v>
      </c>
      <c r="CJ39" s="285">
        <v>11</v>
      </c>
      <c r="CK39" s="290">
        <v>11</v>
      </c>
      <c r="CL39" s="284">
        <v>0</v>
      </c>
      <c r="CM39" s="288">
        <v>0</v>
      </c>
      <c r="CN39" s="285">
        <v>0</v>
      </c>
      <c r="CO39" s="287">
        <v>0</v>
      </c>
      <c r="CP39" s="288">
        <v>1</v>
      </c>
      <c r="CQ39" s="288">
        <v>0</v>
      </c>
      <c r="CR39" s="288">
        <v>1</v>
      </c>
      <c r="CS39" s="288">
        <v>1</v>
      </c>
      <c r="CT39" s="288">
        <v>0</v>
      </c>
      <c r="CU39" s="285">
        <v>3</v>
      </c>
      <c r="CV39" s="290">
        <v>3</v>
      </c>
      <c r="CW39" s="284">
        <v>0</v>
      </c>
      <c r="CX39" s="288">
        <v>0</v>
      </c>
      <c r="CY39" s="285">
        <v>0</v>
      </c>
      <c r="CZ39" s="287">
        <v>0</v>
      </c>
      <c r="DA39" s="288">
        <v>0</v>
      </c>
      <c r="DB39" s="288">
        <v>0</v>
      </c>
      <c r="DC39" s="288">
        <v>0</v>
      </c>
      <c r="DD39" s="288">
        <v>0</v>
      </c>
      <c r="DE39" s="288">
        <v>0</v>
      </c>
      <c r="DF39" s="285">
        <v>0</v>
      </c>
      <c r="DG39" s="290">
        <v>0</v>
      </c>
      <c r="DH39" s="284">
        <v>0</v>
      </c>
      <c r="DI39" s="288">
        <v>0</v>
      </c>
      <c r="DJ39" s="285">
        <v>0</v>
      </c>
      <c r="DK39" s="287">
        <v>0</v>
      </c>
      <c r="DL39" s="288">
        <v>0</v>
      </c>
      <c r="DM39" s="288">
        <v>0</v>
      </c>
      <c r="DN39" s="288">
        <v>0</v>
      </c>
      <c r="DO39" s="288">
        <v>0</v>
      </c>
      <c r="DP39" s="288">
        <v>0</v>
      </c>
      <c r="DQ39" s="285">
        <v>0</v>
      </c>
      <c r="DR39" s="290">
        <v>0</v>
      </c>
      <c r="DS39" s="284">
        <v>7</v>
      </c>
      <c r="DT39" s="288">
        <v>5</v>
      </c>
      <c r="DU39" s="285">
        <v>12</v>
      </c>
      <c r="DV39" s="287">
        <v>0</v>
      </c>
      <c r="DW39" s="288">
        <v>22</v>
      </c>
      <c r="DX39" s="288">
        <v>16</v>
      </c>
      <c r="DY39" s="288">
        <v>15</v>
      </c>
      <c r="DZ39" s="288">
        <v>7</v>
      </c>
      <c r="EA39" s="288">
        <v>4</v>
      </c>
      <c r="EB39" s="285">
        <v>64</v>
      </c>
      <c r="EC39" s="290">
        <v>76</v>
      </c>
      <c r="ED39" s="284">
        <v>0</v>
      </c>
      <c r="EE39" s="288">
        <v>0</v>
      </c>
      <c r="EF39" s="285">
        <v>0</v>
      </c>
      <c r="EG39" s="287">
        <v>0</v>
      </c>
      <c r="EH39" s="288">
        <v>0</v>
      </c>
      <c r="EI39" s="288">
        <v>0</v>
      </c>
      <c r="EJ39" s="288">
        <v>0</v>
      </c>
      <c r="EK39" s="288">
        <v>1</v>
      </c>
      <c r="EL39" s="288">
        <v>1</v>
      </c>
      <c r="EM39" s="285">
        <v>2</v>
      </c>
      <c r="EN39" s="290">
        <v>2</v>
      </c>
      <c r="EO39" s="284">
        <v>10</v>
      </c>
      <c r="EP39" s="288">
        <v>6</v>
      </c>
      <c r="EQ39" s="285">
        <v>16</v>
      </c>
      <c r="ER39" s="287">
        <v>0</v>
      </c>
      <c r="ES39" s="288">
        <v>30</v>
      </c>
      <c r="ET39" s="288">
        <v>19</v>
      </c>
      <c r="EU39" s="288">
        <v>16</v>
      </c>
      <c r="EV39" s="288">
        <v>8</v>
      </c>
      <c r="EW39" s="288">
        <v>4</v>
      </c>
      <c r="EX39" s="285">
        <v>77</v>
      </c>
      <c r="EY39" s="290">
        <v>93</v>
      </c>
    </row>
  </sheetData>
  <mergeCells count="59">
    <mergeCell ref="EO3:EY3"/>
    <mergeCell ref="ED3:EN3"/>
    <mergeCell ref="ER4:EX4"/>
    <mergeCell ref="EY4:EY5"/>
    <mergeCell ref="EC4:EC5"/>
    <mergeCell ref="ED4:EF4"/>
    <mergeCell ref="EG4:EM4"/>
    <mergeCell ref="EN4:EN5"/>
    <mergeCell ref="EO4:EQ4"/>
    <mergeCell ref="DS3:EC3"/>
    <mergeCell ref="DS4:DU4"/>
    <mergeCell ref="DV4:EB4"/>
    <mergeCell ref="DH3:DR3"/>
    <mergeCell ref="DH4:DJ4"/>
    <mergeCell ref="DK4:DQ4"/>
    <mergeCell ref="DR4:DR5"/>
    <mergeCell ref="BH4:BN4"/>
    <mergeCell ref="CW3:DG3"/>
    <mergeCell ref="CL3:CV3"/>
    <mergeCell ref="CW4:CY4"/>
    <mergeCell ref="CZ4:DF4"/>
    <mergeCell ref="DG4:DG5"/>
    <mergeCell ref="H1:I1"/>
    <mergeCell ref="K1:L1"/>
    <mergeCell ref="BE3:BO3"/>
    <mergeCell ref="BP3:BZ3"/>
    <mergeCell ref="CA3:CK3"/>
    <mergeCell ref="A3:A5"/>
    <mergeCell ref="M3:W3"/>
    <mergeCell ref="X3:AH3"/>
    <mergeCell ref="AI3:AS3"/>
    <mergeCell ref="AT3:BD3"/>
    <mergeCell ref="B3:L3"/>
    <mergeCell ref="B4:D4"/>
    <mergeCell ref="E4:K4"/>
    <mergeCell ref="L4:L5"/>
    <mergeCell ref="BD4:BD5"/>
    <mergeCell ref="M4:O4"/>
    <mergeCell ref="P4:V4"/>
    <mergeCell ref="AI4:AK4"/>
    <mergeCell ref="AL4:AR4"/>
    <mergeCell ref="AS4:AS5"/>
    <mergeCell ref="AT4:AV4"/>
    <mergeCell ref="W4:W5"/>
    <mergeCell ref="X4:Z4"/>
    <mergeCell ref="AA4:AG4"/>
    <mergeCell ref="AH4:AH5"/>
    <mergeCell ref="CV4:CV5"/>
    <mergeCell ref="BP4:BR4"/>
    <mergeCell ref="BS4:BY4"/>
    <mergeCell ref="BO4:BO5"/>
    <mergeCell ref="CA4:CC4"/>
    <mergeCell ref="CD4:CJ4"/>
    <mergeCell ref="CK4:CK5"/>
    <mergeCell ref="CL4:CN4"/>
    <mergeCell ref="CO4:CU4"/>
    <mergeCell ref="BZ4:BZ5"/>
    <mergeCell ref="AW4:BC4"/>
    <mergeCell ref="BE4:BG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10.21875" style="256" customWidth="1"/>
    <col min="7" max="7" width="10.44140625" style="256" customWidth="1"/>
    <col min="8" max="15" width="9" style="256"/>
    <col min="16" max="16" width="7.21875" style="256" customWidth="1"/>
    <col min="17" max="26" width="9" style="256"/>
    <col min="27" max="27" width="7.6640625" style="256" customWidth="1"/>
    <col min="28" max="37" width="9" style="256"/>
    <col min="38" max="38" width="7.6640625" style="256" customWidth="1"/>
    <col min="39" max="48" width="9" style="256"/>
    <col min="49" max="49" width="7.21875" style="256" customWidth="1"/>
    <col min="50" max="59" width="9" style="256"/>
    <col min="60" max="60" width="7.21875" style="256" customWidth="1"/>
    <col min="61" max="70" width="9" style="256"/>
    <col min="71" max="71" width="7.33203125" style="256" customWidth="1"/>
    <col min="72" max="81" width="9" style="256"/>
    <col min="82" max="82" width="7.44140625" style="256" customWidth="1"/>
    <col min="83" max="92" width="9" style="256"/>
    <col min="93" max="93" width="7.6640625" style="256" customWidth="1"/>
    <col min="94" max="103" width="9" style="256"/>
    <col min="104" max="104" width="7.44140625" style="256" customWidth="1"/>
    <col min="105" max="114" width="9" style="256"/>
    <col min="115" max="115" width="7.44140625" style="256" customWidth="1"/>
    <col min="116" max="125" width="9" style="256"/>
    <col min="126" max="126" width="7.44140625" style="256" customWidth="1"/>
    <col min="127" max="136" width="9" style="256"/>
    <col min="137" max="137" width="7.33203125" style="256" customWidth="1"/>
    <col min="138" max="147" width="9" style="256"/>
    <col min="148" max="148" width="7.77734375" style="256" customWidth="1"/>
    <col min="149" max="16384" width="9" style="256"/>
  </cols>
  <sheetData>
    <row r="1" spans="1:155" ht="24" customHeight="1" x14ac:dyDescent="0.2">
      <c r="A1" s="291" t="s">
        <v>122</v>
      </c>
      <c r="H1" s="528">
        <f>第１表!F2</f>
        <v>4</v>
      </c>
      <c r="I1" s="528"/>
      <c r="J1" s="248">
        <f>第１表!G2</f>
        <v>6</v>
      </c>
      <c r="K1" s="529">
        <f>IF(J1&lt;3,J1+12-2,J1-2)</f>
        <v>4</v>
      </c>
      <c r="L1" s="529"/>
    </row>
    <row r="2" spans="1:155" ht="21" customHeight="1" thickBot="1" x14ac:dyDescent="0.25">
      <c r="A2" s="291" t="s">
        <v>131</v>
      </c>
      <c r="F2" s="247"/>
      <c r="G2" s="248"/>
      <c r="I2" s="323"/>
      <c r="J2" s="323"/>
    </row>
    <row r="3" spans="1:155" ht="23.25" customHeight="1" thickBot="1" x14ac:dyDescent="0.25">
      <c r="A3" s="537"/>
      <c r="B3" s="540" t="s">
        <v>70</v>
      </c>
      <c r="C3" s="541"/>
      <c r="D3" s="541"/>
      <c r="E3" s="541"/>
      <c r="F3" s="541"/>
      <c r="G3" s="541"/>
      <c r="H3" s="541"/>
      <c r="I3" s="541"/>
      <c r="J3" s="541"/>
      <c r="K3" s="541"/>
      <c r="L3" s="542"/>
      <c r="M3" s="540" t="s">
        <v>71</v>
      </c>
      <c r="N3" s="541"/>
      <c r="O3" s="541"/>
      <c r="P3" s="541"/>
      <c r="Q3" s="541"/>
      <c r="R3" s="541"/>
      <c r="S3" s="541"/>
      <c r="T3" s="541"/>
      <c r="U3" s="541"/>
      <c r="V3" s="541"/>
      <c r="W3" s="542"/>
      <c r="X3" s="540" t="s">
        <v>72</v>
      </c>
      <c r="Y3" s="541"/>
      <c r="Z3" s="541"/>
      <c r="AA3" s="541"/>
      <c r="AB3" s="541"/>
      <c r="AC3" s="541"/>
      <c r="AD3" s="541"/>
      <c r="AE3" s="541"/>
      <c r="AF3" s="541"/>
      <c r="AG3" s="541"/>
      <c r="AH3" s="542"/>
      <c r="AI3" s="540" t="s">
        <v>73</v>
      </c>
      <c r="AJ3" s="541"/>
      <c r="AK3" s="541"/>
      <c r="AL3" s="541"/>
      <c r="AM3" s="541"/>
      <c r="AN3" s="541"/>
      <c r="AO3" s="541"/>
      <c r="AP3" s="541"/>
      <c r="AQ3" s="541"/>
      <c r="AR3" s="541"/>
      <c r="AS3" s="542"/>
      <c r="AT3" s="540" t="s">
        <v>74</v>
      </c>
      <c r="AU3" s="541"/>
      <c r="AV3" s="541"/>
      <c r="AW3" s="541"/>
      <c r="AX3" s="541"/>
      <c r="AY3" s="541"/>
      <c r="AZ3" s="541"/>
      <c r="BA3" s="541"/>
      <c r="BB3" s="541"/>
      <c r="BC3" s="541"/>
      <c r="BD3" s="542"/>
      <c r="BE3" s="540" t="s">
        <v>75</v>
      </c>
      <c r="BF3" s="541"/>
      <c r="BG3" s="541"/>
      <c r="BH3" s="541"/>
      <c r="BI3" s="541"/>
      <c r="BJ3" s="541"/>
      <c r="BK3" s="541"/>
      <c r="BL3" s="541"/>
      <c r="BM3" s="541"/>
      <c r="BN3" s="541"/>
      <c r="BO3" s="542"/>
      <c r="BP3" s="540" t="s">
        <v>76</v>
      </c>
      <c r="BQ3" s="541"/>
      <c r="BR3" s="541"/>
      <c r="BS3" s="541"/>
      <c r="BT3" s="541"/>
      <c r="BU3" s="541"/>
      <c r="BV3" s="541"/>
      <c r="BW3" s="541"/>
      <c r="BX3" s="541"/>
      <c r="BY3" s="541"/>
      <c r="BZ3" s="542"/>
      <c r="CA3" s="540" t="s">
        <v>77</v>
      </c>
      <c r="CB3" s="541"/>
      <c r="CC3" s="541"/>
      <c r="CD3" s="541"/>
      <c r="CE3" s="541"/>
      <c r="CF3" s="541"/>
      <c r="CG3" s="541"/>
      <c r="CH3" s="541"/>
      <c r="CI3" s="541"/>
      <c r="CJ3" s="541"/>
      <c r="CK3" s="542"/>
      <c r="CL3" s="540" t="s">
        <v>78</v>
      </c>
      <c r="CM3" s="541"/>
      <c r="CN3" s="541"/>
      <c r="CO3" s="541"/>
      <c r="CP3" s="541"/>
      <c r="CQ3" s="541"/>
      <c r="CR3" s="541"/>
      <c r="CS3" s="541"/>
      <c r="CT3" s="541"/>
      <c r="CU3" s="541"/>
      <c r="CV3" s="542"/>
      <c r="CW3" s="540" t="s">
        <v>79</v>
      </c>
      <c r="CX3" s="541"/>
      <c r="CY3" s="541"/>
      <c r="CZ3" s="541"/>
      <c r="DA3" s="541"/>
      <c r="DB3" s="541"/>
      <c r="DC3" s="541"/>
      <c r="DD3" s="541"/>
      <c r="DE3" s="541"/>
      <c r="DF3" s="541"/>
      <c r="DG3" s="542"/>
      <c r="DH3" s="540" t="s">
        <v>152</v>
      </c>
      <c r="DI3" s="541"/>
      <c r="DJ3" s="541"/>
      <c r="DK3" s="541"/>
      <c r="DL3" s="541"/>
      <c r="DM3" s="541"/>
      <c r="DN3" s="541"/>
      <c r="DO3" s="541"/>
      <c r="DP3" s="541"/>
      <c r="DQ3" s="541"/>
      <c r="DR3" s="542"/>
      <c r="DS3" s="540" t="s">
        <v>80</v>
      </c>
      <c r="DT3" s="541"/>
      <c r="DU3" s="541"/>
      <c r="DV3" s="541"/>
      <c r="DW3" s="541"/>
      <c r="DX3" s="541"/>
      <c r="DY3" s="541"/>
      <c r="DZ3" s="541"/>
      <c r="EA3" s="541"/>
      <c r="EB3" s="541"/>
      <c r="EC3" s="542"/>
      <c r="ED3" s="540" t="s">
        <v>68</v>
      </c>
      <c r="EE3" s="541"/>
      <c r="EF3" s="541"/>
      <c r="EG3" s="541"/>
      <c r="EH3" s="541"/>
      <c r="EI3" s="541"/>
      <c r="EJ3" s="541"/>
      <c r="EK3" s="541"/>
      <c r="EL3" s="541"/>
      <c r="EM3" s="541"/>
      <c r="EN3" s="542"/>
      <c r="EO3" s="543" t="s">
        <v>69</v>
      </c>
      <c r="EP3" s="544"/>
      <c r="EQ3" s="544"/>
      <c r="ER3" s="544"/>
      <c r="ES3" s="544"/>
      <c r="ET3" s="544"/>
      <c r="EU3" s="544"/>
      <c r="EV3" s="544"/>
      <c r="EW3" s="544"/>
      <c r="EX3" s="544"/>
      <c r="EY3" s="545"/>
    </row>
    <row r="4" spans="1:155"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4"/>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c r="DH4" s="532" t="s">
        <v>61</v>
      </c>
      <c r="DI4" s="533"/>
      <c r="DJ4" s="534"/>
      <c r="DK4" s="535" t="s">
        <v>62</v>
      </c>
      <c r="DL4" s="533"/>
      <c r="DM4" s="533"/>
      <c r="DN4" s="533"/>
      <c r="DO4" s="533"/>
      <c r="DP4" s="533"/>
      <c r="DQ4" s="534"/>
      <c r="DR4" s="530" t="s">
        <v>52</v>
      </c>
      <c r="DS4" s="532" t="s">
        <v>61</v>
      </c>
      <c r="DT4" s="533"/>
      <c r="DU4" s="534"/>
      <c r="DV4" s="535" t="s">
        <v>62</v>
      </c>
      <c r="DW4" s="533"/>
      <c r="DX4" s="533"/>
      <c r="DY4" s="533"/>
      <c r="DZ4" s="533"/>
      <c r="EA4" s="533"/>
      <c r="EB4" s="534"/>
      <c r="EC4" s="530" t="s">
        <v>52</v>
      </c>
      <c r="ED4" s="532" t="s">
        <v>61</v>
      </c>
      <c r="EE4" s="533"/>
      <c r="EF4" s="534"/>
      <c r="EG4" s="535" t="s">
        <v>62</v>
      </c>
      <c r="EH4" s="533"/>
      <c r="EI4" s="533"/>
      <c r="EJ4" s="533"/>
      <c r="EK4" s="533"/>
      <c r="EL4" s="533"/>
      <c r="EM4" s="534"/>
      <c r="EN4" s="530" t="s">
        <v>52</v>
      </c>
      <c r="EO4" s="532" t="s">
        <v>61</v>
      </c>
      <c r="EP4" s="533"/>
      <c r="EQ4" s="534"/>
      <c r="ER4" s="535" t="s">
        <v>62</v>
      </c>
      <c r="ES4" s="533"/>
      <c r="ET4" s="533"/>
      <c r="EU4" s="533"/>
      <c r="EV4" s="533"/>
      <c r="EW4" s="533"/>
      <c r="EX4" s="534"/>
      <c r="EY4" s="530" t="s">
        <v>52</v>
      </c>
    </row>
    <row r="5" spans="1:155" ht="34.5" customHeight="1" thickBot="1" x14ac:dyDescent="0.25">
      <c r="A5" s="539"/>
      <c r="B5" s="324" t="s">
        <v>43</v>
      </c>
      <c r="C5" s="260" t="s">
        <v>44</v>
      </c>
      <c r="D5" s="383" t="s">
        <v>45</v>
      </c>
      <c r="E5" s="268" t="s">
        <v>83</v>
      </c>
      <c r="F5" s="260" t="s">
        <v>47</v>
      </c>
      <c r="G5" s="260" t="s">
        <v>48</v>
      </c>
      <c r="H5" s="260" t="s">
        <v>49</v>
      </c>
      <c r="I5" s="260" t="s">
        <v>50</v>
      </c>
      <c r="J5" s="260" t="s">
        <v>51</v>
      </c>
      <c r="K5" s="269" t="s">
        <v>45</v>
      </c>
      <c r="L5" s="531"/>
      <c r="M5" s="324" t="s">
        <v>43</v>
      </c>
      <c r="N5" s="260" t="s">
        <v>44</v>
      </c>
      <c r="O5" s="266" t="s">
        <v>45</v>
      </c>
      <c r="P5" s="268" t="s">
        <v>83</v>
      </c>
      <c r="Q5" s="260" t="s">
        <v>47</v>
      </c>
      <c r="R5" s="260" t="s">
        <v>48</v>
      </c>
      <c r="S5" s="260" t="s">
        <v>49</v>
      </c>
      <c r="T5" s="260" t="s">
        <v>50</v>
      </c>
      <c r="U5" s="260" t="s">
        <v>51</v>
      </c>
      <c r="V5" s="266" t="s">
        <v>45</v>
      </c>
      <c r="W5" s="531"/>
      <c r="X5" s="324" t="s">
        <v>43</v>
      </c>
      <c r="Y5" s="260" t="s">
        <v>44</v>
      </c>
      <c r="Z5" s="266" t="s">
        <v>45</v>
      </c>
      <c r="AA5" s="268" t="s">
        <v>83</v>
      </c>
      <c r="AB5" s="260" t="s">
        <v>47</v>
      </c>
      <c r="AC5" s="260" t="s">
        <v>48</v>
      </c>
      <c r="AD5" s="260" t="s">
        <v>49</v>
      </c>
      <c r="AE5" s="260" t="s">
        <v>50</v>
      </c>
      <c r="AF5" s="260" t="s">
        <v>51</v>
      </c>
      <c r="AG5" s="266" t="s">
        <v>45</v>
      </c>
      <c r="AH5" s="531"/>
      <c r="AI5" s="324" t="s">
        <v>43</v>
      </c>
      <c r="AJ5" s="260" t="s">
        <v>44</v>
      </c>
      <c r="AK5" s="266" t="s">
        <v>45</v>
      </c>
      <c r="AL5" s="268" t="s">
        <v>83</v>
      </c>
      <c r="AM5" s="260" t="s">
        <v>47</v>
      </c>
      <c r="AN5" s="260" t="s">
        <v>48</v>
      </c>
      <c r="AO5" s="260" t="s">
        <v>49</v>
      </c>
      <c r="AP5" s="260" t="s">
        <v>50</v>
      </c>
      <c r="AQ5" s="260" t="s">
        <v>51</v>
      </c>
      <c r="AR5" s="266" t="s">
        <v>45</v>
      </c>
      <c r="AS5" s="531"/>
      <c r="AT5" s="324" t="s">
        <v>43</v>
      </c>
      <c r="AU5" s="260" t="s">
        <v>44</v>
      </c>
      <c r="AV5" s="266" t="s">
        <v>45</v>
      </c>
      <c r="AW5" s="268" t="s">
        <v>83</v>
      </c>
      <c r="AX5" s="260" t="s">
        <v>47</v>
      </c>
      <c r="AY5" s="260" t="s">
        <v>48</v>
      </c>
      <c r="AZ5" s="260" t="s">
        <v>49</v>
      </c>
      <c r="BA5" s="260" t="s">
        <v>50</v>
      </c>
      <c r="BB5" s="260" t="s">
        <v>51</v>
      </c>
      <c r="BC5" s="269" t="s">
        <v>45</v>
      </c>
      <c r="BD5" s="531"/>
      <c r="BE5" s="324" t="s">
        <v>43</v>
      </c>
      <c r="BF5" s="260" t="s">
        <v>44</v>
      </c>
      <c r="BG5" s="266" t="s">
        <v>45</v>
      </c>
      <c r="BH5" s="268" t="s">
        <v>83</v>
      </c>
      <c r="BI5" s="260" t="s">
        <v>47</v>
      </c>
      <c r="BJ5" s="260" t="s">
        <v>48</v>
      </c>
      <c r="BK5" s="260" t="s">
        <v>49</v>
      </c>
      <c r="BL5" s="260" t="s">
        <v>50</v>
      </c>
      <c r="BM5" s="260" t="s">
        <v>51</v>
      </c>
      <c r="BN5" s="266" t="s">
        <v>45</v>
      </c>
      <c r="BO5" s="531"/>
      <c r="BP5" s="324" t="s">
        <v>43</v>
      </c>
      <c r="BQ5" s="260" t="s">
        <v>44</v>
      </c>
      <c r="BR5" s="266" t="s">
        <v>45</v>
      </c>
      <c r="BS5" s="268" t="s">
        <v>83</v>
      </c>
      <c r="BT5" s="260" t="s">
        <v>47</v>
      </c>
      <c r="BU5" s="260" t="s">
        <v>48</v>
      </c>
      <c r="BV5" s="260" t="s">
        <v>49</v>
      </c>
      <c r="BW5" s="260" t="s">
        <v>50</v>
      </c>
      <c r="BX5" s="260" t="s">
        <v>51</v>
      </c>
      <c r="BY5" s="266" t="s">
        <v>45</v>
      </c>
      <c r="BZ5" s="531"/>
      <c r="CA5" s="324" t="s">
        <v>43</v>
      </c>
      <c r="CB5" s="260" t="s">
        <v>44</v>
      </c>
      <c r="CC5" s="266" t="s">
        <v>45</v>
      </c>
      <c r="CD5" s="268" t="s">
        <v>83</v>
      </c>
      <c r="CE5" s="260" t="s">
        <v>47</v>
      </c>
      <c r="CF5" s="260" t="s">
        <v>48</v>
      </c>
      <c r="CG5" s="260" t="s">
        <v>49</v>
      </c>
      <c r="CH5" s="260" t="s">
        <v>50</v>
      </c>
      <c r="CI5" s="260" t="s">
        <v>51</v>
      </c>
      <c r="CJ5" s="266" t="s">
        <v>45</v>
      </c>
      <c r="CK5" s="531"/>
      <c r="CL5" s="324" t="s">
        <v>43</v>
      </c>
      <c r="CM5" s="260" t="s">
        <v>44</v>
      </c>
      <c r="CN5" s="266" t="s">
        <v>45</v>
      </c>
      <c r="CO5" s="268" t="s">
        <v>83</v>
      </c>
      <c r="CP5" s="260" t="s">
        <v>47</v>
      </c>
      <c r="CQ5" s="260" t="s">
        <v>48</v>
      </c>
      <c r="CR5" s="260" t="s">
        <v>49</v>
      </c>
      <c r="CS5" s="260" t="s">
        <v>50</v>
      </c>
      <c r="CT5" s="260" t="s">
        <v>51</v>
      </c>
      <c r="CU5" s="266" t="s">
        <v>45</v>
      </c>
      <c r="CV5" s="531"/>
      <c r="CW5" s="324" t="s">
        <v>43</v>
      </c>
      <c r="CX5" s="260" t="s">
        <v>44</v>
      </c>
      <c r="CY5" s="266" t="s">
        <v>45</v>
      </c>
      <c r="CZ5" s="268" t="s">
        <v>83</v>
      </c>
      <c r="DA5" s="260" t="s">
        <v>47</v>
      </c>
      <c r="DB5" s="260" t="s">
        <v>48</v>
      </c>
      <c r="DC5" s="260" t="s">
        <v>49</v>
      </c>
      <c r="DD5" s="260" t="s">
        <v>50</v>
      </c>
      <c r="DE5" s="260" t="s">
        <v>51</v>
      </c>
      <c r="DF5" s="266" t="s">
        <v>45</v>
      </c>
      <c r="DG5" s="531"/>
      <c r="DH5" s="345" t="s">
        <v>43</v>
      </c>
      <c r="DI5" s="260" t="s">
        <v>44</v>
      </c>
      <c r="DJ5" s="266" t="s">
        <v>45</v>
      </c>
      <c r="DK5" s="268" t="s">
        <v>83</v>
      </c>
      <c r="DL5" s="260" t="s">
        <v>47</v>
      </c>
      <c r="DM5" s="260" t="s">
        <v>48</v>
      </c>
      <c r="DN5" s="260" t="s">
        <v>49</v>
      </c>
      <c r="DO5" s="260" t="s">
        <v>50</v>
      </c>
      <c r="DP5" s="260" t="s">
        <v>51</v>
      </c>
      <c r="DQ5" s="266" t="s">
        <v>45</v>
      </c>
      <c r="DR5" s="531"/>
      <c r="DS5" s="324" t="s">
        <v>43</v>
      </c>
      <c r="DT5" s="260" t="s">
        <v>44</v>
      </c>
      <c r="DU5" s="266" t="s">
        <v>45</v>
      </c>
      <c r="DV5" s="268" t="s">
        <v>83</v>
      </c>
      <c r="DW5" s="260" t="s">
        <v>47</v>
      </c>
      <c r="DX5" s="260" t="s">
        <v>48</v>
      </c>
      <c r="DY5" s="260" t="s">
        <v>49</v>
      </c>
      <c r="DZ5" s="260" t="s">
        <v>50</v>
      </c>
      <c r="EA5" s="260" t="s">
        <v>51</v>
      </c>
      <c r="EB5" s="266" t="s">
        <v>45</v>
      </c>
      <c r="EC5" s="531"/>
      <c r="ED5" s="324" t="s">
        <v>43</v>
      </c>
      <c r="EE5" s="260" t="s">
        <v>44</v>
      </c>
      <c r="EF5" s="266" t="s">
        <v>45</v>
      </c>
      <c r="EG5" s="268" t="s">
        <v>83</v>
      </c>
      <c r="EH5" s="260" t="s">
        <v>47</v>
      </c>
      <c r="EI5" s="260" t="s">
        <v>48</v>
      </c>
      <c r="EJ5" s="260" t="s">
        <v>49</v>
      </c>
      <c r="EK5" s="260" t="s">
        <v>50</v>
      </c>
      <c r="EL5" s="260" t="s">
        <v>51</v>
      </c>
      <c r="EM5" s="266" t="s">
        <v>45</v>
      </c>
      <c r="EN5" s="531"/>
      <c r="EO5" s="324" t="s">
        <v>43</v>
      </c>
      <c r="EP5" s="260" t="s">
        <v>44</v>
      </c>
      <c r="EQ5" s="266" t="s">
        <v>45</v>
      </c>
      <c r="ER5" s="268" t="s">
        <v>83</v>
      </c>
      <c r="ES5" s="260" t="s">
        <v>47</v>
      </c>
      <c r="ET5" s="260" t="s">
        <v>48</v>
      </c>
      <c r="EU5" s="260" t="s">
        <v>49</v>
      </c>
      <c r="EV5" s="260" t="s">
        <v>50</v>
      </c>
      <c r="EW5" s="260" t="s">
        <v>51</v>
      </c>
      <c r="EX5" s="266" t="s">
        <v>45</v>
      </c>
      <c r="EY5" s="531"/>
    </row>
    <row r="6" spans="1:155" ht="19.5" customHeight="1" x14ac:dyDescent="0.2">
      <c r="A6" s="261" t="s">
        <v>4</v>
      </c>
      <c r="B6" s="270">
        <v>0</v>
      </c>
      <c r="C6" s="274">
        <v>0</v>
      </c>
      <c r="D6" s="384">
        <v>0</v>
      </c>
      <c r="E6" s="273">
        <v>0</v>
      </c>
      <c r="F6" s="274">
        <v>1303</v>
      </c>
      <c r="G6" s="274">
        <v>1319</v>
      </c>
      <c r="H6" s="274">
        <v>803</v>
      </c>
      <c r="I6" s="274">
        <v>583</v>
      </c>
      <c r="J6" s="274">
        <v>398</v>
      </c>
      <c r="K6" s="275">
        <v>4406</v>
      </c>
      <c r="L6" s="276">
        <v>4406</v>
      </c>
      <c r="M6" s="270">
        <v>1</v>
      </c>
      <c r="N6" s="274">
        <v>2</v>
      </c>
      <c r="O6" s="271">
        <v>3</v>
      </c>
      <c r="P6" s="273">
        <v>0</v>
      </c>
      <c r="Q6" s="274">
        <v>10</v>
      </c>
      <c r="R6" s="274">
        <v>26</v>
      </c>
      <c r="S6" s="274">
        <v>67</v>
      </c>
      <c r="T6" s="274">
        <v>138</v>
      </c>
      <c r="U6" s="274">
        <v>218</v>
      </c>
      <c r="V6" s="271">
        <v>459</v>
      </c>
      <c r="W6" s="276">
        <v>462</v>
      </c>
      <c r="X6" s="270">
        <v>185</v>
      </c>
      <c r="Y6" s="274">
        <v>343</v>
      </c>
      <c r="Z6" s="271">
        <v>528</v>
      </c>
      <c r="AA6" s="273">
        <v>0</v>
      </c>
      <c r="AB6" s="274">
        <v>926</v>
      </c>
      <c r="AC6" s="274">
        <v>1169</v>
      </c>
      <c r="AD6" s="274">
        <v>730</v>
      </c>
      <c r="AE6" s="274">
        <v>591</v>
      </c>
      <c r="AF6" s="274">
        <v>365</v>
      </c>
      <c r="AG6" s="271">
        <v>3781</v>
      </c>
      <c r="AH6" s="276">
        <v>4309</v>
      </c>
      <c r="AI6" s="270">
        <v>22</v>
      </c>
      <c r="AJ6" s="274">
        <v>51</v>
      </c>
      <c r="AK6" s="271">
        <v>73</v>
      </c>
      <c r="AL6" s="273">
        <v>0</v>
      </c>
      <c r="AM6" s="274">
        <v>65</v>
      </c>
      <c r="AN6" s="274">
        <v>115</v>
      </c>
      <c r="AO6" s="274">
        <v>72</v>
      </c>
      <c r="AP6" s="274">
        <v>72</v>
      </c>
      <c r="AQ6" s="274">
        <v>38</v>
      </c>
      <c r="AR6" s="271">
        <v>362</v>
      </c>
      <c r="AS6" s="276">
        <v>435</v>
      </c>
      <c r="AT6" s="270">
        <v>307</v>
      </c>
      <c r="AU6" s="274">
        <v>312</v>
      </c>
      <c r="AV6" s="271">
        <v>619</v>
      </c>
      <c r="AW6" s="273">
        <v>0</v>
      </c>
      <c r="AX6" s="274">
        <v>1332</v>
      </c>
      <c r="AY6" s="274">
        <v>1595</v>
      </c>
      <c r="AZ6" s="274">
        <v>1442</v>
      </c>
      <c r="BA6" s="274">
        <v>1228</v>
      </c>
      <c r="BB6" s="274">
        <v>795</v>
      </c>
      <c r="BC6" s="275">
        <v>6392</v>
      </c>
      <c r="BD6" s="276">
        <v>7011</v>
      </c>
      <c r="BE6" s="270">
        <v>0</v>
      </c>
      <c r="BF6" s="274">
        <v>0</v>
      </c>
      <c r="BG6" s="271">
        <v>0</v>
      </c>
      <c r="BH6" s="273">
        <v>0</v>
      </c>
      <c r="BI6" s="274">
        <v>1584</v>
      </c>
      <c r="BJ6" s="274">
        <v>1360</v>
      </c>
      <c r="BK6" s="274">
        <v>837</v>
      </c>
      <c r="BL6" s="274">
        <v>390</v>
      </c>
      <c r="BM6" s="274">
        <v>145</v>
      </c>
      <c r="BN6" s="271">
        <v>4316</v>
      </c>
      <c r="BO6" s="276">
        <v>4316</v>
      </c>
      <c r="BP6" s="270">
        <v>125</v>
      </c>
      <c r="BQ6" s="274">
        <v>156</v>
      </c>
      <c r="BR6" s="271">
        <v>281</v>
      </c>
      <c r="BS6" s="273">
        <v>0</v>
      </c>
      <c r="BT6" s="274">
        <v>387</v>
      </c>
      <c r="BU6" s="274">
        <v>535</v>
      </c>
      <c r="BV6" s="274">
        <v>308</v>
      </c>
      <c r="BW6" s="274">
        <v>177</v>
      </c>
      <c r="BX6" s="274">
        <v>47</v>
      </c>
      <c r="BY6" s="271">
        <v>1454</v>
      </c>
      <c r="BZ6" s="276">
        <v>1735</v>
      </c>
      <c r="CA6" s="270">
        <v>5</v>
      </c>
      <c r="CB6" s="274">
        <v>17</v>
      </c>
      <c r="CC6" s="271">
        <v>22</v>
      </c>
      <c r="CD6" s="273">
        <v>0</v>
      </c>
      <c r="CE6" s="274">
        <v>161</v>
      </c>
      <c r="CF6" s="274">
        <v>207</v>
      </c>
      <c r="CG6" s="274">
        <v>309</v>
      </c>
      <c r="CH6" s="274">
        <v>231</v>
      </c>
      <c r="CI6" s="274">
        <v>77</v>
      </c>
      <c r="CJ6" s="271">
        <v>985</v>
      </c>
      <c r="CK6" s="276">
        <v>1007</v>
      </c>
      <c r="CL6" s="270">
        <v>0</v>
      </c>
      <c r="CM6" s="274">
        <v>0</v>
      </c>
      <c r="CN6" s="271">
        <v>0</v>
      </c>
      <c r="CO6" s="273">
        <v>0</v>
      </c>
      <c r="CP6" s="274">
        <v>26</v>
      </c>
      <c r="CQ6" s="274">
        <v>38</v>
      </c>
      <c r="CR6" s="274">
        <v>51</v>
      </c>
      <c r="CS6" s="274">
        <v>30</v>
      </c>
      <c r="CT6" s="274">
        <v>20</v>
      </c>
      <c r="CU6" s="271">
        <v>165</v>
      </c>
      <c r="CV6" s="276">
        <v>165</v>
      </c>
      <c r="CW6" s="270">
        <v>0</v>
      </c>
      <c r="CX6" s="274">
        <v>0</v>
      </c>
      <c r="CY6" s="271">
        <v>0</v>
      </c>
      <c r="CZ6" s="273">
        <v>0</v>
      </c>
      <c r="DA6" s="274">
        <v>0</v>
      </c>
      <c r="DB6" s="274">
        <v>0</v>
      </c>
      <c r="DC6" s="274">
        <v>0</v>
      </c>
      <c r="DD6" s="274">
        <v>0</v>
      </c>
      <c r="DE6" s="274">
        <v>0</v>
      </c>
      <c r="DF6" s="271">
        <v>0</v>
      </c>
      <c r="DG6" s="276">
        <v>0</v>
      </c>
      <c r="DH6" s="270">
        <v>0</v>
      </c>
      <c r="DI6" s="274">
        <v>0</v>
      </c>
      <c r="DJ6" s="271">
        <v>0</v>
      </c>
      <c r="DK6" s="273">
        <v>0</v>
      </c>
      <c r="DL6" s="274">
        <v>0</v>
      </c>
      <c r="DM6" s="274">
        <v>0</v>
      </c>
      <c r="DN6" s="274">
        <v>0</v>
      </c>
      <c r="DO6" s="274">
        <v>0</v>
      </c>
      <c r="DP6" s="274">
        <v>0</v>
      </c>
      <c r="DQ6" s="271">
        <v>0</v>
      </c>
      <c r="DR6" s="276">
        <v>0</v>
      </c>
      <c r="DS6" s="270">
        <v>622</v>
      </c>
      <c r="DT6" s="274">
        <v>1181</v>
      </c>
      <c r="DU6" s="271">
        <v>1803</v>
      </c>
      <c r="DV6" s="273">
        <v>0</v>
      </c>
      <c r="DW6" s="274">
        <v>1842</v>
      </c>
      <c r="DX6" s="274">
        <v>3014</v>
      </c>
      <c r="DY6" s="274">
        <v>1914</v>
      </c>
      <c r="DZ6" s="274">
        <v>1343</v>
      </c>
      <c r="EA6" s="274">
        <v>735</v>
      </c>
      <c r="EB6" s="271">
        <v>8848</v>
      </c>
      <c r="EC6" s="276">
        <v>10651</v>
      </c>
      <c r="ED6" s="270">
        <v>192</v>
      </c>
      <c r="EE6" s="274">
        <v>139</v>
      </c>
      <c r="EF6" s="271">
        <v>331</v>
      </c>
      <c r="EG6" s="273">
        <v>0</v>
      </c>
      <c r="EH6" s="274">
        <v>570</v>
      </c>
      <c r="EI6" s="274">
        <v>510</v>
      </c>
      <c r="EJ6" s="274">
        <v>482</v>
      </c>
      <c r="EK6" s="274">
        <v>432</v>
      </c>
      <c r="EL6" s="274">
        <v>244</v>
      </c>
      <c r="EM6" s="271">
        <v>2238</v>
      </c>
      <c r="EN6" s="276">
        <v>2569</v>
      </c>
      <c r="EO6" s="270">
        <v>901</v>
      </c>
      <c r="EP6" s="274">
        <v>1513</v>
      </c>
      <c r="EQ6" s="271">
        <v>2414</v>
      </c>
      <c r="ER6" s="273">
        <v>0</v>
      </c>
      <c r="ES6" s="274">
        <v>4238</v>
      </c>
      <c r="ET6" s="274">
        <v>4192</v>
      </c>
      <c r="EU6" s="274">
        <v>2312</v>
      </c>
      <c r="EV6" s="274">
        <v>1437</v>
      </c>
      <c r="EW6" s="274">
        <v>752</v>
      </c>
      <c r="EX6" s="271">
        <v>12931</v>
      </c>
      <c r="EY6" s="276">
        <v>15345</v>
      </c>
    </row>
    <row r="7" spans="1:155" ht="19.5" customHeight="1" x14ac:dyDescent="0.2">
      <c r="A7" s="262" t="s">
        <v>5</v>
      </c>
      <c r="B7" s="277">
        <v>0</v>
      </c>
      <c r="C7" s="281">
        <v>0</v>
      </c>
      <c r="D7" s="385">
        <v>0</v>
      </c>
      <c r="E7" s="280">
        <v>0</v>
      </c>
      <c r="F7" s="281">
        <v>528</v>
      </c>
      <c r="G7" s="281">
        <v>671</v>
      </c>
      <c r="H7" s="281">
        <v>379</v>
      </c>
      <c r="I7" s="281">
        <v>244</v>
      </c>
      <c r="J7" s="281">
        <v>175</v>
      </c>
      <c r="K7" s="282">
        <v>1997</v>
      </c>
      <c r="L7" s="283">
        <v>1997</v>
      </c>
      <c r="M7" s="277">
        <v>1</v>
      </c>
      <c r="N7" s="281">
        <v>2</v>
      </c>
      <c r="O7" s="278">
        <v>3</v>
      </c>
      <c r="P7" s="280">
        <v>0</v>
      </c>
      <c r="Q7" s="281">
        <v>4</v>
      </c>
      <c r="R7" s="281">
        <v>12</v>
      </c>
      <c r="S7" s="281">
        <v>27</v>
      </c>
      <c r="T7" s="281">
        <v>55</v>
      </c>
      <c r="U7" s="281">
        <v>102</v>
      </c>
      <c r="V7" s="278">
        <v>200</v>
      </c>
      <c r="W7" s="283">
        <v>203</v>
      </c>
      <c r="X7" s="277">
        <v>86</v>
      </c>
      <c r="Y7" s="281">
        <v>187</v>
      </c>
      <c r="Z7" s="278">
        <v>273</v>
      </c>
      <c r="AA7" s="280">
        <v>0</v>
      </c>
      <c r="AB7" s="281">
        <v>348</v>
      </c>
      <c r="AC7" s="281">
        <v>624</v>
      </c>
      <c r="AD7" s="281">
        <v>363</v>
      </c>
      <c r="AE7" s="281">
        <v>282</v>
      </c>
      <c r="AF7" s="281">
        <v>163</v>
      </c>
      <c r="AG7" s="278">
        <v>1780</v>
      </c>
      <c r="AH7" s="283">
        <v>2053</v>
      </c>
      <c r="AI7" s="277">
        <v>10</v>
      </c>
      <c r="AJ7" s="281">
        <v>28</v>
      </c>
      <c r="AK7" s="278">
        <v>38</v>
      </c>
      <c r="AL7" s="280">
        <v>0</v>
      </c>
      <c r="AM7" s="281">
        <v>15</v>
      </c>
      <c r="AN7" s="281">
        <v>57</v>
      </c>
      <c r="AO7" s="281">
        <v>29</v>
      </c>
      <c r="AP7" s="281">
        <v>29</v>
      </c>
      <c r="AQ7" s="281">
        <v>16</v>
      </c>
      <c r="AR7" s="278">
        <v>146</v>
      </c>
      <c r="AS7" s="283">
        <v>184</v>
      </c>
      <c r="AT7" s="277">
        <v>133</v>
      </c>
      <c r="AU7" s="281">
        <v>153</v>
      </c>
      <c r="AV7" s="278">
        <v>286</v>
      </c>
      <c r="AW7" s="280">
        <v>0</v>
      </c>
      <c r="AX7" s="281">
        <v>455</v>
      </c>
      <c r="AY7" s="281">
        <v>741</v>
      </c>
      <c r="AZ7" s="281">
        <v>624</v>
      </c>
      <c r="BA7" s="281">
        <v>511</v>
      </c>
      <c r="BB7" s="281">
        <v>342</v>
      </c>
      <c r="BC7" s="282">
        <v>2673</v>
      </c>
      <c r="BD7" s="283">
        <v>2959</v>
      </c>
      <c r="BE7" s="277">
        <v>0</v>
      </c>
      <c r="BF7" s="281">
        <v>0</v>
      </c>
      <c r="BG7" s="278">
        <v>0</v>
      </c>
      <c r="BH7" s="280">
        <v>0</v>
      </c>
      <c r="BI7" s="281">
        <v>594</v>
      </c>
      <c r="BJ7" s="281">
        <v>604</v>
      </c>
      <c r="BK7" s="281">
        <v>333</v>
      </c>
      <c r="BL7" s="281">
        <v>144</v>
      </c>
      <c r="BM7" s="281">
        <v>57</v>
      </c>
      <c r="BN7" s="278">
        <v>1732</v>
      </c>
      <c r="BO7" s="283">
        <v>1732</v>
      </c>
      <c r="BP7" s="277">
        <v>62</v>
      </c>
      <c r="BQ7" s="281">
        <v>89</v>
      </c>
      <c r="BR7" s="278">
        <v>151</v>
      </c>
      <c r="BS7" s="280">
        <v>0</v>
      </c>
      <c r="BT7" s="281">
        <v>142</v>
      </c>
      <c r="BU7" s="281">
        <v>238</v>
      </c>
      <c r="BV7" s="281">
        <v>159</v>
      </c>
      <c r="BW7" s="281">
        <v>75</v>
      </c>
      <c r="BX7" s="281">
        <v>22</v>
      </c>
      <c r="BY7" s="278">
        <v>636</v>
      </c>
      <c r="BZ7" s="283">
        <v>787</v>
      </c>
      <c r="CA7" s="277">
        <v>2</v>
      </c>
      <c r="CB7" s="281">
        <v>11</v>
      </c>
      <c r="CC7" s="278">
        <v>13</v>
      </c>
      <c r="CD7" s="280">
        <v>0</v>
      </c>
      <c r="CE7" s="281">
        <v>47</v>
      </c>
      <c r="CF7" s="281">
        <v>68</v>
      </c>
      <c r="CG7" s="281">
        <v>135</v>
      </c>
      <c r="CH7" s="281">
        <v>91</v>
      </c>
      <c r="CI7" s="281">
        <v>31</v>
      </c>
      <c r="CJ7" s="278">
        <v>372</v>
      </c>
      <c r="CK7" s="283">
        <v>385</v>
      </c>
      <c r="CL7" s="277">
        <v>0</v>
      </c>
      <c r="CM7" s="281">
        <v>0</v>
      </c>
      <c r="CN7" s="278">
        <v>0</v>
      </c>
      <c r="CO7" s="280">
        <v>0</v>
      </c>
      <c r="CP7" s="281">
        <v>14</v>
      </c>
      <c r="CQ7" s="281">
        <v>21</v>
      </c>
      <c r="CR7" s="281">
        <v>33</v>
      </c>
      <c r="CS7" s="281">
        <v>16</v>
      </c>
      <c r="CT7" s="281">
        <v>13</v>
      </c>
      <c r="CU7" s="278">
        <v>97</v>
      </c>
      <c r="CV7" s="283">
        <v>97</v>
      </c>
      <c r="CW7" s="277">
        <v>0</v>
      </c>
      <c r="CX7" s="281">
        <v>0</v>
      </c>
      <c r="CY7" s="278">
        <v>0</v>
      </c>
      <c r="CZ7" s="280">
        <v>0</v>
      </c>
      <c r="DA7" s="281">
        <v>0</v>
      </c>
      <c r="DB7" s="281">
        <v>0</v>
      </c>
      <c r="DC7" s="281">
        <v>0</v>
      </c>
      <c r="DD7" s="281">
        <v>0</v>
      </c>
      <c r="DE7" s="281">
        <v>0</v>
      </c>
      <c r="DF7" s="278">
        <v>0</v>
      </c>
      <c r="DG7" s="283">
        <v>0</v>
      </c>
      <c r="DH7" s="277">
        <v>0</v>
      </c>
      <c r="DI7" s="281">
        <v>0</v>
      </c>
      <c r="DJ7" s="278">
        <v>0</v>
      </c>
      <c r="DK7" s="280">
        <v>0</v>
      </c>
      <c r="DL7" s="281">
        <v>0</v>
      </c>
      <c r="DM7" s="281">
        <v>0</v>
      </c>
      <c r="DN7" s="281">
        <v>0</v>
      </c>
      <c r="DO7" s="281">
        <v>0</v>
      </c>
      <c r="DP7" s="281">
        <v>0</v>
      </c>
      <c r="DQ7" s="278">
        <v>0</v>
      </c>
      <c r="DR7" s="283">
        <v>0</v>
      </c>
      <c r="DS7" s="277">
        <v>233</v>
      </c>
      <c r="DT7" s="281">
        <v>566</v>
      </c>
      <c r="DU7" s="278">
        <v>799</v>
      </c>
      <c r="DV7" s="280">
        <v>0</v>
      </c>
      <c r="DW7" s="281">
        <v>573</v>
      </c>
      <c r="DX7" s="281">
        <v>1358</v>
      </c>
      <c r="DY7" s="281">
        <v>833</v>
      </c>
      <c r="DZ7" s="281">
        <v>562</v>
      </c>
      <c r="EA7" s="281">
        <v>326</v>
      </c>
      <c r="EB7" s="278">
        <v>3652</v>
      </c>
      <c r="EC7" s="283">
        <v>4451</v>
      </c>
      <c r="ED7" s="277">
        <v>77</v>
      </c>
      <c r="EE7" s="281">
        <v>56</v>
      </c>
      <c r="EF7" s="278">
        <v>133</v>
      </c>
      <c r="EG7" s="280">
        <v>0</v>
      </c>
      <c r="EH7" s="281">
        <v>213</v>
      </c>
      <c r="EI7" s="281">
        <v>241</v>
      </c>
      <c r="EJ7" s="281">
        <v>237</v>
      </c>
      <c r="EK7" s="281">
        <v>198</v>
      </c>
      <c r="EL7" s="281">
        <v>112</v>
      </c>
      <c r="EM7" s="278">
        <v>1001</v>
      </c>
      <c r="EN7" s="283">
        <v>1134</v>
      </c>
      <c r="EO7" s="277">
        <v>366</v>
      </c>
      <c r="EP7" s="281">
        <v>753</v>
      </c>
      <c r="EQ7" s="278">
        <v>1119</v>
      </c>
      <c r="ER7" s="280">
        <v>0</v>
      </c>
      <c r="ES7" s="281">
        <v>1586</v>
      </c>
      <c r="ET7" s="281">
        <v>1995</v>
      </c>
      <c r="EU7" s="281">
        <v>1043</v>
      </c>
      <c r="EV7" s="281">
        <v>613</v>
      </c>
      <c r="EW7" s="281">
        <v>334</v>
      </c>
      <c r="EX7" s="278">
        <v>5571</v>
      </c>
      <c r="EY7" s="283">
        <v>6690</v>
      </c>
    </row>
    <row r="8" spans="1:155" ht="19.5" customHeight="1" x14ac:dyDescent="0.2">
      <c r="A8" s="262" t="s">
        <v>6</v>
      </c>
      <c r="B8" s="277">
        <v>0</v>
      </c>
      <c r="C8" s="281">
        <v>0</v>
      </c>
      <c r="D8" s="385">
        <v>0</v>
      </c>
      <c r="E8" s="280">
        <v>0</v>
      </c>
      <c r="F8" s="281">
        <v>181</v>
      </c>
      <c r="G8" s="281">
        <v>137</v>
      </c>
      <c r="H8" s="281">
        <v>89</v>
      </c>
      <c r="I8" s="281">
        <v>82</v>
      </c>
      <c r="J8" s="281">
        <v>56</v>
      </c>
      <c r="K8" s="282">
        <v>545</v>
      </c>
      <c r="L8" s="283">
        <v>545</v>
      </c>
      <c r="M8" s="277">
        <v>0</v>
      </c>
      <c r="N8" s="281">
        <v>0</v>
      </c>
      <c r="O8" s="278">
        <v>0</v>
      </c>
      <c r="P8" s="280">
        <v>0</v>
      </c>
      <c r="Q8" s="281">
        <v>1</v>
      </c>
      <c r="R8" s="281">
        <v>2</v>
      </c>
      <c r="S8" s="281">
        <v>5</v>
      </c>
      <c r="T8" s="281">
        <v>14</v>
      </c>
      <c r="U8" s="281">
        <v>30</v>
      </c>
      <c r="V8" s="278">
        <v>52</v>
      </c>
      <c r="W8" s="283">
        <v>52</v>
      </c>
      <c r="X8" s="277">
        <v>22</v>
      </c>
      <c r="Y8" s="281">
        <v>34</v>
      </c>
      <c r="Z8" s="278">
        <v>56</v>
      </c>
      <c r="AA8" s="280">
        <v>0</v>
      </c>
      <c r="AB8" s="281">
        <v>142</v>
      </c>
      <c r="AC8" s="281">
        <v>113</v>
      </c>
      <c r="AD8" s="281">
        <v>70</v>
      </c>
      <c r="AE8" s="281">
        <v>82</v>
      </c>
      <c r="AF8" s="281">
        <v>56</v>
      </c>
      <c r="AG8" s="278">
        <v>463</v>
      </c>
      <c r="AH8" s="283">
        <v>519</v>
      </c>
      <c r="AI8" s="277">
        <v>1</v>
      </c>
      <c r="AJ8" s="281">
        <v>1</v>
      </c>
      <c r="AK8" s="278">
        <v>2</v>
      </c>
      <c r="AL8" s="280">
        <v>0</v>
      </c>
      <c r="AM8" s="281">
        <v>11</v>
      </c>
      <c r="AN8" s="281">
        <v>14</v>
      </c>
      <c r="AO8" s="281">
        <v>8</v>
      </c>
      <c r="AP8" s="281">
        <v>8</v>
      </c>
      <c r="AQ8" s="281">
        <v>6</v>
      </c>
      <c r="AR8" s="278">
        <v>47</v>
      </c>
      <c r="AS8" s="283">
        <v>49</v>
      </c>
      <c r="AT8" s="277">
        <v>57</v>
      </c>
      <c r="AU8" s="281">
        <v>37</v>
      </c>
      <c r="AV8" s="278">
        <v>94</v>
      </c>
      <c r="AW8" s="280">
        <v>0</v>
      </c>
      <c r="AX8" s="281">
        <v>216</v>
      </c>
      <c r="AY8" s="281">
        <v>210</v>
      </c>
      <c r="AZ8" s="281">
        <v>206</v>
      </c>
      <c r="BA8" s="281">
        <v>199</v>
      </c>
      <c r="BB8" s="281">
        <v>133</v>
      </c>
      <c r="BC8" s="282">
        <v>964</v>
      </c>
      <c r="BD8" s="283">
        <v>1058</v>
      </c>
      <c r="BE8" s="277">
        <v>0</v>
      </c>
      <c r="BF8" s="281">
        <v>0</v>
      </c>
      <c r="BG8" s="278">
        <v>0</v>
      </c>
      <c r="BH8" s="280">
        <v>0</v>
      </c>
      <c r="BI8" s="281">
        <v>210</v>
      </c>
      <c r="BJ8" s="281">
        <v>148</v>
      </c>
      <c r="BK8" s="281">
        <v>102</v>
      </c>
      <c r="BL8" s="281">
        <v>59</v>
      </c>
      <c r="BM8" s="281">
        <v>19</v>
      </c>
      <c r="BN8" s="278">
        <v>538</v>
      </c>
      <c r="BO8" s="283">
        <v>538</v>
      </c>
      <c r="BP8" s="277">
        <v>4</v>
      </c>
      <c r="BQ8" s="281">
        <v>11</v>
      </c>
      <c r="BR8" s="278">
        <v>15</v>
      </c>
      <c r="BS8" s="280">
        <v>0</v>
      </c>
      <c r="BT8" s="281">
        <v>52</v>
      </c>
      <c r="BU8" s="281">
        <v>60</v>
      </c>
      <c r="BV8" s="281">
        <v>37</v>
      </c>
      <c r="BW8" s="281">
        <v>22</v>
      </c>
      <c r="BX8" s="281">
        <v>10</v>
      </c>
      <c r="BY8" s="278">
        <v>181</v>
      </c>
      <c r="BZ8" s="283">
        <v>196</v>
      </c>
      <c r="CA8" s="277">
        <v>0</v>
      </c>
      <c r="CB8" s="281">
        <v>2</v>
      </c>
      <c r="CC8" s="278">
        <v>2</v>
      </c>
      <c r="CD8" s="280">
        <v>0</v>
      </c>
      <c r="CE8" s="281">
        <v>17</v>
      </c>
      <c r="CF8" s="281">
        <v>26</v>
      </c>
      <c r="CG8" s="281">
        <v>23</v>
      </c>
      <c r="CH8" s="281">
        <v>20</v>
      </c>
      <c r="CI8" s="281">
        <v>12</v>
      </c>
      <c r="CJ8" s="278">
        <v>98</v>
      </c>
      <c r="CK8" s="283">
        <v>100</v>
      </c>
      <c r="CL8" s="277">
        <v>0</v>
      </c>
      <c r="CM8" s="281">
        <v>0</v>
      </c>
      <c r="CN8" s="278">
        <v>0</v>
      </c>
      <c r="CO8" s="280">
        <v>0</v>
      </c>
      <c r="CP8" s="281">
        <v>4</v>
      </c>
      <c r="CQ8" s="281">
        <v>2</v>
      </c>
      <c r="CR8" s="281">
        <v>4</v>
      </c>
      <c r="CS8" s="281">
        <v>3</v>
      </c>
      <c r="CT8" s="281">
        <v>3</v>
      </c>
      <c r="CU8" s="278">
        <v>16</v>
      </c>
      <c r="CV8" s="283">
        <v>16</v>
      </c>
      <c r="CW8" s="277">
        <v>0</v>
      </c>
      <c r="CX8" s="281">
        <v>0</v>
      </c>
      <c r="CY8" s="278">
        <v>0</v>
      </c>
      <c r="CZ8" s="280">
        <v>0</v>
      </c>
      <c r="DA8" s="281">
        <v>0</v>
      </c>
      <c r="DB8" s="281">
        <v>0</v>
      </c>
      <c r="DC8" s="281">
        <v>0</v>
      </c>
      <c r="DD8" s="281">
        <v>0</v>
      </c>
      <c r="DE8" s="281">
        <v>0</v>
      </c>
      <c r="DF8" s="278">
        <v>0</v>
      </c>
      <c r="DG8" s="283">
        <v>0</v>
      </c>
      <c r="DH8" s="277">
        <v>0</v>
      </c>
      <c r="DI8" s="281">
        <v>0</v>
      </c>
      <c r="DJ8" s="278">
        <v>0</v>
      </c>
      <c r="DK8" s="280">
        <v>0</v>
      </c>
      <c r="DL8" s="281">
        <v>0</v>
      </c>
      <c r="DM8" s="281">
        <v>0</v>
      </c>
      <c r="DN8" s="281">
        <v>0</v>
      </c>
      <c r="DO8" s="281">
        <v>0</v>
      </c>
      <c r="DP8" s="281">
        <v>0</v>
      </c>
      <c r="DQ8" s="278">
        <v>0</v>
      </c>
      <c r="DR8" s="283">
        <v>0</v>
      </c>
      <c r="DS8" s="277">
        <v>77</v>
      </c>
      <c r="DT8" s="281">
        <v>125</v>
      </c>
      <c r="DU8" s="278">
        <v>202</v>
      </c>
      <c r="DV8" s="280">
        <v>0</v>
      </c>
      <c r="DW8" s="281">
        <v>288</v>
      </c>
      <c r="DX8" s="281">
        <v>330</v>
      </c>
      <c r="DY8" s="281">
        <v>220</v>
      </c>
      <c r="DZ8" s="281">
        <v>189</v>
      </c>
      <c r="EA8" s="281">
        <v>113</v>
      </c>
      <c r="EB8" s="278">
        <v>1140</v>
      </c>
      <c r="EC8" s="283">
        <v>1342</v>
      </c>
      <c r="ED8" s="277">
        <v>42</v>
      </c>
      <c r="EE8" s="281">
        <v>16</v>
      </c>
      <c r="EF8" s="278">
        <v>58</v>
      </c>
      <c r="EG8" s="280">
        <v>0</v>
      </c>
      <c r="EH8" s="281">
        <v>70</v>
      </c>
      <c r="EI8" s="281">
        <v>63</v>
      </c>
      <c r="EJ8" s="281">
        <v>55</v>
      </c>
      <c r="EK8" s="281">
        <v>54</v>
      </c>
      <c r="EL8" s="281">
        <v>32</v>
      </c>
      <c r="EM8" s="278">
        <v>274</v>
      </c>
      <c r="EN8" s="283">
        <v>332</v>
      </c>
      <c r="EO8" s="277">
        <v>98</v>
      </c>
      <c r="EP8" s="281">
        <v>152</v>
      </c>
      <c r="EQ8" s="278">
        <v>250</v>
      </c>
      <c r="ER8" s="280">
        <v>0</v>
      </c>
      <c r="ES8" s="281">
        <v>585</v>
      </c>
      <c r="ET8" s="281">
        <v>442</v>
      </c>
      <c r="EU8" s="281">
        <v>257</v>
      </c>
      <c r="EV8" s="281">
        <v>197</v>
      </c>
      <c r="EW8" s="281">
        <v>120</v>
      </c>
      <c r="EX8" s="278">
        <v>1601</v>
      </c>
      <c r="EY8" s="283">
        <v>1851</v>
      </c>
    </row>
    <row r="9" spans="1:155" ht="19.5" customHeight="1" x14ac:dyDescent="0.2">
      <c r="A9" s="262" t="s">
        <v>14</v>
      </c>
      <c r="B9" s="277">
        <v>0</v>
      </c>
      <c r="C9" s="281">
        <v>0</v>
      </c>
      <c r="D9" s="385">
        <v>0</v>
      </c>
      <c r="E9" s="280">
        <v>0</v>
      </c>
      <c r="F9" s="281">
        <v>75</v>
      </c>
      <c r="G9" s="281">
        <v>89</v>
      </c>
      <c r="H9" s="281">
        <v>51</v>
      </c>
      <c r="I9" s="281">
        <v>18</v>
      </c>
      <c r="J9" s="281">
        <v>26</v>
      </c>
      <c r="K9" s="282">
        <v>259</v>
      </c>
      <c r="L9" s="283">
        <v>259</v>
      </c>
      <c r="M9" s="277">
        <v>0</v>
      </c>
      <c r="N9" s="281">
        <v>0</v>
      </c>
      <c r="O9" s="278">
        <v>0</v>
      </c>
      <c r="P9" s="280">
        <v>0</v>
      </c>
      <c r="Q9" s="281">
        <v>0</v>
      </c>
      <c r="R9" s="281">
        <v>1</v>
      </c>
      <c r="S9" s="281">
        <v>1</v>
      </c>
      <c r="T9" s="281">
        <v>6</v>
      </c>
      <c r="U9" s="281">
        <v>7</v>
      </c>
      <c r="V9" s="278">
        <v>15</v>
      </c>
      <c r="W9" s="283">
        <v>15</v>
      </c>
      <c r="X9" s="277">
        <v>8</v>
      </c>
      <c r="Y9" s="281">
        <v>29</v>
      </c>
      <c r="Z9" s="278">
        <v>37</v>
      </c>
      <c r="AA9" s="280">
        <v>0</v>
      </c>
      <c r="AB9" s="281">
        <v>56</v>
      </c>
      <c r="AC9" s="281">
        <v>77</v>
      </c>
      <c r="AD9" s="281">
        <v>62</v>
      </c>
      <c r="AE9" s="281">
        <v>33</v>
      </c>
      <c r="AF9" s="281">
        <v>24</v>
      </c>
      <c r="AG9" s="278">
        <v>252</v>
      </c>
      <c r="AH9" s="283">
        <v>289</v>
      </c>
      <c r="AI9" s="277">
        <v>1</v>
      </c>
      <c r="AJ9" s="281">
        <v>3</v>
      </c>
      <c r="AK9" s="278">
        <v>4</v>
      </c>
      <c r="AL9" s="280">
        <v>0</v>
      </c>
      <c r="AM9" s="281">
        <v>0</v>
      </c>
      <c r="AN9" s="281">
        <v>0</v>
      </c>
      <c r="AO9" s="281">
        <v>3</v>
      </c>
      <c r="AP9" s="281">
        <v>3</v>
      </c>
      <c r="AQ9" s="281">
        <v>1</v>
      </c>
      <c r="AR9" s="278">
        <v>7</v>
      </c>
      <c r="AS9" s="283">
        <v>11</v>
      </c>
      <c r="AT9" s="277">
        <v>20</v>
      </c>
      <c r="AU9" s="281">
        <v>25</v>
      </c>
      <c r="AV9" s="278">
        <v>45</v>
      </c>
      <c r="AW9" s="280">
        <v>0</v>
      </c>
      <c r="AX9" s="281">
        <v>103</v>
      </c>
      <c r="AY9" s="281">
        <v>111</v>
      </c>
      <c r="AZ9" s="281">
        <v>99</v>
      </c>
      <c r="BA9" s="281">
        <v>68</v>
      </c>
      <c r="BB9" s="281">
        <v>55</v>
      </c>
      <c r="BC9" s="282">
        <v>436</v>
      </c>
      <c r="BD9" s="283">
        <v>481</v>
      </c>
      <c r="BE9" s="277">
        <v>0</v>
      </c>
      <c r="BF9" s="281">
        <v>0</v>
      </c>
      <c r="BG9" s="278">
        <v>0</v>
      </c>
      <c r="BH9" s="280">
        <v>0</v>
      </c>
      <c r="BI9" s="281">
        <v>104</v>
      </c>
      <c r="BJ9" s="281">
        <v>101</v>
      </c>
      <c r="BK9" s="281">
        <v>78</v>
      </c>
      <c r="BL9" s="281">
        <v>38</v>
      </c>
      <c r="BM9" s="281">
        <v>11</v>
      </c>
      <c r="BN9" s="278">
        <v>332</v>
      </c>
      <c r="BO9" s="283">
        <v>332</v>
      </c>
      <c r="BP9" s="277">
        <v>8</v>
      </c>
      <c r="BQ9" s="281">
        <v>6</v>
      </c>
      <c r="BR9" s="278">
        <v>14</v>
      </c>
      <c r="BS9" s="280">
        <v>0</v>
      </c>
      <c r="BT9" s="281">
        <v>6</v>
      </c>
      <c r="BU9" s="281">
        <v>28</v>
      </c>
      <c r="BV9" s="281">
        <v>23</v>
      </c>
      <c r="BW9" s="281">
        <v>8</v>
      </c>
      <c r="BX9" s="281">
        <v>3</v>
      </c>
      <c r="BY9" s="278">
        <v>68</v>
      </c>
      <c r="BZ9" s="283">
        <v>82</v>
      </c>
      <c r="CA9" s="277">
        <v>0</v>
      </c>
      <c r="CB9" s="281">
        <v>0</v>
      </c>
      <c r="CC9" s="278">
        <v>0</v>
      </c>
      <c r="CD9" s="280">
        <v>0</v>
      </c>
      <c r="CE9" s="281">
        <v>14</v>
      </c>
      <c r="CF9" s="281">
        <v>14</v>
      </c>
      <c r="CG9" s="281">
        <v>25</v>
      </c>
      <c r="CH9" s="281">
        <v>18</v>
      </c>
      <c r="CI9" s="281">
        <v>5</v>
      </c>
      <c r="CJ9" s="278">
        <v>76</v>
      </c>
      <c r="CK9" s="283">
        <v>76</v>
      </c>
      <c r="CL9" s="277">
        <v>0</v>
      </c>
      <c r="CM9" s="281">
        <v>0</v>
      </c>
      <c r="CN9" s="278">
        <v>0</v>
      </c>
      <c r="CO9" s="280">
        <v>0</v>
      </c>
      <c r="CP9" s="281">
        <v>1</v>
      </c>
      <c r="CQ9" s="281">
        <v>0</v>
      </c>
      <c r="CR9" s="281">
        <v>2</v>
      </c>
      <c r="CS9" s="281">
        <v>1</v>
      </c>
      <c r="CT9" s="281">
        <v>1</v>
      </c>
      <c r="CU9" s="278">
        <v>5</v>
      </c>
      <c r="CV9" s="283">
        <v>5</v>
      </c>
      <c r="CW9" s="277">
        <v>0</v>
      </c>
      <c r="CX9" s="281">
        <v>0</v>
      </c>
      <c r="CY9" s="278">
        <v>0</v>
      </c>
      <c r="CZ9" s="280">
        <v>0</v>
      </c>
      <c r="DA9" s="281">
        <v>0</v>
      </c>
      <c r="DB9" s="281">
        <v>0</v>
      </c>
      <c r="DC9" s="281">
        <v>0</v>
      </c>
      <c r="DD9" s="281">
        <v>0</v>
      </c>
      <c r="DE9" s="281">
        <v>0</v>
      </c>
      <c r="DF9" s="278">
        <v>0</v>
      </c>
      <c r="DG9" s="283">
        <v>0</v>
      </c>
      <c r="DH9" s="277">
        <v>0</v>
      </c>
      <c r="DI9" s="281">
        <v>0</v>
      </c>
      <c r="DJ9" s="278">
        <v>0</v>
      </c>
      <c r="DK9" s="280">
        <v>0</v>
      </c>
      <c r="DL9" s="281">
        <v>0</v>
      </c>
      <c r="DM9" s="281">
        <v>0</v>
      </c>
      <c r="DN9" s="281">
        <v>0</v>
      </c>
      <c r="DO9" s="281">
        <v>0</v>
      </c>
      <c r="DP9" s="281">
        <v>0</v>
      </c>
      <c r="DQ9" s="278">
        <v>0</v>
      </c>
      <c r="DR9" s="283">
        <v>0</v>
      </c>
      <c r="DS9" s="277">
        <v>42</v>
      </c>
      <c r="DT9" s="281">
        <v>95</v>
      </c>
      <c r="DU9" s="278">
        <v>137</v>
      </c>
      <c r="DV9" s="280">
        <v>0</v>
      </c>
      <c r="DW9" s="281">
        <v>121</v>
      </c>
      <c r="DX9" s="281">
        <v>222</v>
      </c>
      <c r="DY9" s="281">
        <v>159</v>
      </c>
      <c r="DZ9" s="281">
        <v>90</v>
      </c>
      <c r="EA9" s="281">
        <v>48</v>
      </c>
      <c r="EB9" s="278">
        <v>640</v>
      </c>
      <c r="EC9" s="283">
        <v>777</v>
      </c>
      <c r="ED9" s="277">
        <v>16</v>
      </c>
      <c r="EE9" s="281">
        <v>11</v>
      </c>
      <c r="EF9" s="278">
        <v>27</v>
      </c>
      <c r="EG9" s="280">
        <v>0</v>
      </c>
      <c r="EH9" s="281">
        <v>42</v>
      </c>
      <c r="EI9" s="281">
        <v>29</v>
      </c>
      <c r="EJ9" s="281">
        <v>25</v>
      </c>
      <c r="EK9" s="281">
        <v>20</v>
      </c>
      <c r="EL9" s="281">
        <v>20</v>
      </c>
      <c r="EM9" s="278">
        <v>136</v>
      </c>
      <c r="EN9" s="283">
        <v>163</v>
      </c>
      <c r="EO9" s="277">
        <v>54</v>
      </c>
      <c r="EP9" s="281">
        <v>116</v>
      </c>
      <c r="EQ9" s="278">
        <v>170</v>
      </c>
      <c r="ER9" s="280">
        <v>0</v>
      </c>
      <c r="ES9" s="281">
        <v>278</v>
      </c>
      <c r="ET9" s="281">
        <v>304</v>
      </c>
      <c r="EU9" s="281">
        <v>188</v>
      </c>
      <c r="EV9" s="281">
        <v>96</v>
      </c>
      <c r="EW9" s="281">
        <v>45</v>
      </c>
      <c r="EX9" s="278">
        <v>911</v>
      </c>
      <c r="EY9" s="283">
        <v>1081</v>
      </c>
    </row>
    <row r="10" spans="1:155" ht="19.5" customHeight="1" x14ac:dyDescent="0.2">
      <c r="A10" s="262" t="s">
        <v>7</v>
      </c>
      <c r="B10" s="277">
        <v>0</v>
      </c>
      <c r="C10" s="281">
        <v>0</v>
      </c>
      <c r="D10" s="385">
        <v>0</v>
      </c>
      <c r="E10" s="280">
        <v>0</v>
      </c>
      <c r="F10" s="281">
        <v>132</v>
      </c>
      <c r="G10" s="281">
        <v>89</v>
      </c>
      <c r="H10" s="281">
        <v>61</v>
      </c>
      <c r="I10" s="281">
        <v>49</v>
      </c>
      <c r="J10" s="281">
        <v>20</v>
      </c>
      <c r="K10" s="282">
        <v>351</v>
      </c>
      <c r="L10" s="283">
        <v>351</v>
      </c>
      <c r="M10" s="277">
        <v>0</v>
      </c>
      <c r="N10" s="281">
        <v>0</v>
      </c>
      <c r="O10" s="278">
        <v>0</v>
      </c>
      <c r="P10" s="280">
        <v>0</v>
      </c>
      <c r="Q10" s="281">
        <v>1</v>
      </c>
      <c r="R10" s="281">
        <v>2</v>
      </c>
      <c r="S10" s="281">
        <v>10</v>
      </c>
      <c r="T10" s="281">
        <v>13</v>
      </c>
      <c r="U10" s="281">
        <v>15</v>
      </c>
      <c r="V10" s="278">
        <v>41</v>
      </c>
      <c r="W10" s="283">
        <v>41</v>
      </c>
      <c r="X10" s="277">
        <v>4</v>
      </c>
      <c r="Y10" s="281">
        <v>5</v>
      </c>
      <c r="Z10" s="278">
        <v>9</v>
      </c>
      <c r="AA10" s="280">
        <v>0</v>
      </c>
      <c r="AB10" s="281">
        <v>54</v>
      </c>
      <c r="AC10" s="281">
        <v>48</v>
      </c>
      <c r="AD10" s="281">
        <v>35</v>
      </c>
      <c r="AE10" s="281">
        <v>30</v>
      </c>
      <c r="AF10" s="281">
        <v>14</v>
      </c>
      <c r="AG10" s="278">
        <v>181</v>
      </c>
      <c r="AH10" s="283">
        <v>190</v>
      </c>
      <c r="AI10" s="277">
        <v>0</v>
      </c>
      <c r="AJ10" s="281">
        <v>0</v>
      </c>
      <c r="AK10" s="278">
        <v>0</v>
      </c>
      <c r="AL10" s="280">
        <v>0</v>
      </c>
      <c r="AM10" s="281">
        <v>2</v>
      </c>
      <c r="AN10" s="281">
        <v>1</v>
      </c>
      <c r="AO10" s="281">
        <v>2</v>
      </c>
      <c r="AP10" s="281">
        <v>1</v>
      </c>
      <c r="AQ10" s="281">
        <v>0</v>
      </c>
      <c r="AR10" s="278">
        <v>6</v>
      </c>
      <c r="AS10" s="283">
        <v>6</v>
      </c>
      <c r="AT10" s="277">
        <v>14</v>
      </c>
      <c r="AU10" s="281">
        <v>7</v>
      </c>
      <c r="AV10" s="278">
        <v>21</v>
      </c>
      <c r="AW10" s="280">
        <v>0</v>
      </c>
      <c r="AX10" s="281">
        <v>123</v>
      </c>
      <c r="AY10" s="281">
        <v>100</v>
      </c>
      <c r="AZ10" s="281">
        <v>103</v>
      </c>
      <c r="BA10" s="281">
        <v>83</v>
      </c>
      <c r="BB10" s="281">
        <v>42</v>
      </c>
      <c r="BC10" s="282">
        <v>451</v>
      </c>
      <c r="BD10" s="283">
        <v>472</v>
      </c>
      <c r="BE10" s="277">
        <v>0</v>
      </c>
      <c r="BF10" s="281">
        <v>0</v>
      </c>
      <c r="BG10" s="278">
        <v>0</v>
      </c>
      <c r="BH10" s="280">
        <v>0</v>
      </c>
      <c r="BI10" s="281">
        <v>134</v>
      </c>
      <c r="BJ10" s="281">
        <v>97</v>
      </c>
      <c r="BK10" s="281">
        <v>51</v>
      </c>
      <c r="BL10" s="281">
        <v>27</v>
      </c>
      <c r="BM10" s="281">
        <v>6</v>
      </c>
      <c r="BN10" s="278">
        <v>315</v>
      </c>
      <c r="BO10" s="283">
        <v>315</v>
      </c>
      <c r="BP10" s="277">
        <v>5</v>
      </c>
      <c r="BQ10" s="281">
        <v>1</v>
      </c>
      <c r="BR10" s="278">
        <v>6</v>
      </c>
      <c r="BS10" s="280">
        <v>0</v>
      </c>
      <c r="BT10" s="281">
        <v>27</v>
      </c>
      <c r="BU10" s="281">
        <v>23</v>
      </c>
      <c r="BV10" s="281">
        <v>10</v>
      </c>
      <c r="BW10" s="281">
        <v>6</v>
      </c>
      <c r="BX10" s="281">
        <v>1</v>
      </c>
      <c r="BY10" s="278">
        <v>67</v>
      </c>
      <c r="BZ10" s="283">
        <v>73</v>
      </c>
      <c r="CA10" s="277">
        <v>0</v>
      </c>
      <c r="CB10" s="281">
        <v>0</v>
      </c>
      <c r="CC10" s="278">
        <v>0</v>
      </c>
      <c r="CD10" s="280">
        <v>0</v>
      </c>
      <c r="CE10" s="281">
        <v>20</v>
      </c>
      <c r="CF10" s="281">
        <v>24</v>
      </c>
      <c r="CG10" s="281">
        <v>19</v>
      </c>
      <c r="CH10" s="281">
        <v>20</v>
      </c>
      <c r="CI10" s="281">
        <v>6</v>
      </c>
      <c r="CJ10" s="278">
        <v>89</v>
      </c>
      <c r="CK10" s="283">
        <v>89</v>
      </c>
      <c r="CL10" s="277">
        <v>0</v>
      </c>
      <c r="CM10" s="281">
        <v>0</v>
      </c>
      <c r="CN10" s="278">
        <v>0</v>
      </c>
      <c r="CO10" s="280">
        <v>0</v>
      </c>
      <c r="CP10" s="281">
        <v>0</v>
      </c>
      <c r="CQ10" s="281">
        <v>0</v>
      </c>
      <c r="CR10" s="281">
        <v>0</v>
      </c>
      <c r="CS10" s="281">
        <v>1</v>
      </c>
      <c r="CT10" s="281">
        <v>0</v>
      </c>
      <c r="CU10" s="278">
        <v>1</v>
      </c>
      <c r="CV10" s="283">
        <v>1</v>
      </c>
      <c r="CW10" s="277">
        <v>0</v>
      </c>
      <c r="CX10" s="281">
        <v>0</v>
      </c>
      <c r="CY10" s="278">
        <v>0</v>
      </c>
      <c r="CZ10" s="280">
        <v>0</v>
      </c>
      <c r="DA10" s="281">
        <v>0</v>
      </c>
      <c r="DB10" s="281">
        <v>0</v>
      </c>
      <c r="DC10" s="281">
        <v>0</v>
      </c>
      <c r="DD10" s="281">
        <v>0</v>
      </c>
      <c r="DE10" s="281">
        <v>0</v>
      </c>
      <c r="DF10" s="278">
        <v>0</v>
      </c>
      <c r="DG10" s="283">
        <v>0</v>
      </c>
      <c r="DH10" s="277">
        <v>0</v>
      </c>
      <c r="DI10" s="281">
        <v>0</v>
      </c>
      <c r="DJ10" s="278">
        <v>0</v>
      </c>
      <c r="DK10" s="280">
        <v>0</v>
      </c>
      <c r="DL10" s="281">
        <v>0</v>
      </c>
      <c r="DM10" s="281">
        <v>0</v>
      </c>
      <c r="DN10" s="281">
        <v>0</v>
      </c>
      <c r="DO10" s="281">
        <v>0</v>
      </c>
      <c r="DP10" s="281">
        <v>0</v>
      </c>
      <c r="DQ10" s="278">
        <v>0</v>
      </c>
      <c r="DR10" s="283">
        <v>0</v>
      </c>
      <c r="DS10" s="277">
        <v>19</v>
      </c>
      <c r="DT10" s="281">
        <v>30</v>
      </c>
      <c r="DU10" s="278">
        <v>49</v>
      </c>
      <c r="DV10" s="280">
        <v>0</v>
      </c>
      <c r="DW10" s="281">
        <v>153</v>
      </c>
      <c r="DX10" s="281">
        <v>199</v>
      </c>
      <c r="DY10" s="281">
        <v>109</v>
      </c>
      <c r="DZ10" s="281">
        <v>90</v>
      </c>
      <c r="EA10" s="281">
        <v>37</v>
      </c>
      <c r="EB10" s="278">
        <v>588</v>
      </c>
      <c r="EC10" s="283">
        <v>637</v>
      </c>
      <c r="ED10" s="277">
        <v>7</v>
      </c>
      <c r="EE10" s="281">
        <v>4</v>
      </c>
      <c r="EF10" s="278">
        <v>11</v>
      </c>
      <c r="EG10" s="280">
        <v>0</v>
      </c>
      <c r="EH10" s="281">
        <v>57</v>
      </c>
      <c r="EI10" s="281">
        <v>35</v>
      </c>
      <c r="EJ10" s="281">
        <v>31</v>
      </c>
      <c r="EK10" s="281">
        <v>34</v>
      </c>
      <c r="EL10" s="281">
        <v>11</v>
      </c>
      <c r="EM10" s="278">
        <v>168</v>
      </c>
      <c r="EN10" s="283">
        <v>179</v>
      </c>
      <c r="EO10" s="277">
        <v>27</v>
      </c>
      <c r="EP10" s="281">
        <v>34</v>
      </c>
      <c r="EQ10" s="278">
        <v>61</v>
      </c>
      <c r="ER10" s="280">
        <v>0</v>
      </c>
      <c r="ES10" s="281">
        <v>357</v>
      </c>
      <c r="ET10" s="281">
        <v>267</v>
      </c>
      <c r="EU10" s="281">
        <v>139</v>
      </c>
      <c r="EV10" s="281">
        <v>94</v>
      </c>
      <c r="EW10" s="281">
        <v>40</v>
      </c>
      <c r="EX10" s="278">
        <v>897</v>
      </c>
      <c r="EY10" s="283">
        <v>958</v>
      </c>
    </row>
    <row r="11" spans="1:155" ht="19.5" customHeight="1" x14ac:dyDescent="0.2">
      <c r="A11" s="262" t="s">
        <v>8</v>
      </c>
      <c r="B11" s="277">
        <v>0</v>
      </c>
      <c r="C11" s="281">
        <v>0</v>
      </c>
      <c r="D11" s="385">
        <v>0</v>
      </c>
      <c r="E11" s="280">
        <v>0</v>
      </c>
      <c r="F11" s="281">
        <v>28</v>
      </c>
      <c r="G11" s="281">
        <v>29</v>
      </c>
      <c r="H11" s="281">
        <v>18</v>
      </c>
      <c r="I11" s="281">
        <v>9</v>
      </c>
      <c r="J11" s="281">
        <v>7</v>
      </c>
      <c r="K11" s="282">
        <v>91</v>
      </c>
      <c r="L11" s="283">
        <v>91</v>
      </c>
      <c r="M11" s="277">
        <v>0</v>
      </c>
      <c r="N11" s="281">
        <v>0</v>
      </c>
      <c r="O11" s="278">
        <v>0</v>
      </c>
      <c r="P11" s="280">
        <v>0</v>
      </c>
      <c r="Q11" s="281">
        <v>0</v>
      </c>
      <c r="R11" s="281">
        <v>2</v>
      </c>
      <c r="S11" s="281">
        <v>3</v>
      </c>
      <c r="T11" s="281">
        <v>6</v>
      </c>
      <c r="U11" s="281">
        <v>4</v>
      </c>
      <c r="V11" s="278">
        <v>15</v>
      </c>
      <c r="W11" s="283">
        <v>15</v>
      </c>
      <c r="X11" s="277">
        <v>2</v>
      </c>
      <c r="Y11" s="281">
        <v>9</v>
      </c>
      <c r="Z11" s="278">
        <v>11</v>
      </c>
      <c r="AA11" s="280">
        <v>0</v>
      </c>
      <c r="AB11" s="281">
        <v>22</v>
      </c>
      <c r="AC11" s="281">
        <v>18</v>
      </c>
      <c r="AD11" s="281">
        <v>21</v>
      </c>
      <c r="AE11" s="281">
        <v>17</v>
      </c>
      <c r="AF11" s="281">
        <v>6</v>
      </c>
      <c r="AG11" s="278">
        <v>84</v>
      </c>
      <c r="AH11" s="283">
        <v>95</v>
      </c>
      <c r="AI11" s="277">
        <v>0</v>
      </c>
      <c r="AJ11" s="281">
        <v>1</v>
      </c>
      <c r="AK11" s="278">
        <v>1</v>
      </c>
      <c r="AL11" s="280">
        <v>0</v>
      </c>
      <c r="AM11" s="281">
        <v>1</v>
      </c>
      <c r="AN11" s="281">
        <v>5</v>
      </c>
      <c r="AO11" s="281">
        <v>8</v>
      </c>
      <c r="AP11" s="281">
        <v>2</v>
      </c>
      <c r="AQ11" s="281">
        <v>1</v>
      </c>
      <c r="AR11" s="278">
        <v>17</v>
      </c>
      <c r="AS11" s="283">
        <v>18</v>
      </c>
      <c r="AT11" s="277">
        <v>9</v>
      </c>
      <c r="AU11" s="281">
        <v>4</v>
      </c>
      <c r="AV11" s="278">
        <v>13</v>
      </c>
      <c r="AW11" s="280">
        <v>0</v>
      </c>
      <c r="AX11" s="281">
        <v>37</v>
      </c>
      <c r="AY11" s="281">
        <v>33</v>
      </c>
      <c r="AZ11" s="281">
        <v>38</v>
      </c>
      <c r="BA11" s="281">
        <v>29</v>
      </c>
      <c r="BB11" s="281">
        <v>17</v>
      </c>
      <c r="BC11" s="282">
        <v>154</v>
      </c>
      <c r="BD11" s="283">
        <v>167</v>
      </c>
      <c r="BE11" s="277">
        <v>0</v>
      </c>
      <c r="BF11" s="281">
        <v>0</v>
      </c>
      <c r="BG11" s="278">
        <v>0</v>
      </c>
      <c r="BH11" s="280">
        <v>0</v>
      </c>
      <c r="BI11" s="281">
        <v>36</v>
      </c>
      <c r="BJ11" s="281">
        <v>36</v>
      </c>
      <c r="BK11" s="281">
        <v>23</v>
      </c>
      <c r="BL11" s="281">
        <v>11</v>
      </c>
      <c r="BM11" s="281">
        <v>2</v>
      </c>
      <c r="BN11" s="278">
        <v>108</v>
      </c>
      <c r="BO11" s="283">
        <v>108</v>
      </c>
      <c r="BP11" s="277">
        <v>6</v>
      </c>
      <c r="BQ11" s="281">
        <v>3</v>
      </c>
      <c r="BR11" s="278">
        <v>9</v>
      </c>
      <c r="BS11" s="280">
        <v>0</v>
      </c>
      <c r="BT11" s="281">
        <v>7</v>
      </c>
      <c r="BU11" s="281">
        <v>8</v>
      </c>
      <c r="BV11" s="281">
        <v>8</v>
      </c>
      <c r="BW11" s="281">
        <v>5</v>
      </c>
      <c r="BX11" s="281">
        <v>0</v>
      </c>
      <c r="BY11" s="278">
        <v>28</v>
      </c>
      <c r="BZ11" s="283">
        <v>37</v>
      </c>
      <c r="CA11" s="277">
        <v>0</v>
      </c>
      <c r="CB11" s="281">
        <v>1</v>
      </c>
      <c r="CC11" s="278">
        <v>1</v>
      </c>
      <c r="CD11" s="280">
        <v>0</v>
      </c>
      <c r="CE11" s="281">
        <v>4</v>
      </c>
      <c r="CF11" s="281">
        <v>5</v>
      </c>
      <c r="CG11" s="281">
        <v>10</v>
      </c>
      <c r="CH11" s="281">
        <v>5</v>
      </c>
      <c r="CI11" s="281">
        <v>2</v>
      </c>
      <c r="CJ11" s="278">
        <v>26</v>
      </c>
      <c r="CK11" s="283">
        <v>27</v>
      </c>
      <c r="CL11" s="277">
        <v>0</v>
      </c>
      <c r="CM11" s="281">
        <v>0</v>
      </c>
      <c r="CN11" s="278">
        <v>0</v>
      </c>
      <c r="CO11" s="280">
        <v>0</v>
      </c>
      <c r="CP11" s="281">
        <v>0</v>
      </c>
      <c r="CQ11" s="281">
        <v>1</v>
      </c>
      <c r="CR11" s="281">
        <v>2</v>
      </c>
      <c r="CS11" s="281">
        <v>1</v>
      </c>
      <c r="CT11" s="281">
        <v>0</v>
      </c>
      <c r="CU11" s="278">
        <v>4</v>
      </c>
      <c r="CV11" s="283">
        <v>4</v>
      </c>
      <c r="CW11" s="277">
        <v>0</v>
      </c>
      <c r="CX11" s="281">
        <v>0</v>
      </c>
      <c r="CY11" s="278">
        <v>0</v>
      </c>
      <c r="CZ11" s="280">
        <v>0</v>
      </c>
      <c r="DA11" s="281">
        <v>0</v>
      </c>
      <c r="DB11" s="281">
        <v>0</v>
      </c>
      <c r="DC11" s="281">
        <v>0</v>
      </c>
      <c r="DD11" s="281">
        <v>0</v>
      </c>
      <c r="DE11" s="281">
        <v>0</v>
      </c>
      <c r="DF11" s="278">
        <v>0</v>
      </c>
      <c r="DG11" s="283">
        <v>0</v>
      </c>
      <c r="DH11" s="277">
        <v>0</v>
      </c>
      <c r="DI11" s="281">
        <v>0</v>
      </c>
      <c r="DJ11" s="278">
        <v>0</v>
      </c>
      <c r="DK11" s="280">
        <v>0</v>
      </c>
      <c r="DL11" s="281">
        <v>0</v>
      </c>
      <c r="DM11" s="281">
        <v>0</v>
      </c>
      <c r="DN11" s="281">
        <v>0</v>
      </c>
      <c r="DO11" s="281">
        <v>0</v>
      </c>
      <c r="DP11" s="281">
        <v>0</v>
      </c>
      <c r="DQ11" s="278">
        <v>0</v>
      </c>
      <c r="DR11" s="283">
        <v>0</v>
      </c>
      <c r="DS11" s="277">
        <v>22</v>
      </c>
      <c r="DT11" s="281">
        <v>17</v>
      </c>
      <c r="DU11" s="278">
        <v>39</v>
      </c>
      <c r="DV11" s="280">
        <v>0</v>
      </c>
      <c r="DW11" s="281">
        <v>56</v>
      </c>
      <c r="DX11" s="281">
        <v>83</v>
      </c>
      <c r="DY11" s="281">
        <v>59</v>
      </c>
      <c r="DZ11" s="281">
        <v>33</v>
      </c>
      <c r="EA11" s="281">
        <v>15</v>
      </c>
      <c r="EB11" s="278">
        <v>246</v>
      </c>
      <c r="EC11" s="283">
        <v>285</v>
      </c>
      <c r="ED11" s="277">
        <v>6</v>
      </c>
      <c r="EE11" s="281">
        <v>5</v>
      </c>
      <c r="EF11" s="278">
        <v>11</v>
      </c>
      <c r="EG11" s="280">
        <v>0</v>
      </c>
      <c r="EH11" s="281">
        <v>14</v>
      </c>
      <c r="EI11" s="281">
        <v>7</v>
      </c>
      <c r="EJ11" s="281">
        <v>10</v>
      </c>
      <c r="EK11" s="281">
        <v>7</v>
      </c>
      <c r="EL11" s="281">
        <v>6</v>
      </c>
      <c r="EM11" s="278">
        <v>44</v>
      </c>
      <c r="EN11" s="283">
        <v>55</v>
      </c>
      <c r="EO11" s="277">
        <v>29</v>
      </c>
      <c r="EP11" s="281">
        <v>28</v>
      </c>
      <c r="EQ11" s="278">
        <v>57</v>
      </c>
      <c r="ER11" s="280">
        <v>0</v>
      </c>
      <c r="ES11" s="281">
        <v>106</v>
      </c>
      <c r="ET11" s="281">
        <v>105</v>
      </c>
      <c r="EU11" s="281">
        <v>63</v>
      </c>
      <c r="EV11" s="281">
        <v>34</v>
      </c>
      <c r="EW11" s="281">
        <v>16</v>
      </c>
      <c r="EX11" s="278">
        <v>324</v>
      </c>
      <c r="EY11" s="283">
        <v>381</v>
      </c>
    </row>
    <row r="12" spans="1:155" ht="19.5" customHeight="1" x14ac:dyDescent="0.2">
      <c r="A12" s="262" t="s">
        <v>9</v>
      </c>
      <c r="B12" s="277">
        <v>0</v>
      </c>
      <c r="C12" s="281">
        <v>0</v>
      </c>
      <c r="D12" s="385">
        <v>0</v>
      </c>
      <c r="E12" s="280">
        <v>0</v>
      </c>
      <c r="F12" s="281">
        <v>56</v>
      </c>
      <c r="G12" s="281">
        <v>48</v>
      </c>
      <c r="H12" s="281">
        <v>34</v>
      </c>
      <c r="I12" s="281">
        <v>29</v>
      </c>
      <c r="J12" s="281">
        <v>19</v>
      </c>
      <c r="K12" s="282">
        <v>186</v>
      </c>
      <c r="L12" s="283">
        <v>186</v>
      </c>
      <c r="M12" s="277">
        <v>0</v>
      </c>
      <c r="N12" s="281">
        <v>0</v>
      </c>
      <c r="O12" s="278">
        <v>0</v>
      </c>
      <c r="P12" s="280">
        <v>0</v>
      </c>
      <c r="Q12" s="281">
        <v>2</v>
      </c>
      <c r="R12" s="281">
        <v>0</v>
      </c>
      <c r="S12" s="281">
        <v>3</v>
      </c>
      <c r="T12" s="281">
        <v>2</v>
      </c>
      <c r="U12" s="281">
        <v>8</v>
      </c>
      <c r="V12" s="278">
        <v>15</v>
      </c>
      <c r="W12" s="283">
        <v>15</v>
      </c>
      <c r="X12" s="277">
        <v>0</v>
      </c>
      <c r="Y12" s="281">
        <v>5</v>
      </c>
      <c r="Z12" s="278">
        <v>5</v>
      </c>
      <c r="AA12" s="280">
        <v>0</v>
      </c>
      <c r="AB12" s="281">
        <v>34</v>
      </c>
      <c r="AC12" s="281">
        <v>27</v>
      </c>
      <c r="AD12" s="281">
        <v>23</v>
      </c>
      <c r="AE12" s="281">
        <v>20</v>
      </c>
      <c r="AF12" s="281">
        <v>17</v>
      </c>
      <c r="AG12" s="278">
        <v>121</v>
      </c>
      <c r="AH12" s="283">
        <v>126</v>
      </c>
      <c r="AI12" s="277">
        <v>1</v>
      </c>
      <c r="AJ12" s="281">
        <v>2</v>
      </c>
      <c r="AK12" s="278">
        <v>3</v>
      </c>
      <c r="AL12" s="280">
        <v>0</v>
      </c>
      <c r="AM12" s="281">
        <v>1</v>
      </c>
      <c r="AN12" s="281">
        <v>5</v>
      </c>
      <c r="AO12" s="281">
        <v>3</v>
      </c>
      <c r="AP12" s="281">
        <v>5</v>
      </c>
      <c r="AQ12" s="281">
        <v>2</v>
      </c>
      <c r="AR12" s="278">
        <v>16</v>
      </c>
      <c r="AS12" s="283">
        <v>19</v>
      </c>
      <c r="AT12" s="277">
        <v>16</v>
      </c>
      <c r="AU12" s="281">
        <v>10</v>
      </c>
      <c r="AV12" s="278">
        <v>26</v>
      </c>
      <c r="AW12" s="280">
        <v>0</v>
      </c>
      <c r="AX12" s="281">
        <v>59</v>
      </c>
      <c r="AY12" s="281">
        <v>45</v>
      </c>
      <c r="AZ12" s="281">
        <v>50</v>
      </c>
      <c r="BA12" s="281">
        <v>37</v>
      </c>
      <c r="BB12" s="281">
        <v>26</v>
      </c>
      <c r="BC12" s="282">
        <v>217</v>
      </c>
      <c r="BD12" s="283">
        <v>243</v>
      </c>
      <c r="BE12" s="277">
        <v>0</v>
      </c>
      <c r="BF12" s="281">
        <v>0</v>
      </c>
      <c r="BG12" s="278">
        <v>0</v>
      </c>
      <c r="BH12" s="280">
        <v>0</v>
      </c>
      <c r="BI12" s="281">
        <v>45</v>
      </c>
      <c r="BJ12" s="281">
        <v>38</v>
      </c>
      <c r="BK12" s="281">
        <v>34</v>
      </c>
      <c r="BL12" s="281">
        <v>12</v>
      </c>
      <c r="BM12" s="281">
        <v>10</v>
      </c>
      <c r="BN12" s="278">
        <v>139</v>
      </c>
      <c r="BO12" s="283">
        <v>139</v>
      </c>
      <c r="BP12" s="277">
        <v>5</v>
      </c>
      <c r="BQ12" s="281">
        <v>3</v>
      </c>
      <c r="BR12" s="278">
        <v>8</v>
      </c>
      <c r="BS12" s="280">
        <v>0</v>
      </c>
      <c r="BT12" s="281">
        <v>16</v>
      </c>
      <c r="BU12" s="281">
        <v>19</v>
      </c>
      <c r="BV12" s="281">
        <v>8</v>
      </c>
      <c r="BW12" s="281">
        <v>10</v>
      </c>
      <c r="BX12" s="281">
        <v>1</v>
      </c>
      <c r="BY12" s="278">
        <v>54</v>
      </c>
      <c r="BZ12" s="283">
        <v>62</v>
      </c>
      <c r="CA12" s="277">
        <v>1</v>
      </c>
      <c r="CB12" s="281">
        <v>0</v>
      </c>
      <c r="CC12" s="278">
        <v>1</v>
      </c>
      <c r="CD12" s="280">
        <v>0</v>
      </c>
      <c r="CE12" s="281">
        <v>6</v>
      </c>
      <c r="CF12" s="281">
        <v>5</v>
      </c>
      <c r="CG12" s="281">
        <v>8</v>
      </c>
      <c r="CH12" s="281">
        <v>9</v>
      </c>
      <c r="CI12" s="281">
        <v>3</v>
      </c>
      <c r="CJ12" s="278">
        <v>31</v>
      </c>
      <c r="CK12" s="283">
        <v>32</v>
      </c>
      <c r="CL12" s="277">
        <v>0</v>
      </c>
      <c r="CM12" s="281">
        <v>0</v>
      </c>
      <c r="CN12" s="278">
        <v>0</v>
      </c>
      <c r="CO12" s="280">
        <v>0</v>
      </c>
      <c r="CP12" s="281">
        <v>1</v>
      </c>
      <c r="CQ12" s="281">
        <v>3</v>
      </c>
      <c r="CR12" s="281">
        <v>1</v>
      </c>
      <c r="CS12" s="281">
        <v>2</v>
      </c>
      <c r="CT12" s="281">
        <v>0</v>
      </c>
      <c r="CU12" s="278">
        <v>7</v>
      </c>
      <c r="CV12" s="283">
        <v>7</v>
      </c>
      <c r="CW12" s="277">
        <v>0</v>
      </c>
      <c r="CX12" s="281">
        <v>0</v>
      </c>
      <c r="CY12" s="278">
        <v>0</v>
      </c>
      <c r="CZ12" s="280">
        <v>0</v>
      </c>
      <c r="DA12" s="281">
        <v>0</v>
      </c>
      <c r="DB12" s="281">
        <v>0</v>
      </c>
      <c r="DC12" s="281">
        <v>0</v>
      </c>
      <c r="DD12" s="281">
        <v>0</v>
      </c>
      <c r="DE12" s="281">
        <v>0</v>
      </c>
      <c r="DF12" s="278">
        <v>0</v>
      </c>
      <c r="DG12" s="283">
        <v>0</v>
      </c>
      <c r="DH12" s="277">
        <v>0</v>
      </c>
      <c r="DI12" s="281">
        <v>0</v>
      </c>
      <c r="DJ12" s="278">
        <v>0</v>
      </c>
      <c r="DK12" s="280">
        <v>0</v>
      </c>
      <c r="DL12" s="281">
        <v>0</v>
      </c>
      <c r="DM12" s="281">
        <v>0</v>
      </c>
      <c r="DN12" s="281">
        <v>0</v>
      </c>
      <c r="DO12" s="281">
        <v>0</v>
      </c>
      <c r="DP12" s="281">
        <v>0</v>
      </c>
      <c r="DQ12" s="278">
        <v>0</v>
      </c>
      <c r="DR12" s="283">
        <v>0</v>
      </c>
      <c r="DS12" s="277">
        <v>29</v>
      </c>
      <c r="DT12" s="281">
        <v>26</v>
      </c>
      <c r="DU12" s="278">
        <v>55</v>
      </c>
      <c r="DV12" s="280">
        <v>0</v>
      </c>
      <c r="DW12" s="281">
        <v>87</v>
      </c>
      <c r="DX12" s="281">
        <v>92</v>
      </c>
      <c r="DY12" s="281">
        <v>64</v>
      </c>
      <c r="DZ12" s="281">
        <v>47</v>
      </c>
      <c r="EA12" s="281">
        <v>31</v>
      </c>
      <c r="EB12" s="278">
        <v>321</v>
      </c>
      <c r="EC12" s="283">
        <v>376</v>
      </c>
      <c r="ED12" s="277">
        <v>9</v>
      </c>
      <c r="EE12" s="281">
        <v>6</v>
      </c>
      <c r="EF12" s="278">
        <v>15</v>
      </c>
      <c r="EG12" s="280">
        <v>0</v>
      </c>
      <c r="EH12" s="281">
        <v>24</v>
      </c>
      <c r="EI12" s="281">
        <v>15</v>
      </c>
      <c r="EJ12" s="281">
        <v>11</v>
      </c>
      <c r="EK12" s="281">
        <v>12</v>
      </c>
      <c r="EL12" s="281">
        <v>8</v>
      </c>
      <c r="EM12" s="278">
        <v>70</v>
      </c>
      <c r="EN12" s="283">
        <v>85</v>
      </c>
      <c r="EO12" s="277">
        <v>35</v>
      </c>
      <c r="EP12" s="281">
        <v>32</v>
      </c>
      <c r="EQ12" s="278">
        <v>67</v>
      </c>
      <c r="ER12" s="280">
        <v>0</v>
      </c>
      <c r="ES12" s="281">
        <v>158</v>
      </c>
      <c r="ET12" s="281">
        <v>124</v>
      </c>
      <c r="EU12" s="281">
        <v>77</v>
      </c>
      <c r="EV12" s="281">
        <v>50</v>
      </c>
      <c r="EW12" s="281">
        <v>34</v>
      </c>
      <c r="EX12" s="278">
        <v>443</v>
      </c>
      <c r="EY12" s="283">
        <v>510</v>
      </c>
    </row>
    <row r="13" spans="1:155" ht="19.5" customHeight="1" x14ac:dyDescent="0.2">
      <c r="A13" s="262" t="s">
        <v>10</v>
      </c>
      <c r="B13" s="277">
        <v>0</v>
      </c>
      <c r="C13" s="281">
        <v>0</v>
      </c>
      <c r="D13" s="385">
        <v>0</v>
      </c>
      <c r="E13" s="280">
        <v>0</v>
      </c>
      <c r="F13" s="281">
        <v>84</v>
      </c>
      <c r="G13" s="281">
        <v>49</v>
      </c>
      <c r="H13" s="281">
        <v>47</v>
      </c>
      <c r="I13" s="281">
        <v>24</v>
      </c>
      <c r="J13" s="281">
        <v>22</v>
      </c>
      <c r="K13" s="282">
        <v>226</v>
      </c>
      <c r="L13" s="283">
        <v>226</v>
      </c>
      <c r="M13" s="277">
        <v>0</v>
      </c>
      <c r="N13" s="281">
        <v>0</v>
      </c>
      <c r="O13" s="278">
        <v>0</v>
      </c>
      <c r="P13" s="280">
        <v>0</v>
      </c>
      <c r="Q13" s="281">
        <v>0</v>
      </c>
      <c r="R13" s="281">
        <v>2</v>
      </c>
      <c r="S13" s="281">
        <v>5</v>
      </c>
      <c r="T13" s="281">
        <v>11</v>
      </c>
      <c r="U13" s="281">
        <v>12</v>
      </c>
      <c r="V13" s="278">
        <v>30</v>
      </c>
      <c r="W13" s="283">
        <v>30</v>
      </c>
      <c r="X13" s="277">
        <v>21</v>
      </c>
      <c r="Y13" s="281">
        <v>20</v>
      </c>
      <c r="Z13" s="278">
        <v>41</v>
      </c>
      <c r="AA13" s="280">
        <v>0</v>
      </c>
      <c r="AB13" s="281">
        <v>62</v>
      </c>
      <c r="AC13" s="281">
        <v>42</v>
      </c>
      <c r="AD13" s="281">
        <v>34</v>
      </c>
      <c r="AE13" s="281">
        <v>23</v>
      </c>
      <c r="AF13" s="281">
        <v>16</v>
      </c>
      <c r="AG13" s="278">
        <v>177</v>
      </c>
      <c r="AH13" s="283">
        <v>218</v>
      </c>
      <c r="AI13" s="277">
        <v>2</v>
      </c>
      <c r="AJ13" s="281">
        <v>6</v>
      </c>
      <c r="AK13" s="278">
        <v>8</v>
      </c>
      <c r="AL13" s="280">
        <v>0</v>
      </c>
      <c r="AM13" s="281">
        <v>12</v>
      </c>
      <c r="AN13" s="281">
        <v>4</v>
      </c>
      <c r="AO13" s="281">
        <v>3</v>
      </c>
      <c r="AP13" s="281">
        <v>5</v>
      </c>
      <c r="AQ13" s="281">
        <v>3</v>
      </c>
      <c r="AR13" s="278">
        <v>27</v>
      </c>
      <c r="AS13" s="283">
        <v>35</v>
      </c>
      <c r="AT13" s="277">
        <v>15</v>
      </c>
      <c r="AU13" s="281">
        <v>24</v>
      </c>
      <c r="AV13" s="278">
        <v>39</v>
      </c>
      <c r="AW13" s="280">
        <v>0</v>
      </c>
      <c r="AX13" s="281">
        <v>83</v>
      </c>
      <c r="AY13" s="281">
        <v>83</v>
      </c>
      <c r="AZ13" s="281">
        <v>73</v>
      </c>
      <c r="BA13" s="281">
        <v>56</v>
      </c>
      <c r="BB13" s="281">
        <v>50</v>
      </c>
      <c r="BC13" s="282">
        <v>345</v>
      </c>
      <c r="BD13" s="283">
        <v>384</v>
      </c>
      <c r="BE13" s="277">
        <v>0</v>
      </c>
      <c r="BF13" s="281">
        <v>0</v>
      </c>
      <c r="BG13" s="278">
        <v>0</v>
      </c>
      <c r="BH13" s="280">
        <v>0</v>
      </c>
      <c r="BI13" s="281">
        <v>127</v>
      </c>
      <c r="BJ13" s="281">
        <v>67</v>
      </c>
      <c r="BK13" s="281">
        <v>43</v>
      </c>
      <c r="BL13" s="281">
        <v>18</v>
      </c>
      <c r="BM13" s="281">
        <v>7</v>
      </c>
      <c r="BN13" s="278">
        <v>262</v>
      </c>
      <c r="BO13" s="283">
        <v>262</v>
      </c>
      <c r="BP13" s="277">
        <v>6</v>
      </c>
      <c r="BQ13" s="281">
        <v>4</v>
      </c>
      <c r="BR13" s="278">
        <v>10</v>
      </c>
      <c r="BS13" s="280">
        <v>0</v>
      </c>
      <c r="BT13" s="281">
        <v>19</v>
      </c>
      <c r="BU13" s="281">
        <v>12</v>
      </c>
      <c r="BV13" s="281">
        <v>10</v>
      </c>
      <c r="BW13" s="281">
        <v>4</v>
      </c>
      <c r="BX13" s="281">
        <v>1</v>
      </c>
      <c r="BY13" s="278">
        <v>46</v>
      </c>
      <c r="BZ13" s="283">
        <v>56</v>
      </c>
      <c r="CA13" s="277">
        <v>0</v>
      </c>
      <c r="CB13" s="281">
        <v>0</v>
      </c>
      <c r="CC13" s="278">
        <v>0</v>
      </c>
      <c r="CD13" s="280">
        <v>0</v>
      </c>
      <c r="CE13" s="281">
        <v>15</v>
      </c>
      <c r="CF13" s="281">
        <v>19</v>
      </c>
      <c r="CG13" s="281">
        <v>21</v>
      </c>
      <c r="CH13" s="281">
        <v>7</v>
      </c>
      <c r="CI13" s="281">
        <v>4</v>
      </c>
      <c r="CJ13" s="278">
        <v>66</v>
      </c>
      <c r="CK13" s="283">
        <v>66</v>
      </c>
      <c r="CL13" s="277">
        <v>0</v>
      </c>
      <c r="CM13" s="281">
        <v>0</v>
      </c>
      <c r="CN13" s="278">
        <v>0</v>
      </c>
      <c r="CO13" s="280">
        <v>0</v>
      </c>
      <c r="CP13" s="281">
        <v>1</v>
      </c>
      <c r="CQ13" s="281">
        <v>4</v>
      </c>
      <c r="CR13" s="281">
        <v>4</v>
      </c>
      <c r="CS13" s="281">
        <v>0</v>
      </c>
      <c r="CT13" s="281">
        <v>0</v>
      </c>
      <c r="CU13" s="278">
        <v>9</v>
      </c>
      <c r="CV13" s="283">
        <v>9</v>
      </c>
      <c r="CW13" s="277">
        <v>0</v>
      </c>
      <c r="CX13" s="281">
        <v>0</v>
      </c>
      <c r="CY13" s="278">
        <v>0</v>
      </c>
      <c r="CZ13" s="280">
        <v>0</v>
      </c>
      <c r="DA13" s="281">
        <v>0</v>
      </c>
      <c r="DB13" s="281">
        <v>0</v>
      </c>
      <c r="DC13" s="281">
        <v>0</v>
      </c>
      <c r="DD13" s="281">
        <v>0</v>
      </c>
      <c r="DE13" s="281">
        <v>0</v>
      </c>
      <c r="DF13" s="278">
        <v>0</v>
      </c>
      <c r="DG13" s="283">
        <v>0</v>
      </c>
      <c r="DH13" s="277">
        <v>0</v>
      </c>
      <c r="DI13" s="281">
        <v>0</v>
      </c>
      <c r="DJ13" s="278">
        <v>0</v>
      </c>
      <c r="DK13" s="280">
        <v>0</v>
      </c>
      <c r="DL13" s="281">
        <v>0</v>
      </c>
      <c r="DM13" s="281">
        <v>0</v>
      </c>
      <c r="DN13" s="281">
        <v>0</v>
      </c>
      <c r="DO13" s="281">
        <v>0</v>
      </c>
      <c r="DP13" s="281">
        <v>0</v>
      </c>
      <c r="DQ13" s="278">
        <v>0</v>
      </c>
      <c r="DR13" s="283">
        <v>0</v>
      </c>
      <c r="DS13" s="277">
        <v>62</v>
      </c>
      <c r="DT13" s="281">
        <v>86</v>
      </c>
      <c r="DU13" s="278">
        <v>148</v>
      </c>
      <c r="DV13" s="280">
        <v>0</v>
      </c>
      <c r="DW13" s="281">
        <v>145</v>
      </c>
      <c r="DX13" s="281">
        <v>136</v>
      </c>
      <c r="DY13" s="281">
        <v>89</v>
      </c>
      <c r="DZ13" s="281">
        <v>54</v>
      </c>
      <c r="EA13" s="281">
        <v>34</v>
      </c>
      <c r="EB13" s="278">
        <v>458</v>
      </c>
      <c r="EC13" s="283">
        <v>606</v>
      </c>
      <c r="ED13" s="277">
        <v>8</v>
      </c>
      <c r="EE13" s="281">
        <v>9</v>
      </c>
      <c r="EF13" s="278">
        <v>17</v>
      </c>
      <c r="EG13" s="280">
        <v>0</v>
      </c>
      <c r="EH13" s="281">
        <v>33</v>
      </c>
      <c r="EI13" s="281">
        <v>15</v>
      </c>
      <c r="EJ13" s="281">
        <v>19</v>
      </c>
      <c r="EK13" s="281">
        <v>17</v>
      </c>
      <c r="EL13" s="281">
        <v>13</v>
      </c>
      <c r="EM13" s="278">
        <v>97</v>
      </c>
      <c r="EN13" s="283">
        <v>114</v>
      </c>
      <c r="EO13" s="277">
        <v>83</v>
      </c>
      <c r="EP13" s="281">
        <v>101</v>
      </c>
      <c r="EQ13" s="278">
        <v>184</v>
      </c>
      <c r="ER13" s="280">
        <v>0</v>
      </c>
      <c r="ES13" s="281">
        <v>276</v>
      </c>
      <c r="ET13" s="281">
        <v>163</v>
      </c>
      <c r="EU13" s="281">
        <v>105</v>
      </c>
      <c r="EV13" s="281">
        <v>53</v>
      </c>
      <c r="EW13" s="281">
        <v>33</v>
      </c>
      <c r="EX13" s="278">
        <v>630</v>
      </c>
      <c r="EY13" s="283">
        <v>814</v>
      </c>
    </row>
    <row r="14" spans="1:155" ht="19.5" customHeight="1" x14ac:dyDescent="0.2">
      <c r="A14" s="262" t="s">
        <v>11</v>
      </c>
      <c r="B14" s="277">
        <v>0</v>
      </c>
      <c r="C14" s="281">
        <v>0</v>
      </c>
      <c r="D14" s="385">
        <v>0</v>
      </c>
      <c r="E14" s="280">
        <v>0</v>
      </c>
      <c r="F14" s="281">
        <v>16</v>
      </c>
      <c r="G14" s="281">
        <v>10</v>
      </c>
      <c r="H14" s="281">
        <v>13</v>
      </c>
      <c r="I14" s="281">
        <v>16</v>
      </c>
      <c r="J14" s="281">
        <v>8</v>
      </c>
      <c r="K14" s="282">
        <v>63</v>
      </c>
      <c r="L14" s="283">
        <v>63</v>
      </c>
      <c r="M14" s="277">
        <v>0</v>
      </c>
      <c r="N14" s="281">
        <v>0</v>
      </c>
      <c r="O14" s="278">
        <v>0</v>
      </c>
      <c r="P14" s="280">
        <v>0</v>
      </c>
      <c r="Q14" s="281">
        <v>0</v>
      </c>
      <c r="R14" s="281">
        <v>1</v>
      </c>
      <c r="S14" s="281">
        <v>4</v>
      </c>
      <c r="T14" s="281">
        <v>4</v>
      </c>
      <c r="U14" s="281">
        <v>2</v>
      </c>
      <c r="V14" s="278">
        <v>11</v>
      </c>
      <c r="W14" s="283">
        <v>11</v>
      </c>
      <c r="X14" s="277">
        <v>3</v>
      </c>
      <c r="Y14" s="281">
        <v>4</v>
      </c>
      <c r="Z14" s="278">
        <v>7</v>
      </c>
      <c r="AA14" s="280">
        <v>0</v>
      </c>
      <c r="AB14" s="281">
        <v>17</v>
      </c>
      <c r="AC14" s="281">
        <v>16</v>
      </c>
      <c r="AD14" s="281">
        <v>15</v>
      </c>
      <c r="AE14" s="281">
        <v>10</v>
      </c>
      <c r="AF14" s="281">
        <v>7</v>
      </c>
      <c r="AG14" s="278">
        <v>65</v>
      </c>
      <c r="AH14" s="283">
        <v>72</v>
      </c>
      <c r="AI14" s="277">
        <v>0</v>
      </c>
      <c r="AJ14" s="281">
        <v>1</v>
      </c>
      <c r="AK14" s="278">
        <v>1</v>
      </c>
      <c r="AL14" s="280">
        <v>0</v>
      </c>
      <c r="AM14" s="281">
        <v>2</v>
      </c>
      <c r="AN14" s="281">
        <v>1</v>
      </c>
      <c r="AO14" s="281">
        <v>1</v>
      </c>
      <c r="AP14" s="281">
        <v>5</v>
      </c>
      <c r="AQ14" s="281">
        <v>0</v>
      </c>
      <c r="AR14" s="278">
        <v>9</v>
      </c>
      <c r="AS14" s="283">
        <v>10</v>
      </c>
      <c r="AT14" s="277">
        <v>5</v>
      </c>
      <c r="AU14" s="281">
        <v>7</v>
      </c>
      <c r="AV14" s="278">
        <v>12</v>
      </c>
      <c r="AW14" s="280">
        <v>0</v>
      </c>
      <c r="AX14" s="281">
        <v>30</v>
      </c>
      <c r="AY14" s="281">
        <v>29</v>
      </c>
      <c r="AZ14" s="281">
        <v>35</v>
      </c>
      <c r="BA14" s="281">
        <v>29</v>
      </c>
      <c r="BB14" s="281">
        <v>13</v>
      </c>
      <c r="BC14" s="282">
        <v>136</v>
      </c>
      <c r="BD14" s="283">
        <v>148</v>
      </c>
      <c r="BE14" s="277">
        <v>0</v>
      </c>
      <c r="BF14" s="281">
        <v>0</v>
      </c>
      <c r="BG14" s="278">
        <v>0</v>
      </c>
      <c r="BH14" s="280">
        <v>0</v>
      </c>
      <c r="BI14" s="281">
        <v>36</v>
      </c>
      <c r="BJ14" s="281">
        <v>18</v>
      </c>
      <c r="BK14" s="281">
        <v>18</v>
      </c>
      <c r="BL14" s="281">
        <v>11</v>
      </c>
      <c r="BM14" s="281">
        <v>2</v>
      </c>
      <c r="BN14" s="278">
        <v>85</v>
      </c>
      <c r="BO14" s="283">
        <v>85</v>
      </c>
      <c r="BP14" s="277">
        <v>3</v>
      </c>
      <c r="BQ14" s="281">
        <v>2</v>
      </c>
      <c r="BR14" s="278">
        <v>5</v>
      </c>
      <c r="BS14" s="280">
        <v>0</v>
      </c>
      <c r="BT14" s="281">
        <v>15</v>
      </c>
      <c r="BU14" s="281">
        <v>11</v>
      </c>
      <c r="BV14" s="281">
        <v>2</v>
      </c>
      <c r="BW14" s="281">
        <v>6</v>
      </c>
      <c r="BX14" s="281">
        <v>1</v>
      </c>
      <c r="BY14" s="278">
        <v>35</v>
      </c>
      <c r="BZ14" s="283">
        <v>40</v>
      </c>
      <c r="CA14" s="277">
        <v>0</v>
      </c>
      <c r="CB14" s="281">
        <v>0</v>
      </c>
      <c r="CC14" s="278">
        <v>0</v>
      </c>
      <c r="CD14" s="280">
        <v>0</v>
      </c>
      <c r="CE14" s="281">
        <v>4</v>
      </c>
      <c r="CF14" s="281">
        <v>4</v>
      </c>
      <c r="CG14" s="281">
        <v>4</v>
      </c>
      <c r="CH14" s="281">
        <v>7</v>
      </c>
      <c r="CI14" s="281">
        <v>0</v>
      </c>
      <c r="CJ14" s="278">
        <v>19</v>
      </c>
      <c r="CK14" s="283">
        <v>19</v>
      </c>
      <c r="CL14" s="277">
        <v>0</v>
      </c>
      <c r="CM14" s="281">
        <v>0</v>
      </c>
      <c r="CN14" s="278">
        <v>0</v>
      </c>
      <c r="CO14" s="280">
        <v>0</v>
      </c>
      <c r="CP14" s="281">
        <v>0</v>
      </c>
      <c r="CQ14" s="281">
        <v>1</v>
      </c>
      <c r="CR14" s="281">
        <v>0</v>
      </c>
      <c r="CS14" s="281">
        <v>1</v>
      </c>
      <c r="CT14" s="281">
        <v>0</v>
      </c>
      <c r="CU14" s="278">
        <v>2</v>
      </c>
      <c r="CV14" s="283">
        <v>2</v>
      </c>
      <c r="CW14" s="277">
        <v>0</v>
      </c>
      <c r="CX14" s="281">
        <v>0</v>
      </c>
      <c r="CY14" s="278">
        <v>0</v>
      </c>
      <c r="CZ14" s="280">
        <v>0</v>
      </c>
      <c r="DA14" s="281">
        <v>0</v>
      </c>
      <c r="DB14" s="281">
        <v>0</v>
      </c>
      <c r="DC14" s="281">
        <v>0</v>
      </c>
      <c r="DD14" s="281">
        <v>0</v>
      </c>
      <c r="DE14" s="281">
        <v>0</v>
      </c>
      <c r="DF14" s="278">
        <v>0</v>
      </c>
      <c r="DG14" s="283">
        <v>0</v>
      </c>
      <c r="DH14" s="277">
        <v>0</v>
      </c>
      <c r="DI14" s="281">
        <v>0</v>
      </c>
      <c r="DJ14" s="278">
        <v>0</v>
      </c>
      <c r="DK14" s="280">
        <v>0</v>
      </c>
      <c r="DL14" s="281">
        <v>0</v>
      </c>
      <c r="DM14" s="281">
        <v>0</v>
      </c>
      <c r="DN14" s="281">
        <v>0</v>
      </c>
      <c r="DO14" s="281">
        <v>0</v>
      </c>
      <c r="DP14" s="281">
        <v>0</v>
      </c>
      <c r="DQ14" s="278">
        <v>0</v>
      </c>
      <c r="DR14" s="283">
        <v>0</v>
      </c>
      <c r="DS14" s="277">
        <v>23</v>
      </c>
      <c r="DT14" s="281">
        <v>27</v>
      </c>
      <c r="DU14" s="278">
        <v>50</v>
      </c>
      <c r="DV14" s="280">
        <v>0</v>
      </c>
      <c r="DW14" s="281">
        <v>53</v>
      </c>
      <c r="DX14" s="281">
        <v>51</v>
      </c>
      <c r="DY14" s="281">
        <v>44</v>
      </c>
      <c r="DZ14" s="281">
        <v>28</v>
      </c>
      <c r="EA14" s="281">
        <v>11</v>
      </c>
      <c r="EB14" s="278">
        <v>187</v>
      </c>
      <c r="EC14" s="283">
        <v>237</v>
      </c>
      <c r="ED14" s="277">
        <v>4</v>
      </c>
      <c r="EE14" s="281">
        <v>3</v>
      </c>
      <c r="EF14" s="278">
        <v>7</v>
      </c>
      <c r="EG14" s="280">
        <v>0</v>
      </c>
      <c r="EH14" s="281">
        <v>20</v>
      </c>
      <c r="EI14" s="281">
        <v>21</v>
      </c>
      <c r="EJ14" s="281">
        <v>14</v>
      </c>
      <c r="EK14" s="281">
        <v>15</v>
      </c>
      <c r="EL14" s="281">
        <v>6</v>
      </c>
      <c r="EM14" s="278">
        <v>76</v>
      </c>
      <c r="EN14" s="283">
        <v>83</v>
      </c>
      <c r="EO14" s="277">
        <v>29</v>
      </c>
      <c r="EP14" s="281">
        <v>30</v>
      </c>
      <c r="EQ14" s="278">
        <v>59</v>
      </c>
      <c r="ER14" s="280">
        <v>0</v>
      </c>
      <c r="ES14" s="281">
        <v>100</v>
      </c>
      <c r="ET14" s="281">
        <v>61</v>
      </c>
      <c r="EU14" s="281">
        <v>51</v>
      </c>
      <c r="EV14" s="281">
        <v>32</v>
      </c>
      <c r="EW14" s="281">
        <v>12</v>
      </c>
      <c r="EX14" s="278">
        <v>256</v>
      </c>
      <c r="EY14" s="283">
        <v>315</v>
      </c>
    </row>
    <row r="15" spans="1:155" ht="19.5" customHeight="1" x14ac:dyDescent="0.2">
      <c r="A15" s="262" t="s">
        <v>12</v>
      </c>
      <c r="B15" s="277">
        <v>0</v>
      </c>
      <c r="C15" s="281">
        <v>0</v>
      </c>
      <c r="D15" s="385">
        <v>0</v>
      </c>
      <c r="E15" s="280">
        <v>0</v>
      </c>
      <c r="F15" s="281">
        <v>36</v>
      </c>
      <c r="G15" s="281">
        <v>32</v>
      </c>
      <c r="H15" s="281">
        <v>20</v>
      </c>
      <c r="I15" s="281">
        <v>22</v>
      </c>
      <c r="J15" s="281">
        <v>14</v>
      </c>
      <c r="K15" s="282">
        <v>124</v>
      </c>
      <c r="L15" s="283">
        <v>124</v>
      </c>
      <c r="M15" s="277">
        <v>0</v>
      </c>
      <c r="N15" s="281">
        <v>0</v>
      </c>
      <c r="O15" s="278">
        <v>0</v>
      </c>
      <c r="P15" s="280">
        <v>0</v>
      </c>
      <c r="Q15" s="281">
        <v>0</v>
      </c>
      <c r="R15" s="281">
        <v>0</v>
      </c>
      <c r="S15" s="281">
        <v>1</v>
      </c>
      <c r="T15" s="281">
        <v>1</v>
      </c>
      <c r="U15" s="281">
        <v>8</v>
      </c>
      <c r="V15" s="278">
        <v>10</v>
      </c>
      <c r="W15" s="283">
        <v>10</v>
      </c>
      <c r="X15" s="277">
        <v>21</v>
      </c>
      <c r="Y15" s="281">
        <v>15</v>
      </c>
      <c r="Z15" s="278">
        <v>36</v>
      </c>
      <c r="AA15" s="280">
        <v>0</v>
      </c>
      <c r="AB15" s="281">
        <v>33</v>
      </c>
      <c r="AC15" s="281">
        <v>35</v>
      </c>
      <c r="AD15" s="281">
        <v>19</v>
      </c>
      <c r="AE15" s="281">
        <v>10</v>
      </c>
      <c r="AF15" s="281">
        <v>12</v>
      </c>
      <c r="AG15" s="278">
        <v>109</v>
      </c>
      <c r="AH15" s="283">
        <v>145</v>
      </c>
      <c r="AI15" s="277">
        <v>0</v>
      </c>
      <c r="AJ15" s="281">
        <v>0</v>
      </c>
      <c r="AK15" s="278">
        <v>0</v>
      </c>
      <c r="AL15" s="280">
        <v>0</v>
      </c>
      <c r="AM15" s="281">
        <v>2</v>
      </c>
      <c r="AN15" s="281">
        <v>4</v>
      </c>
      <c r="AO15" s="281">
        <v>3</v>
      </c>
      <c r="AP15" s="281">
        <v>5</v>
      </c>
      <c r="AQ15" s="281">
        <v>1</v>
      </c>
      <c r="AR15" s="278">
        <v>15</v>
      </c>
      <c r="AS15" s="283">
        <v>15</v>
      </c>
      <c r="AT15" s="277">
        <v>7</v>
      </c>
      <c r="AU15" s="281">
        <v>13</v>
      </c>
      <c r="AV15" s="278">
        <v>20</v>
      </c>
      <c r="AW15" s="280">
        <v>0</v>
      </c>
      <c r="AX15" s="281">
        <v>28</v>
      </c>
      <c r="AY15" s="281">
        <v>24</v>
      </c>
      <c r="AZ15" s="281">
        <v>28</v>
      </c>
      <c r="BA15" s="281">
        <v>39</v>
      </c>
      <c r="BB15" s="281">
        <v>20</v>
      </c>
      <c r="BC15" s="282">
        <v>139</v>
      </c>
      <c r="BD15" s="283">
        <v>159</v>
      </c>
      <c r="BE15" s="277">
        <v>0</v>
      </c>
      <c r="BF15" s="281">
        <v>0</v>
      </c>
      <c r="BG15" s="278">
        <v>0</v>
      </c>
      <c r="BH15" s="280">
        <v>0</v>
      </c>
      <c r="BI15" s="281">
        <v>54</v>
      </c>
      <c r="BJ15" s="281">
        <v>27</v>
      </c>
      <c r="BK15" s="281">
        <v>25</v>
      </c>
      <c r="BL15" s="281">
        <v>7</v>
      </c>
      <c r="BM15" s="281">
        <v>3</v>
      </c>
      <c r="BN15" s="278">
        <v>116</v>
      </c>
      <c r="BO15" s="283">
        <v>116</v>
      </c>
      <c r="BP15" s="277">
        <v>9</v>
      </c>
      <c r="BQ15" s="281">
        <v>6</v>
      </c>
      <c r="BR15" s="278">
        <v>15</v>
      </c>
      <c r="BS15" s="280">
        <v>0</v>
      </c>
      <c r="BT15" s="281">
        <v>17</v>
      </c>
      <c r="BU15" s="281">
        <v>13</v>
      </c>
      <c r="BV15" s="281">
        <v>10</v>
      </c>
      <c r="BW15" s="281">
        <v>8</v>
      </c>
      <c r="BX15" s="281">
        <v>0</v>
      </c>
      <c r="BY15" s="278">
        <v>48</v>
      </c>
      <c r="BZ15" s="283">
        <v>63</v>
      </c>
      <c r="CA15" s="277">
        <v>1</v>
      </c>
      <c r="CB15" s="281">
        <v>1</v>
      </c>
      <c r="CC15" s="278">
        <v>2</v>
      </c>
      <c r="CD15" s="280">
        <v>0</v>
      </c>
      <c r="CE15" s="281">
        <v>10</v>
      </c>
      <c r="CF15" s="281">
        <v>6</v>
      </c>
      <c r="CG15" s="281">
        <v>8</v>
      </c>
      <c r="CH15" s="281">
        <v>10</v>
      </c>
      <c r="CI15" s="281">
        <v>2</v>
      </c>
      <c r="CJ15" s="278">
        <v>36</v>
      </c>
      <c r="CK15" s="283">
        <v>38</v>
      </c>
      <c r="CL15" s="277">
        <v>0</v>
      </c>
      <c r="CM15" s="281">
        <v>0</v>
      </c>
      <c r="CN15" s="278">
        <v>0</v>
      </c>
      <c r="CO15" s="280">
        <v>0</v>
      </c>
      <c r="CP15" s="281">
        <v>0</v>
      </c>
      <c r="CQ15" s="281">
        <v>1</v>
      </c>
      <c r="CR15" s="281">
        <v>1</v>
      </c>
      <c r="CS15" s="281">
        <v>0</v>
      </c>
      <c r="CT15" s="281">
        <v>1</v>
      </c>
      <c r="CU15" s="278">
        <v>3</v>
      </c>
      <c r="CV15" s="283">
        <v>3</v>
      </c>
      <c r="CW15" s="277">
        <v>0</v>
      </c>
      <c r="CX15" s="281">
        <v>0</v>
      </c>
      <c r="CY15" s="278">
        <v>0</v>
      </c>
      <c r="CZ15" s="280">
        <v>0</v>
      </c>
      <c r="DA15" s="281">
        <v>0</v>
      </c>
      <c r="DB15" s="281">
        <v>0</v>
      </c>
      <c r="DC15" s="281">
        <v>0</v>
      </c>
      <c r="DD15" s="281">
        <v>0</v>
      </c>
      <c r="DE15" s="281">
        <v>0</v>
      </c>
      <c r="DF15" s="278">
        <v>0</v>
      </c>
      <c r="DG15" s="283">
        <v>0</v>
      </c>
      <c r="DH15" s="277">
        <v>0</v>
      </c>
      <c r="DI15" s="281">
        <v>0</v>
      </c>
      <c r="DJ15" s="278">
        <v>0</v>
      </c>
      <c r="DK15" s="280">
        <v>0</v>
      </c>
      <c r="DL15" s="281">
        <v>0</v>
      </c>
      <c r="DM15" s="281">
        <v>0</v>
      </c>
      <c r="DN15" s="281">
        <v>0</v>
      </c>
      <c r="DO15" s="281">
        <v>0</v>
      </c>
      <c r="DP15" s="281">
        <v>0</v>
      </c>
      <c r="DQ15" s="278">
        <v>0</v>
      </c>
      <c r="DR15" s="283">
        <v>0</v>
      </c>
      <c r="DS15" s="277">
        <v>22</v>
      </c>
      <c r="DT15" s="281">
        <v>43</v>
      </c>
      <c r="DU15" s="278">
        <v>65</v>
      </c>
      <c r="DV15" s="280">
        <v>0</v>
      </c>
      <c r="DW15" s="281">
        <v>39</v>
      </c>
      <c r="DX15" s="281">
        <v>73</v>
      </c>
      <c r="DY15" s="281">
        <v>60</v>
      </c>
      <c r="DZ15" s="281">
        <v>44</v>
      </c>
      <c r="EA15" s="281">
        <v>23</v>
      </c>
      <c r="EB15" s="278">
        <v>239</v>
      </c>
      <c r="EC15" s="283">
        <v>304</v>
      </c>
      <c r="ED15" s="277">
        <v>1</v>
      </c>
      <c r="EE15" s="281">
        <v>6</v>
      </c>
      <c r="EF15" s="278">
        <v>7</v>
      </c>
      <c r="EG15" s="280">
        <v>0</v>
      </c>
      <c r="EH15" s="281">
        <v>7</v>
      </c>
      <c r="EI15" s="281">
        <v>8</v>
      </c>
      <c r="EJ15" s="281">
        <v>10</v>
      </c>
      <c r="EK15" s="281">
        <v>15</v>
      </c>
      <c r="EL15" s="281">
        <v>2</v>
      </c>
      <c r="EM15" s="278">
        <v>42</v>
      </c>
      <c r="EN15" s="283">
        <v>49</v>
      </c>
      <c r="EO15" s="277">
        <v>47</v>
      </c>
      <c r="EP15" s="281">
        <v>54</v>
      </c>
      <c r="EQ15" s="278">
        <v>101</v>
      </c>
      <c r="ER15" s="280">
        <v>0</v>
      </c>
      <c r="ES15" s="281">
        <v>124</v>
      </c>
      <c r="ET15" s="281">
        <v>92</v>
      </c>
      <c r="EU15" s="281">
        <v>62</v>
      </c>
      <c r="EV15" s="281">
        <v>39</v>
      </c>
      <c r="EW15" s="281">
        <v>23</v>
      </c>
      <c r="EX15" s="278">
        <v>340</v>
      </c>
      <c r="EY15" s="283">
        <v>441</v>
      </c>
    </row>
    <row r="16" spans="1:155" ht="19.5" customHeight="1" x14ac:dyDescent="0.2">
      <c r="A16" s="262" t="s">
        <v>13</v>
      </c>
      <c r="B16" s="277">
        <v>0</v>
      </c>
      <c r="C16" s="281">
        <v>0</v>
      </c>
      <c r="D16" s="385">
        <v>0</v>
      </c>
      <c r="E16" s="280">
        <v>0</v>
      </c>
      <c r="F16" s="281">
        <v>22</v>
      </c>
      <c r="G16" s="281">
        <v>23</v>
      </c>
      <c r="H16" s="281">
        <v>10</v>
      </c>
      <c r="I16" s="281">
        <v>9</v>
      </c>
      <c r="J16" s="281">
        <v>7</v>
      </c>
      <c r="K16" s="282">
        <v>71</v>
      </c>
      <c r="L16" s="283">
        <v>71</v>
      </c>
      <c r="M16" s="277">
        <v>0</v>
      </c>
      <c r="N16" s="281">
        <v>0</v>
      </c>
      <c r="O16" s="278">
        <v>0</v>
      </c>
      <c r="P16" s="280">
        <v>0</v>
      </c>
      <c r="Q16" s="281">
        <v>0</v>
      </c>
      <c r="R16" s="281">
        <v>0</v>
      </c>
      <c r="S16" s="281">
        <v>1</v>
      </c>
      <c r="T16" s="281">
        <v>1</v>
      </c>
      <c r="U16" s="281">
        <v>4</v>
      </c>
      <c r="V16" s="278">
        <v>6</v>
      </c>
      <c r="W16" s="283">
        <v>6</v>
      </c>
      <c r="X16" s="277">
        <v>1</v>
      </c>
      <c r="Y16" s="281">
        <v>0</v>
      </c>
      <c r="Z16" s="278">
        <v>1</v>
      </c>
      <c r="AA16" s="280">
        <v>0</v>
      </c>
      <c r="AB16" s="281">
        <v>7</v>
      </c>
      <c r="AC16" s="281">
        <v>15</v>
      </c>
      <c r="AD16" s="281">
        <v>7</v>
      </c>
      <c r="AE16" s="281">
        <v>9</v>
      </c>
      <c r="AF16" s="281">
        <v>7</v>
      </c>
      <c r="AG16" s="278">
        <v>45</v>
      </c>
      <c r="AH16" s="283">
        <v>46</v>
      </c>
      <c r="AI16" s="277">
        <v>0</v>
      </c>
      <c r="AJ16" s="281">
        <v>0</v>
      </c>
      <c r="AK16" s="278">
        <v>0</v>
      </c>
      <c r="AL16" s="280">
        <v>0</v>
      </c>
      <c r="AM16" s="281">
        <v>2</v>
      </c>
      <c r="AN16" s="281">
        <v>1</v>
      </c>
      <c r="AO16" s="281">
        <v>0</v>
      </c>
      <c r="AP16" s="281">
        <v>0</v>
      </c>
      <c r="AQ16" s="281">
        <v>1</v>
      </c>
      <c r="AR16" s="278">
        <v>4</v>
      </c>
      <c r="AS16" s="283">
        <v>4</v>
      </c>
      <c r="AT16" s="277">
        <v>2</v>
      </c>
      <c r="AU16" s="281">
        <v>0</v>
      </c>
      <c r="AV16" s="278">
        <v>2</v>
      </c>
      <c r="AW16" s="280">
        <v>0</v>
      </c>
      <c r="AX16" s="281">
        <v>14</v>
      </c>
      <c r="AY16" s="281">
        <v>19</v>
      </c>
      <c r="AZ16" s="281">
        <v>13</v>
      </c>
      <c r="BA16" s="281">
        <v>20</v>
      </c>
      <c r="BB16" s="281">
        <v>11</v>
      </c>
      <c r="BC16" s="282">
        <v>77</v>
      </c>
      <c r="BD16" s="283">
        <v>79</v>
      </c>
      <c r="BE16" s="277">
        <v>0</v>
      </c>
      <c r="BF16" s="281">
        <v>0</v>
      </c>
      <c r="BG16" s="278">
        <v>0</v>
      </c>
      <c r="BH16" s="280">
        <v>0</v>
      </c>
      <c r="BI16" s="281">
        <v>16</v>
      </c>
      <c r="BJ16" s="281">
        <v>23</v>
      </c>
      <c r="BK16" s="281">
        <v>12</v>
      </c>
      <c r="BL16" s="281">
        <v>7</v>
      </c>
      <c r="BM16" s="281">
        <v>2</v>
      </c>
      <c r="BN16" s="278">
        <v>60</v>
      </c>
      <c r="BO16" s="283">
        <v>60</v>
      </c>
      <c r="BP16" s="277">
        <v>0</v>
      </c>
      <c r="BQ16" s="281">
        <v>2</v>
      </c>
      <c r="BR16" s="278">
        <v>2</v>
      </c>
      <c r="BS16" s="280">
        <v>0</v>
      </c>
      <c r="BT16" s="281">
        <v>5</v>
      </c>
      <c r="BU16" s="281">
        <v>6</v>
      </c>
      <c r="BV16" s="281">
        <v>3</v>
      </c>
      <c r="BW16" s="281">
        <v>4</v>
      </c>
      <c r="BX16" s="281">
        <v>0</v>
      </c>
      <c r="BY16" s="278">
        <v>18</v>
      </c>
      <c r="BZ16" s="283">
        <v>20</v>
      </c>
      <c r="CA16" s="277">
        <v>0</v>
      </c>
      <c r="CB16" s="281">
        <v>0</v>
      </c>
      <c r="CC16" s="278">
        <v>0</v>
      </c>
      <c r="CD16" s="280">
        <v>0</v>
      </c>
      <c r="CE16" s="281">
        <v>3</v>
      </c>
      <c r="CF16" s="281">
        <v>5</v>
      </c>
      <c r="CG16" s="281">
        <v>6</v>
      </c>
      <c r="CH16" s="281">
        <v>4</v>
      </c>
      <c r="CI16" s="281">
        <v>2</v>
      </c>
      <c r="CJ16" s="278">
        <v>20</v>
      </c>
      <c r="CK16" s="283">
        <v>20</v>
      </c>
      <c r="CL16" s="277">
        <v>0</v>
      </c>
      <c r="CM16" s="281">
        <v>0</v>
      </c>
      <c r="CN16" s="278">
        <v>0</v>
      </c>
      <c r="CO16" s="280">
        <v>0</v>
      </c>
      <c r="CP16" s="281">
        <v>0</v>
      </c>
      <c r="CQ16" s="281">
        <v>1</v>
      </c>
      <c r="CR16" s="281">
        <v>0</v>
      </c>
      <c r="CS16" s="281">
        <v>0</v>
      </c>
      <c r="CT16" s="281">
        <v>0</v>
      </c>
      <c r="CU16" s="278">
        <v>1</v>
      </c>
      <c r="CV16" s="283">
        <v>1</v>
      </c>
      <c r="CW16" s="277">
        <v>0</v>
      </c>
      <c r="CX16" s="281">
        <v>0</v>
      </c>
      <c r="CY16" s="278">
        <v>0</v>
      </c>
      <c r="CZ16" s="280">
        <v>0</v>
      </c>
      <c r="DA16" s="281">
        <v>0</v>
      </c>
      <c r="DB16" s="281">
        <v>0</v>
      </c>
      <c r="DC16" s="281">
        <v>0</v>
      </c>
      <c r="DD16" s="281">
        <v>0</v>
      </c>
      <c r="DE16" s="281">
        <v>0</v>
      </c>
      <c r="DF16" s="278">
        <v>0</v>
      </c>
      <c r="DG16" s="283">
        <v>0</v>
      </c>
      <c r="DH16" s="277">
        <v>0</v>
      </c>
      <c r="DI16" s="281">
        <v>0</v>
      </c>
      <c r="DJ16" s="278">
        <v>0</v>
      </c>
      <c r="DK16" s="280">
        <v>0</v>
      </c>
      <c r="DL16" s="281">
        <v>0</v>
      </c>
      <c r="DM16" s="281">
        <v>0</v>
      </c>
      <c r="DN16" s="281">
        <v>0</v>
      </c>
      <c r="DO16" s="281">
        <v>0</v>
      </c>
      <c r="DP16" s="281">
        <v>0</v>
      </c>
      <c r="DQ16" s="278">
        <v>0</v>
      </c>
      <c r="DR16" s="283">
        <v>0</v>
      </c>
      <c r="DS16" s="277">
        <v>5</v>
      </c>
      <c r="DT16" s="281">
        <v>11</v>
      </c>
      <c r="DU16" s="278">
        <v>16</v>
      </c>
      <c r="DV16" s="280">
        <v>0</v>
      </c>
      <c r="DW16" s="281">
        <v>22</v>
      </c>
      <c r="DX16" s="281">
        <v>34</v>
      </c>
      <c r="DY16" s="281">
        <v>21</v>
      </c>
      <c r="DZ16" s="281">
        <v>21</v>
      </c>
      <c r="EA16" s="281">
        <v>6</v>
      </c>
      <c r="EB16" s="278">
        <v>104</v>
      </c>
      <c r="EC16" s="283">
        <v>120</v>
      </c>
      <c r="ED16" s="277">
        <v>1</v>
      </c>
      <c r="EE16" s="281">
        <v>0</v>
      </c>
      <c r="EF16" s="278">
        <v>1</v>
      </c>
      <c r="EG16" s="280">
        <v>0</v>
      </c>
      <c r="EH16" s="281">
        <v>5</v>
      </c>
      <c r="EI16" s="281">
        <v>7</v>
      </c>
      <c r="EJ16" s="281">
        <v>3</v>
      </c>
      <c r="EK16" s="281">
        <v>8</v>
      </c>
      <c r="EL16" s="281">
        <v>5</v>
      </c>
      <c r="EM16" s="278">
        <v>28</v>
      </c>
      <c r="EN16" s="283">
        <v>29</v>
      </c>
      <c r="EO16" s="277">
        <v>6</v>
      </c>
      <c r="EP16" s="281">
        <v>12</v>
      </c>
      <c r="EQ16" s="278">
        <v>18</v>
      </c>
      <c r="ER16" s="280">
        <v>0</v>
      </c>
      <c r="ES16" s="281">
        <v>56</v>
      </c>
      <c r="ET16" s="281">
        <v>51</v>
      </c>
      <c r="EU16" s="281">
        <v>28</v>
      </c>
      <c r="EV16" s="281">
        <v>22</v>
      </c>
      <c r="EW16" s="281">
        <v>9</v>
      </c>
      <c r="EX16" s="278">
        <v>166</v>
      </c>
      <c r="EY16" s="283">
        <v>184</v>
      </c>
    </row>
    <row r="17" spans="1:155" ht="19.5" customHeight="1" x14ac:dyDescent="0.2">
      <c r="A17" s="262" t="s">
        <v>15</v>
      </c>
      <c r="B17" s="277">
        <v>0</v>
      </c>
      <c r="C17" s="281">
        <v>0</v>
      </c>
      <c r="D17" s="385">
        <v>0</v>
      </c>
      <c r="E17" s="280">
        <v>0</v>
      </c>
      <c r="F17" s="281">
        <v>5</v>
      </c>
      <c r="G17" s="281">
        <v>4</v>
      </c>
      <c r="H17" s="281">
        <v>7</v>
      </c>
      <c r="I17" s="281">
        <v>2</v>
      </c>
      <c r="J17" s="281">
        <v>3</v>
      </c>
      <c r="K17" s="282">
        <v>21</v>
      </c>
      <c r="L17" s="283">
        <v>21</v>
      </c>
      <c r="M17" s="277">
        <v>0</v>
      </c>
      <c r="N17" s="281">
        <v>0</v>
      </c>
      <c r="O17" s="278">
        <v>0</v>
      </c>
      <c r="P17" s="280">
        <v>0</v>
      </c>
      <c r="Q17" s="281">
        <v>0</v>
      </c>
      <c r="R17" s="281">
        <v>0</v>
      </c>
      <c r="S17" s="281">
        <v>0</v>
      </c>
      <c r="T17" s="281">
        <v>3</v>
      </c>
      <c r="U17" s="281">
        <v>0</v>
      </c>
      <c r="V17" s="278">
        <v>3</v>
      </c>
      <c r="W17" s="283">
        <v>3</v>
      </c>
      <c r="X17" s="277">
        <v>0</v>
      </c>
      <c r="Y17" s="281">
        <v>1</v>
      </c>
      <c r="Z17" s="278">
        <v>1</v>
      </c>
      <c r="AA17" s="280">
        <v>0</v>
      </c>
      <c r="AB17" s="281">
        <v>3</v>
      </c>
      <c r="AC17" s="281">
        <v>7</v>
      </c>
      <c r="AD17" s="281">
        <v>1</v>
      </c>
      <c r="AE17" s="281">
        <v>3</v>
      </c>
      <c r="AF17" s="281">
        <v>1</v>
      </c>
      <c r="AG17" s="278">
        <v>15</v>
      </c>
      <c r="AH17" s="283">
        <v>16</v>
      </c>
      <c r="AI17" s="277">
        <v>0</v>
      </c>
      <c r="AJ17" s="281">
        <v>0</v>
      </c>
      <c r="AK17" s="278">
        <v>0</v>
      </c>
      <c r="AL17" s="280">
        <v>0</v>
      </c>
      <c r="AM17" s="281">
        <v>1</v>
      </c>
      <c r="AN17" s="281">
        <v>1</v>
      </c>
      <c r="AO17" s="281">
        <v>0</v>
      </c>
      <c r="AP17" s="281">
        <v>0</v>
      </c>
      <c r="AQ17" s="281">
        <v>1</v>
      </c>
      <c r="AR17" s="278">
        <v>3</v>
      </c>
      <c r="AS17" s="283">
        <v>3</v>
      </c>
      <c r="AT17" s="277">
        <v>1</v>
      </c>
      <c r="AU17" s="281">
        <v>0</v>
      </c>
      <c r="AV17" s="278">
        <v>1</v>
      </c>
      <c r="AW17" s="280">
        <v>0</v>
      </c>
      <c r="AX17" s="281">
        <v>6</v>
      </c>
      <c r="AY17" s="281">
        <v>7</v>
      </c>
      <c r="AZ17" s="281">
        <v>6</v>
      </c>
      <c r="BA17" s="281">
        <v>5</v>
      </c>
      <c r="BB17" s="281">
        <v>2</v>
      </c>
      <c r="BC17" s="282">
        <v>26</v>
      </c>
      <c r="BD17" s="283">
        <v>27</v>
      </c>
      <c r="BE17" s="277">
        <v>0</v>
      </c>
      <c r="BF17" s="281">
        <v>0</v>
      </c>
      <c r="BG17" s="278">
        <v>0</v>
      </c>
      <c r="BH17" s="280">
        <v>0</v>
      </c>
      <c r="BI17" s="281">
        <v>2</v>
      </c>
      <c r="BJ17" s="281">
        <v>7</v>
      </c>
      <c r="BK17" s="281">
        <v>3</v>
      </c>
      <c r="BL17" s="281">
        <v>0</v>
      </c>
      <c r="BM17" s="281">
        <v>0</v>
      </c>
      <c r="BN17" s="278">
        <v>12</v>
      </c>
      <c r="BO17" s="283">
        <v>12</v>
      </c>
      <c r="BP17" s="277">
        <v>0</v>
      </c>
      <c r="BQ17" s="281">
        <v>0</v>
      </c>
      <c r="BR17" s="278">
        <v>0</v>
      </c>
      <c r="BS17" s="280">
        <v>0</v>
      </c>
      <c r="BT17" s="281">
        <v>3</v>
      </c>
      <c r="BU17" s="281">
        <v>2</v>
      </c>
      <c r="BV17" s="281">
        <v>2</v>
      </c>
      <c r="BW17" s="281">
        <v>1</v>
      </c>
      <c r="BX17" s="281">
        <v>0</v>
      </c>
      <c r="BY17" s="278">
        <v>8</v>
      </c>
      <c r="BZ17" s="283">
        <v>8</v>
      </c>
      <c r="CA17" s="277">
        <v>0</v>
      </c>
      <c r="CB17" s="281">
        <v>0</v>
      </c>
      <c r="CC17" s="278">
        <v>0</v>
      </c>
      <c r="CD17" s="280">
        <v>0</v>
      </c>
      <c r="CE17" s="281">
        <v>0</v>
      </c>
      <c r="CF17" s="281">
        <v>1</v>
      </c>
      <c r="CG17" s="281">
        <v>1</v>
      </c>
      <c r="CH17" s="281">
        <v>2</v>
      </c>
      <c r="CI17" s="281">
        <v>0</v>
      </c>
      <c r="CJ17" s="278">
        <v>4</v>
      </c>
      <c r="CK17" s="283">
        <v>4</v>
      </c>
      <c r="CL17" s="277">
        <v>0</v>
      </c>
      <c r="CM17" s="281">
        <v>0</v>
      </c>
      <c r="CN17" s="278">
        <v>0</v>
      </c>
      <c r="CO17" s="280">
        <v>0</v>
      </c>
      <c r="CP17" s="281">
        <v>0</v>
      </c>
      <c r="CQ17" s="281">
        <v>0</v>
      </c>
      <c r="CR17" s="281">
        <v>0</v>
      </c>
      <c r="CS17" s="281">
        <v>0</v>
      </c>
      <c r="CT17" s="281">
        <v>0</v>
      </c>
      <c r="CU17" s="278">
        <v>0</v>
      </c>
      <c r="CV17" s="283">
        <v>0</v>
      </c>
      <c r="CW17" s="277">
        <v>0</v>
      </c>
      <c r="CX17" s="281">
        <v>0</v>
      </c>
      <c r="CY17" s="278">
        <v>0</v>
      </c>
      <c r="CZ17" s="280">
        <v>0</v>
      </c>
      <c r="DA17" s="281">
        <v>0</v>
      </c>
      <c r="DB17" s="281">
        <v>0</v>
      </c>
      <c r="DC17" s="281">
        <v>0</v>
      </c>
      <c r="DD17" s="281">
        <v>0</v>
      </c>
      <c r="DE17" s="281">
        <v>0</v>
      </c>
      <c r="DF17" s="278">
        <v>0</v>
      </c>
      <c r="DG17" s="283">
        <v>0</v>
      </c>
      <c r="DH17" s="277">
        <v>0</v>
      </c>
      <c r="DI17" s="281">
        <v>0</v>
      </c>
      <c r="DJ17" s="278">
        <v>0</v>
      </c>
      <c r="DK17" s="280">
        <v>0</v>
      </c>
      <c r="DL17" s="281">
        <v>0</v>
      </c>
      <c r="DM17" s="281">
        <v>0</v>
      </c>
      <c r="DN17" s="281">
        <v>0</v>
      </c>
      <c r="DO17" s="281">
        <v>0</v>
      </c>
      <c r="DP17" s="281">
        <v>0</v>
      </c>
      <c r="DQ17" s="278">
        <v>0</v>
      </c>
      <c r="DR17" s="283">
        <v>0</v>
      </c>
      <c r="DS17" s="277">
        <v>1</v>
      </c>
      <c r="DT17" s="281">
        <v>5</v>
      </c>
      <c r="DU17" s="278">
        <v>6</v>
      </c>
      <c r="DV17" s="280">
        <v>0</v>
      </c>
      <c r="DW17" s="281">
        <v>9</v>
      </c>
      <c r="DX17" s="281">
        <v>16</v>
      </c>
      <c r="DY17" s="281">
        <v>9</v>
      </c>
      <c r="DZ17" s="281">
        <v>9</v>
      </c>
      <c r="EA17" s="281">
        <v>4</v>
      </c>
      <c r="EB17" s="278">
        <v>47</v>
      </c>
      <c r="EC17" s="283">
        <v>53</v>
      </c>
      <c r="ED17" s="277">
        <v>3</v>
      </c>
      <c r="EE17" s="281">
        <v>2</v>
      </c>
      <c r="EF17" s="278">
        <v>5</v>
      </c>
      <c r="EG17" s="280">
        <v>0</v>
      </c>
      <c r="EH17" s="281">
        <v>5</v>
      </c>
      <c r="EI17" s="281">
        <v>4</v>
      </c>
      <c r="EJ17" s="281">
        <v>5</v>
      </c>
      <c r="EK17" s="281">
        <v>1</v>
      </c>
      <c r="EL17" s="281">
        <v>1</v>
      </c>
      <c r="EM17" s="278">
        <v>16</v>
      </c>
      <c r="EN17" s="283">
        <v>21</v>
      </c>
      <c r="EO17" s="277">
        <v>1</v>
      </c>
      <c r="EP17" s="281">
        <v>6</v>
      </c>
      <c r="EQ17" s="278">
        <v>7</v>
      </c>
      <c r="ER17" s="280">
        <v>0</v>
      </c>
      <c r="ES17" s="281">
        <v>18</v>
      </c>
      <c r="ET17" s="281">
        <v>22</v>
      </c>
      <c r="EU17" s="281">
        <v>13</v>
      </c>
      <c r="EV17" s="281">
        <v>8</v>
      </c>
      <c r="EW17" s="281">
        <v>4</v>
      </c>
      <c r="EX17" s="278">
        <v>65</v>
      </c>
      <c r="EY17" s="283">
        <v>72</v>
      </c>
    </row>
    <row r="18" spans="1:155" ht="19.5" customHeight="1" x14ac:dyDescent="0.2">
      <c r="A18" s="262" t="s">
        <v>16</v>
      </c>
      <c r="B18" s="277">
        <v>0</v>
      </c>
      <c r="C18" s="281">
        <v>0</v>
      </c>
      <c r="D18" s="385">
        <v>0</v>
      </c>
      <c r="E18" s="280">
        <v>0</v>
      </c>
      <c r="F18" s="281">
        <v>12</v>
      </c>
      <c r="G18" s="281">
        <v>12</v>
      </c>
      <c r="H18" s="281">
        <v>8</v>
      </c>
      <c r="I18" s="281">
        <v>4</v>
      </c>
      <c r="J18" s="281">
        <v>4</v>
      </c>
      <c r="K18" s="282">
        <v>40</v>
      </c>
      <c r="L18" s="283">
        <v>40</v>
      </c>
      <c r="M18" s="277">
        <v>0</v>
      </c>
      <c r="N18" s="281">
        <v>0</v>
      </c>
      <c r="O18" s="278">
        <v>0</v>
      </c>
      <c r="P18" s="280">
        <v>0</v>
      </c>
      <c r="Q18" s="281">
        <v>0</v>
      </c>
      <c r="R18" s="281">
        <v>2</v>
      </c>
      <c r="S18" s="281">
        <v>0</v>
      </c>
      <c r="T18" s="281">
        <v>0</v>
      </c>
      <c r="U18" s="281">
        <v>4</v>
      </c>
      <c r="V18" s="278">
        <v>6</v>
      </c>
      <c r="W18" s="283">
        <v>6</v>
      </c>
      <c r="X18" s="277">
        <v>1</v>
      </c>
      <c r="Y18" s="281">
        <v>4</v>
      </c>
      <c r="Z18" s="278">
        <v>5</v>
      </c>
      <c r="AA18" s="280">
        <v>0</v>
      </c>
      <c r="AB18" s="281">
        <v>12</v>
      </c>
      <c r="AC18" s="281">
        <v>17</v>
      </c>
      <c r="AD18" s="281">
        <v>13</v>
      </c>
      <c r="AE18" s="281">
        <v>6</v>
      </c>
      <c r="AF18" s="281">
        <v>7</v>
      </c>
      <c r="AG18" s="278">
        <v>55</v>
      </c>
      <c r="AH18" s="283">
        <v>60</v>
      </c>
      <c r="AI18" s="277">
        <v>0</v>
      </c>
      <c r="AJ18" s="281">
        <v>0</v>
      </c>
      <c r="AK18" s="278">
        <v>0</v>
      </c>
      <c r="AL18" s="280">
        <v>0</v>
      </c>
      <c r="AM18" s="281">
        <v>0</v>
      </c>
      <c r="AN18" s="281">
        <v>0</v>
      </c>
      <c r="AO18" s="281">
        <v>2</v>
      </c>
      <c r="AP18" s="281">
        <v>0</v>
      </c>
      <c r="AQ18" s="281">
        <v>1</v>
      </c>
      <c r="AR18" s="278">
        <v>3</v>
      </c>
      <c r="AS18" s="283">
        <v>3</v>
      </c>
      <c r="AT18" s="277">
        <v>2</v>
      </c>
      <c r="AU18" s="281">
        <v>2</v>
      </c>
      <c r="AV18" s="278">
        <v>4</v>
      </c>
      <c r="AW18" s="280">
        <v>0</v>
      </c>
      <c r="AX18" s="281">
        <v>17</v>
      </c>
      <c r="AY18" s="281">
        <v>13</v>
      </c>
      <c r="AZ18" s="281">
        <v>26</v>
      </c>
      <c r="BA18" s="281">
        <v>17</v>
      </c>
      <c r="BB18" s="281">
        <v>9</v>
      </c>
      <c r="BC18" s="282">
        <v>82</v>
      </c>
      <c r="BD18" s="283">
        <v>86</v>
      </c>
      <c r="BE18" s="277">
        <v>0</v>
      </c>
      <c r="BF18" s="281">
        <v>0</v>
      </c>
      <c r="BG18" s="278">
        <v>0</v>
      </c>
      <c r="BH18" s="280">
        <v>0</v>
      </c>
      <c r="BI18" s="281">
        <v>19</v>
      </c>
      <c r="BJ18" s="281">
        <v>23</v>
      </c>
      <c r="BK18" s="281">
        <v>13</v>
      </c>
      <c r="BL18" s="281">
        <v>10</v>
      </c>
      <c r="BM18" s="281">
        <v>3</v>
      </c>
      <c r="BN18" s="278">
        <v>68</v>
      </c>
      <c r="BO18" s="283">
        <v>68</v>
      </c>
      <c r="BP18" s="277">
        <v>3</v>
      </c>
      <c r="BQ18" s="281">
        <v>4</v>
      </c>
      <c r="BR18" s="278">
        <v>7</v>
      </c>
      <c r="BS18" s="280">
        <v>0</v>
      </c>
      <c r="BT18" s="281">
        <v>12</v>
      </c>
      <c r="BU18" s="281">
        <v>29</v>
      </c>
      <c r="BV18" s="281">
        <v>6</v>
      </c>
      <c r="BW18" s="281">
        <v>4</v>
      </c>
      <c r="BX18" s="281">
        <v>0</v>
      </c>
      <c r="BY18" s="278">
        <v>51</v>
      </c>
      <c r="BZ18" s="283">
        <v>58</v>
      </c>
      <c r="CA18" s="277">
        <v>0</v>
      </c>
      <c r="CB18" s="281">
        <v>0</v>
      </c>
      <c r="CC18" s="278">
        <v>0</v>
      </c>
      <c r="CD18" s="280">
        <v>0</v>
      </c>
      <c r="CE18" s="281">
        <v>2</v>
      </c>
      <c r="CF18" s="281">
        <v>5</v>
      </c>
      <c r="CG18" s="281">
        <v>6</v>
      </c>
      <c r="CH18" s="281">
        <v>1</v>
      </c>
      <c r="CI18" s="281">
        <v>0</v>
      </c>
      <c r="CJ18" s="278">
        <v>14</v>
      </c>
      <c r="CK18" s="283">
        <v>14</v>
      </c>
      <c r="CL18" s="277">
        <v>0</v>
      </c>
      <c r="CM18" s="281">
        <v>0</v>
      </c>
      <c r="CN18" s="278">
        <v>0</v>
      </c>
      <c r="CO18" s="280">
        <v>0</v>
      </c>
      <c r="CP18" s="281">
        <v>0</v>
      </c>
      <c r="CQ18" s="281">
        <v>1</v>
      </c>
      <c r="CR18" s="281">
        <v>0</v>
      </c>
      <c r="CS18" s="281">
        <v>1</v>
      </c>
      <c r="CT18" s="281">
        <v>0</v>
      </c>
      <c r="CU18" s="278">
        <v>2</v>
      </c>
      <c r="CV18" s="283">
        <v>2</v>
      </c>
      <c r="CW18" s="277">
        <v>0</v>
      </c>
      <c r="CX18" s="281">
        <v>0</v>
      </c>
      <c r="CY18" s="278">
        <v>0</v>
      </c>
      <c r="CZ18" s="280">
        <v>0</v>
      </c>
      <c r="DA18" s="281">
        <v>0</v>
      </c>
      <c r="DB18" s="281">
        <v>0</v>
      </c>
      <c r="DC18" s="281">
        <v>0</v>
      </c>
      <c r="DD18" s="281">
        <v>0</v>
      </c>
      <c r="DE18" s="281">
        <v>0</v>
      </c>
      <c r="DF18" s="278">
        <v>0</v>
      </c>
      <c r="DG18" s="283">
        <v>0</v>
      </c>
      <c r="DH18" s="277">
        <v>0</v>
      </c>
      <c r="DI18" s="281">
        <v>0</v>
      </c>
      <c r="DJ18" s="278">
        <v>0</v>
      </c>
      <c r="DK18" s="280">
        <v>0</v>
      </c>
      <c r="DL18" s="281">
        <v>0</v>
      </c>
      <c r="DM18" s="281">
        <v>0</v>
      </c>
      <c r="DN18" s="281">
        <v>0</v>
      </c>
      <c r="DO18" s="281">
        <v>0</v>
      </c>
      <c r="DP18" s="281">
        <v>0</v>
      </c>
      <c r="DQ18" s="278">
        <v>0</v>
      </c>
      <c r="DR18" s="283">
        <v>0</v>
      </c>
      <c r="DS18" s="277">
        <v>11</v>
      </c>
      <c r="DT18" s="281">
        <v>10</v>
      </c>
      <c r="DU18" s="278">
        <v>21</v>
      </c>
      <c r="DV18" s="280">
        <v>0</v>
      </c>
      <c r="DW18" s="281">
        <v>28</v>
      </c>
      <c r="DX18" s="281">
        <v>54</v>
      </c>
      <c r="DY18" s="281">
        <v>31</v>
      </c>
      <c r="DZ18" s="281">
        <v>17</v>
      </c>
      <c r="EA18" s="281">
        <v>9</v>
      </c>
      <c r="EB18" s="278">
        <v>139</v>
      </c>
      <c r="EC18" s="283">
        <v>160</v>
      </c>
      <c r="ED18" s="277">
        <v>2</v>
      </c>
      <c r="EE18" s="281">
        <v>3</v>
      </c>
      <c r="EF18" s="278">
        <v>5</v>
      </c>
      <c r="EG18" s="280">
        <v>0</v>
      </c>
      <c r="EH18" s="281">
        <v>9</v>
      </c>
      <c r="EI18" s="281">
        <v>10</v>
      </c>
      <c r="EJ18" s="281">
        <v>13</v>
      </c>
      <c r="EK18" s="281">
        <v>12</v>
      </c>
      <c r="EL18" s="281">
        <v>6</v>
      </c>
      <c r="EM18" s="278">
        <v>50</v>
      </c>
      <c r="EN18" s="283">
        <v>55</v>
      </c>
      <c r="EO18" s="277">
        <v>15</v>
      </c>
      <c r="EP18" s="281">
        <v>17</v>
      </c>
      <c r="EQ18" s="278">
        <v>32</v>
      </c>
      <c r="ER18" s="280">
        <v>0</v>
      </c>
      <c r="ES18" s="281">
        <v>52</v>
      </c>
      <c r="ET18" s="281">
        <v>72</v>
      </c>
      <c r="EU18" s="281">
        <v>32</v>
      </c>
      <c r="EV18" s="281">
        <v>16</v>
      </c>
      <c r="EW18" s="281">
        <v>9</v>
      </c>
      <c r="EX18" s="278">
        <v>181</v>
      </c>
      <c r="EY18" s="283">
        <v>213</v>
      </c>
    </row>
    <row r="19" spans="1:155" ht="19.5" customHeight="1" x14ac:dyDescent="0.2">
      <c r="A19" s="262" t="s">
        <v>17</v>
      </c>
      <c r="B19" s="277">
        <v>0</v>
      </c>
      <c r="C19" s="281">
        <v>0</v>
      </c>
      <c r="D19" s="385">
        <v>0</v>
      </c>
      <c r="E19" s="280">
        <v>0</v>
      </c>
      <c r="F19" s="281">
        <v>6</v>
      </c>
      <c r="G19" s="281">
        <v>19</v>
      </c>
      <c r="H19" s="281">
        <v>10</v>
      </c>
      <c r="I19" s="281">
        <v>8</v>
      </c>
      <c r="J19" s="281">
        <v>12</v>
      </c>
      <c r="K19" s="282">
        <v>55</v>
      </c>
      <c r="L19" s="283">
        <v>55</v>
      </c>
      <c r="M19" s="277">
        <v>0</v>
      </c>
      <c r="N19" s="281">
        <v>0</v>
      </c>
      <c r="O19" s="278">
        <v>0</v>
      </c>
      <c r="P19" s="280">
        <v>0</v>
      </c>
      <c r="Q19" s="281">
        <v>0</v>
      </c>
      <c r="R19" s="281">
        <v>0</v>
      </c>
      <c r="S19" s="281">
        <v>0</v>
      </c>
      <c r="T19" s="281">
        <v>1</v>
      </c>
      <c r="U19" s="281">
        <v>4</v>
      </c>
      <c r="V19" s="278">
        <v>5</v>
      </c>
      <c r="W19" s="283">
        <v>5</v>
      </c>
      <c r="X19" s="277">
        <v>1</v>
      </c>
      <c r="Y19" s="281">
        <v>4</v>
      </c>
      <c r="Z19" s="278">
        <v>5</v>
      </c>
      <c r="AA19" s="280">
        <v>0</v>
      </c>
      <c r="AB19" s="281">
        <v>10</v>
      </c>
      <c r="AC19" s="281">
        <v>14</v>
      </c>
      <c r="AD19" s="281">
        <v>10</v>
      </c>
      <c r="AE19" s="281">
        <v>7</v>
      </c>
      <c r="AF19" s="281">
        <v>6</v>
      </c>
      <c r="AG19" s="278">
        <v>47</v>
      </c>
      <c r="AH19" s="283">
        <v>52</v>
      </c>
      <c r="AI19" s="277">
        <v>1</v>
      </c>
      <c r="AJ19" s="281">
        <v>0</v>
      </c>
      <c r="AK19" s="278">
        <v>1</v>
      </c>
      <c r="AL19" s="280">
        <v>0</v>
      </c>
      <c r="AM19" s="281">
        <v>0</v>
      </c>
      <c r="AN19" s="281">
        <v>3</v>
      </c>
      <c r="AO19" s="281">
        <v>0</v>
      </c>
      <c r="AP19" s="281">
        <v>0</v>
      </c>
      <c r="AQ19" s="281">
        <v>2</v>
      </c>
      <c r="AR19" s="278">
        <v>5</v>
      </c>
      <c r="AS19" s="283">
        <v>6</v>
      </c>
      <c r="AT19" s="277">
        <v>3</v>
      </c>
      <c r="AU19" s="281">
        <v>3</v>
      </c>
      <c r="AV19" s="278">
        <v>6</v>
      </c>
      <c r="AW19" s="280">
        <v>0</v>
      </c>
      <c r="AX19" s="281">
        <v>8</v>
      </c>
      <c r="AY19" s="281">
        <v>24</v>
      </c>
      <c r="AZ19" s="281">
        <v>15</v>
      </c>
      <c r="BA19" s="281">
        <v>22</v>
      </c>
      <c r="BB19" s="281">
        <v>15</v>
      </c>
      <c r="BC19" s="282">
        <v>84</v>
      </c>
      <c r="BD19" s="283">
        <v>90</v>
      </c>
      <c r="BE19" s="277">
        <v>0</v>
      </c>
      <c r="BF19" s="281">
        <v>0</v>
      </c>
      <c r="BG19" s="278">
        <v>0</v>
      </c>
      <c r="BH19" s="280">
        <v>0</v>
      </c>
      <c r="BI19" s="281">
        <v>25</v>
      </c>
      <c r="BJ19" s="281">
        <v>25</v>
      </c>
      <c r="BK19" s="281">
        <v>20</v>
      </c>
      <c r="BL19" s="281">
        <v>8</v>
      </c>
      <c r="BM19" s="281">
        <v>5</v>
      </c>
      <c r="BN19" s="278">
        <v>83</v>
      </c>
      <c r="BO19" s="283">
        <v>83</v>
      </c>
      <c r="BP19" s="277">
        <v>2</v>
      </c>
      <c r="BQ19" s="281">
        <v>4</v>
      </c>
      <c r="BR19" s="278">
        <v>6</v>
      </c>
      <c r="BS19" s="280">
        <v>0</v>
      </c>
      <c r="BT19" s="281">
        <v>5</v>
      </c>
      <c r="BU19" s="281">
        <v>16</v>
      </c>
      <c r="BV19" s="281">
        <v>1</v>
      </c>
      <c r="BW19" s="281">
        <v>2</v>
      </c>
      <c r="BX19" s="281">
        <v>1</v>
      </c>
      <c r="BY19" s="278">
        <v>25</v>
      </c>
      <c r="BZ19" s="283">
        <v>31</v>
      </c>
      <c r="CA19" s="277">
        <v>0</v>
      </c>
      <c r="CB19" s="281">
        <v>1</v>
      </c>
      <c r="CC19" s="278">
        <v>1</v>
      </c>
      <c r="CD19" s="280">
        <v>0</v>
      </c>
      <c r="CE19" s="281">
        <v>3</v>
      </c>
      <c r="CF19" s="281">
        <v>3</v>
      </c>
      <c r="CG19" s="281">
        <v>8</v>
      </c>
      <c r="CH19" s="281">
        <v>5</v>
      </c>
      <c r="CI19" s="281">
        <v>2</v>
      </c>
      <c r="CJ19" s="278">
        <v>21</v>
      </c>
      <c r="CK19" s="283">
        <v>22</v>
      </c>
      <c r="CL19" s="277">
        <v>0</v>
      </c>
      <c r="CM19" s="281">
        <v>0</v>
      </c>
      <c r="CN19" s="278">
        <v>0</v>
      </c>
      <c r="CO19" s="280">
        <v>0</v>
      </c>
      <c r="CP19" s="281">
        <v>1</v>
      </c>
      <c r="CQ19" s="281">
        <v>2</v>
      </c>
      <c r="CR19" s="281">
        <v>1</v>
      </c>
      <c r="CS19" s="281">
        <v>0</v>
      </c>
      <c r="CT19" s="281">
        <v>0</v>
      </c>
      <c r="CU19" s="278">
        <v>4</v>
      </c>
      <c r="CV19" s="283">
        <v>4</v>
      </c>
      <c r="CW19" s="277">
        <v>0</v>
      </c>
      <c r="CX19" s="281">
        <v>0</v>
      </c>
      <c r="CY19" s="278">
        <v>0</v>
      </c>
      <c r="CZ19" s="280">
        <v>0</v>
      </c>
      <c r="DA19" s="281">
        <v>0</v>
      </c>
      <c r="DB19" s="281">
        <v>0</v>
      </c>
      <c r="DC19" s="281">
        <v>0</v>
      </c>
      <c r="DD19" s="281">
        <v>0</v>
      </c>
      <c r="DE19" s="281">
        <v>0</v>
      </c>
      <c r="DF19" s="278">
        <v>0</v>
      </c>
      <c r="DG19" s="283">
        <v>0</v>
      </c>
      <c r="DH19" s="277">
        <v>0</v>
      </c>
      <c r="DI19" s="281">
        <v>0</v>
      </c>
      <c r="DJ19" s="278">
        <v>0</v>
      </c>
      <c r="DK19" s="280">
        <v>0</v>
      </c>
      <c r="DL19" s="281">
        <v>0</v>
      </c>
      <c r="DM19" s="281">
        <v>0</v>
      </c>
      <c r="DN19" s="281">
        <v>0</v>
      </c>
      <c r="DO19" s="281">
        <v>0</v>
      </c>
      <c r="DP19" s="281">
        <v>0</v>
      </c>
      <c r="DQ19" s="278">
        <v>0</v>
      </c>
      <c r="DR19" s="283">
        <v>0</v>
      </c>
      <c r="DS19" s="277">
        <v>4</v>
      </c>
      <c r="DT19" s="281">
        <v>25</v>
      </c>
      <c r="DU19" s="278">
        <v>29</v>
      </c>
      <c r="DV19" s="280">
        <v>0</v>
      </c>
      <c r="DW19" s="281">
        <v>26</v>
      </c>
      <c r="DX19" s="281">
        <v>65</v>
      </c>
      <c r="DY19" s="281">
        <v>38</v>
      </c>
      <c r="DZ19" s="281">
        <v>18</v>
      </c>
      <c r="EA19" s="281">
        <v>18</v>
      </c>
      <c r="EB19" s="278">
        <v>165</v>
      </c>
      <c r="EC19" s="283">
        <v>194</v>
      </c>
      <c r="ED19" s="277">
        <v>3</v>
      </c>
      <c r="EE19" s="281">
        <v>1</v>
      </c>
      <c r="EF19" s="278">
        <v>4</v>
      </c>
      <c r="EG19" s="280">
        <v>0</v>
      </c>
      <c r="EH19" s="281">
        <v>8</v>
      </c>
      <c r="EI19" s="281">
        <v>6</v>
      </c>
      <c r="EJ19" s="281">
        <v>8</v>
      </c>
      <c r="EK19" s="281">
        <v>5</v>
      </c>
      <c r="EL19" s="281">
        <v>3</v>
      </c>
      <c r="EM19" s="278">
        <v>30</v>
      </c>
      <c r="EN19" s="283">
        <v>34</v>
      </c>
      <c r="EO19" s="277">
        <v>8</v>
      </c>
      <c r="EP19" s="281">
        <v>28</v>
      </c>
      <c r="EQ19" s="278">
        <v>36</v>
      </c>
      <c r="ER19" s="280">
        <v>0</v>
      </c>
      <c r="ES19" s="281">
        <v>61</v>
      </c>
      <c r="ET19" s="281">
        <v>75</v>
      </c>
      <c r="EU19" s="281">
        <v>43</v>
      </c>
      <c r="EV19" s="281">
        <v>21</v>
      </c>
      <c r="EW19" s="281">
        <v>13</v>
      </c>
      <c r="EX19" s="278">
        <v>213</v>
      </c>
      <c r="EY19" s="283">
        <v>249</v>
      </c>
    </row>
    <row r="20" spans="1:155" ht="19.5" customHeight="1" x14ac:dyDescent="0.2">
      <c r="A20" s="262" t="s">
        <v>18</v>
      </c>
      <c r="B20" s="277">
        <v>0</v>
      </c>
      <c r="C20" s="281">
        <v>0</v>
      </c>
      <c r="D20" s="385">
        <v>0</v>
      </c>
      <c r="E20" s="280">
        <v>0</v>
      </c>
      <c r="F20" s="281">
        <v>24</v>
      </c>
      <c r="G20" s="281">
        <v>33</v>
      </c>
      <c r="H20" s="281">
        <v>10</v>
      </c>
      <c r="I20" s="281">
        <v>17</v>
      </c>
      <c r="J20" s="281">
        <v>4</v>
      </c>
      <c r="K20" s="282">
        <v>88</v>
      </c>
      <c r="L20" s="283">
        <v>88</v>
      </c>
      <c r="M20" s="277">
        <v>0</v>
      </c>
      <c r="N20" s="281">
        <v>0</v>
      </c>
      <c r="O20" s="278">
        <v>0</v>
      </c>
      <c r="P20" s="280">
        <v>0</v>
      </c>
      <c r="Q20" s="281">
        <v>1</v>
      </c>
      <c r="R20" s="281">
        <v>0</v>
      </c>
      <c r="S20" s="281">
        <v>1</v>
      </c>
      <c r="T20" s="281">
        <v>3</v>
      </c>
      <c r="U20" s="281">
        <v>1</v>
      </c>
      <c r="V20" s="278">
        <v>6</v>
      </c>
      <c r="W20" s="283">
        <v>6</v>
      </c>
      <c r="X20" s="277">
        <v>3</v>
      </c>
      <c r="Y20" s="281">
        <v>8</v>
      </c>
      <c r="Z20" s="278">
        <v>11</v>
      </c>
      <c r="AA20" s="280">
        <v>0</v>
      </c>
      <c r="AB20" s="281">
        <v>22</v>
      </c>
      <c r="AC20" s="281">
        <v>21</v>
      </c>
      <c r="AD20" s="281">
        <v>8</v>
      </c>
      <c r="AE20" s="281">
        <v>13</v>
      </c>
      <c r="AF20" s="281">
        <v>3</v>
      </c>
      <c r="AG20" s="278">
        <v>67</v>
      </c>
      <c r="AH20" s="283">
        <v>78</v>
      </c>
      <c r="AI20" s="277">
        <v>0</v>
      </c>
      <c r="AJ20" s="281">
        <v>2</v>
      </c>
      <c r="AK20" s="278">
        <v>2</v>
      </c>
      <c r="AL20" s="280">
        <v>0</v>
      </c>
      <c r="AM20" s="281">
        <v>3</v>
      </c>
      <c r="AN20" s="281">
        <v>2</v>
      </c>
      <c r="AO20" s="281">
        <v>1</v>
      </c>
      <c r="AP20" s="281">
        <v>2</v>
      </c>
      <c r="AQ20" s="281">
        <v>0</v>
      </c>
      <c r="AR20" s="278">
        <v>8</v>
      </c>
      <c r="AS20" s="283">
        <v>10</v>
      </c>
      <c r="AT20" s="277">
        <v>2</v>
      </c>
      <c r="AU20" s="281">
        <v>8</v>
      </c>
      <c r="AV20" s="278">
        <v>10</v>
      </c>
      <c r="AW20" s="280">
        <v>0</v>
      </c>
      <c r="AX20" s="281">
        <v>35</v>
      </c>
      <c r="AY20" s="281">
        <v>44</v>
      </c>
      <c r="AZ20" s="281">
        <v>31</v>
      </c>
      <c r="BA20" s="281">
        <v>23</v>
      </c>
      <c r="BB20" s="281">
        <v>14</v>
      </c>
      <c r="BC20" s="282">
        <v>147</v>
      </c>
      <c r="BD20" s="283">
        <v>157</v>
      </c>
      <c r="BE20" s="277">
        <v>0</v>
      </c>
      <c r="BF20" s="281">
        <v>0</v>
      </c>
      <c r="BG20" s="278">
        <v>0</v>
      </c>
      <c r="BH20" s="280">
        <v>0</v>
      </c>
      <c r="BI20" s="281">
        <v>39</v>
      </c>
      <c r="BJ20" s="281">
        <v>30</v>
      </c>
      <c r="BK20" s="281">
        <v>22</v>
      </c>
      <c r="BL20" s="281">
        <v>8</v>
      </c>
      <c r="BM20" s="281">
        <v>3</v>
      </c>
      <c r="BN20" s="278">
        <v>102</v>
      </c>
      <c r="BO20" s="283">
        <v>102</v>
      </c>
      <c r="BP20" s="277">
        <v>3</v>
      </c>
      <c r="BQ20" s="281">
        <v>9</v>
      </c>
      <c r="BR20" s="278">
        <v>12</v>
      </c>
      <c r="BS20" s="280">
        <v>0</v>
      </c>
      <c r="BT20" s="281">
        <v>11</v>
      </c>
      <c r="BU20" s="281">
        <v>18</v>
      </c>
      <c r="BV20" s="281">
        <v>7</v>
      </c>
      <c r="BW20" s="281">
        <v>5</v>
      </c>
      <c r="BX20" s="281">
        <v>1</v>
      </c>
      <c r="BY20" s="278">
        <v>42</v>
      </c>
      <c r="BZ20" s="283">
        <v>54</v>
      </c>
      <c r="CA20" s="277">
        <v>0</v>
      </c>
      <c r="CB20" s="281">
        <v>0</v>
      </c>
      <c r="CC20" s="278">
        <v>0</v>
      </c>
      <c r="CD20" s="280">
        <v>0</v>
      </c>
      <c r="CE20" s="281">
        <v>4</v>
      </c>
      <c r="CF20" s="281">
        <v>8</v>
      </c>
      <c r="CG20" s="281">
        <v>8</v>
      </c>
      <c r="CH20" s="281">
        <v>4</v>
      </c>
      <c r="CI20" s="281">
        <v>2</v>
      </c>
      <c r="CJ20" s="278">
        <v>26</v>
      </c>
      <c r="CK20" s="283">
        <v>26</v>
      </c>
      <c r="CL20" s="277">
        <v>0</v>
      </c>
      <c r="CM20" s="281">
        <v>0</v>
      </c>
      <c r="CN20" s="278">
        <v>0</v>
      </c>
      <c r="CO20" s="280">
        <v>0</v>
      </c>
      <c r="CP20" s="281">
        <v>1</v>
      </c>
      <c r="CQ20" s="281">
        <v>0</v>
      </c>
      <c r="CR20" s="281">
        <v>0</v>
      </c>
      <c r="CS20" s="281">
        <v>0</v>
      </c>
      <c r="CT20" s="281">
        <v>0</v>
      </c>
      <c r="CU20" s="278">
        <v>1</v>
      </c>
      <c r="CV20" s="283">
        <v>1</v>
      </c>
      <c r="CW20" s="277">
        <v>0</v>
      </c>
      <c r="CX20" s="281">
        <v>0</v>
      </c>
      <c r="CY20" s="278">
        <v>0</v>
      </c>
      <c r="CZ20" s="280">
        <v>0</v>
      </c>
      <c r="DA20" s="281">
        <v>0</v>
      </c>
      <c r="DB20" s="281">
        <v>0</v>
      </c>
      <c r="DC20" s="281">
        <v>0</v>
      </c>
      <c r="DD20" s="281">
        <v>0</v>
      </c>
      <c r="DE20" s="281">
        <v>0</v>
      </c>
      <c r="DF20" s="278">
        <v>0</v>
      </c>
      <c r="DG20" s="283">
        <v>0</v>
      </c>
      <c r="DH20" s="277">
        <v>0</v>
      </c>
      <c r="DI20" s="281">
        <v>0</v>
      </c>
      <c r="DJ20" s="278">
        <v>0</v>
      </c>
      <c r="DK20" s="280">
        <v>0</v>
      </c>
      <c r="DL20" s="281">
        <v>0</v>
      </c>
      <c r="DM20" s="281">
        <v>0</v>
      </c>
      <c r="DN20" s="281">
        <v>0</v>
      </c>
      <c r="DO20" s="281">
        <v>0</v>
      </c>
      <c r="DP20" s="281">
        <v>0</v>
      </c>
      <c r="DQ20" s="278">
        <v>0</v>
      </c>
      <c r="DR20" s="283">
        <v>0</v>
      </c>
      <c r="DS20" s="277">
        <v>9</v>
      </c>
      <c r="DT20" s="281">
        <v>31</v>
      </c>
      <c r="DU20" s="278">
        <v>40</v>
      </c>
      <c r="DV20" s="280">
        <v>0</v>
      </c>
      <c r="DW20" s="281">
        <v>50</v>
      </c>
      <c r="DX20" s="281">
        <v>62</v>
      </c>
      <c r="DY20" s="281">
        <v>44</v>
      </c>
      <c r="DZ20" s="281">
        <v>28</v>
      </c>
      <c r="EA20" s="281">
        <v>10</v>
      </c>
      <c r="EB20" s="278">
        <v>194</v>
      </c>
      <c r="EC20" s="283">
        <v>234</v>
      </c>
      <c r="ED20" s="277">
        <v>1</v>
      </c>
      <c r="EE20" s="281">
        <v>2</v>
      </c>
      <c r="EF20" s="278">
        <v>3</v>
      </c>
      <c r="EG20" s="280">
        <v>0</v>
      </c>
      <c r="EH20" s="281">
        <v>13</v>
      </c>
      <c r="EI20" s="281">
        <v>9</v>
      </c>
      <c r="EJ20" s="281">
        <v>11</v>
      </c>
      <c r="EK20" s="281">
        <v>5</v>
      </c>
      <c r="EL20" s="281">
        <v>7</v>
      </c>
      <c r="EM20" s="278">
        <v>45</v>
      </c>
      <c r="EN20" s="283">
        <v>48</v>
      </c>
      <c r="EO20" s="277">
        <v>15</v>
      </c>
      <c r="EP20" s="281">
        <v>39</v>
      </c>
      <c r="EQ20" s="278">
        <v>54</v>
      </c>
      <c r="ER20" s="280">
        <v>0</v>
      </c>
      <c r="ES20" s="281">
        <v>105</v>
      </c>
      <c r="ET20" s="281">
        <v>95</v>
      </c>
      <c r="EU20" s="281">
        <v>52</v>
      </c>
      <c r="EV20" s="281">
        <v>34</v>
      </c>
      <c r="EW20" s="281">
        <v>9</v>
      </c>
      <c r="EX20" s="278">
        <v>295</v>
      </c>
      <c r="EY20" s="283">
        <v>349</v>
      </c>
    </row>
    <row r="21" spans="1:155" ht="19.5" customHeight="1" x14ac:dyDescent="0.2">
      <c r="A21" s="262" t="s">
        <v>19</v>
      </c>
      <c r="B21" s="277">
        <v>0</v>
      </c>
      <c r="C21" s="281">
        <v>0</v>
      </c>
      <c r="D21" s="385">
        <v>0</v>
      </c>
      <c r="E21" s="280">
        <v>0</v>
      </c>
      <c r="F21" s="281">
        <v>14</v>
      </c>
      <c r="G21" s="281">
        <v>12</v>
      </c>
      <c r="H21" s="281">
        <v>5</v>
      </c>
      <c r="I21" s="281">
        <v>9</v>
      </c>
      <c r="J21" s="281">
        <v>1</v>
      </c>
      <c r="K21" s="282">
        <v>41</v>
      </c>
      <c r="L21" s="283">
        <v>41</v>
      </c>
      <c r="M21" s="277">
        <v>0</v>
      </c>
      <c r="N21" s="281">
        <v>0</v>
      </c>
      <c r="O21" s="278">
        <v>0</v>
      </c>
      <c r="P21" s="280">
        <v>0</v>
      </c>
      <c r="Q21" s="281">
        <v>0</v>
      </c>
      <c r="R21" s="281">
        <v>0</v>
      </c>
      <c r="S21" s="281">
        <v>1</v>
      </c>
      <c r="T21" s="281">
        <v>4</v>
      </c>
      <c r="U21" s="281">
        <v>2</v>
      </c>
      <c r="V21" s="278">
        <v>7</v>
      </c>
      <c r="W21" s="283">
        <v>7</v>
      </c>
      <c r="X21" s="277">
        <v>1</v>
      </c>
      <c r="Y21" s="281">
        <v>0</v>
      </c>
      <c r="Z21" s="278">
        <v>1</v>
      </c>
      <c r="AA21" s="280">
        <v>0</v>
      </c>
      <c r="AB21" s="281">
        <v>14</v>
      </c>
      <c r="AC21" s="281">
        <v>14</v>
      </c>
      <c r="AD21" s="281">
        <v>6</v>
      </c>
      <c r="AE21" s="281">
        <v>5</v>
      </c>
      <c r="AF21" s="281">
        <v>4</v>
      </c>
      <c r="AG21" s="278">
        <v>43</v>
      </c>
      <c r="AH21" s="283">
        <v>44</v>
      </c>
      <c r="AI21" s="277">
        <v>0</v>
      </c>
      <c r="AJ21" s="281">
        <v>0</v>
      </c>
      <c r="AK21" s="278">
        <v>0</v>
      </c>
      <c r="AL21" s="280">
        <v>0</v>
      </c>
      <c r="AM21" s="281">
        <v>1</v>
      </c>
      <c r="AN21" s="281">
        <v>1</v>
      </c>
      <c r="AO21" s="281">
        <v>2</v>
      </c>
      <c r="AP21" s="281">
        <v>1</v>
      </c>
      <c r="AQ21" s="281">
        <v>0</v>
      </c>
      <c r="AR21" s="278">
        <v>5</v>
      </c>
      <c r="AS21" s="283">
        <v>5</v>
      </c>
      <c r="AT21" s="277">
        <v>3</v>
      </c>
      <c r="AU21" s="281">
        <v>3</v>
      </c>
      <c r="AV21" s="278">
        <v>6</v>
      </c>
      <c r="AW21" s="280">
        <v>0</v>
      </c>
      <c r="AX21" s="281">
        <v>22</v>
      </c>
      <c r="AY21" s="281">
        <v>14</v>
      </c>
      <c r="AZ21" s="281">
        <v>11</v>
      </c>
      <c r="BA21" s="281">
        <v>15</v>
      </c>
      <c r="BB21" s="281">
        <v>7</v>
      </c>
      <c r="BC21" s="282">
        <v>69</v>
      </c>
      <c r="BD21" s="283">
        <v>75</v>
      </c>
      <c r="BE21" s="277">
        <v>0</v>
      </c>
      <c r="BF21" s="281">
        <v>0</v>
      </c>
      <c r="BG21" s="278">
        <v>0</v>
      </c>
      <c r="BH21" s="280">
        <v>0</v>
      </c>
      <c r="BI21" s="281">
        <v>16</v>
      </c>
      <c r="BJ21" s="281">
        <v>19</v>
      </c>
      <c r="BK21" s="281">
        <v>8</v>
      </c>
      <c r="BL21" s="281">
        <v>3</v>
      </c>
      <c r="BM21" s="281">
        <v>0</v>
      </c>
      <c r="BN21" s="278">
        <v>46</v>
      </c>
      <c r="BO21" s="283">
        <v>46</v>
      </c>
      <c r="BP21" s="277">
        <v>1</v>
      </c>
      <c r="BQ21" s="281">
        <v>2</v>
      </c>
      <c r="BR21" s="278">
        <v>3</v>
      </c>
      <c r="BS21" s="280">
        <v>0</v>
      </c>
      <c r="BT21" s="281">
        <v>12</v>
      </c>
      <c r="BU21" s="281">
        <v>7</v>
      </c>
      <c r="BV21" s="281">
        <v>1</v>
      </c>
      <c r="BW21" s="281">
        <v>2</v>
      </c>
      <c r="BX21" s="281">
        <v>0</v>
      </c>
      <c r="BY21" s="278">
        <v>22</v>
      </c>
      <c r="BZ21" s="283">
        <v>25</v>
      </c>
      <c r="CA21" s="277">
        <v>0</v>
      </c>
      <c r="CB21" s="281">
        <v>0</v>
      </c>
      <c r="CC21" s="278">
        <v>0</v>
      </c>
      <c r="CD21" s="280">
        <v>0</v>
      </c>
      <c r="CE21" s="281">
        <v>2</v>
      </c>
      <c r="CF21" s="281">
        <v>2</v>
      </c>
      <c r="CG21" s="281">
        <v>1</v>
      </c>
      <c r="CH21" s="281">
        <v>0</v>
      </c>
      <c r="CI21" s="281">
        <v>0</v>
      </c>
      <c r="CJ21" s="278">
        <v>5</v>
      </c>
      <c r="CK21" s="283">
        <v>5</v>
      </c>
      <c r="CL21" s="277">
        <v>0</v>
      </c>
      <c r="CM21" s="281">
        <v>0</v>
      </c>
      <c r="CN21" s="278">
        <v>0</v>
      </c>
      <c r="CO21" s="280">
        <v>0</v>
      </c>
      <c r="CP21" s="281">
        <v>1</v>
      </c>
      <c r="CQ21" s="281">
        <v>0</v>
      </c>
      <c r="CR21" s="281">
        <v>0</v>
      </c>
      <c r="CS21" s="281">
        <v>0</v>
      </c>
      <c r="CT21" s="281">
        <v>0</v>
      </c>
      <c r="CU21" s="278">
        <v>1</v>
      </c>
      <c r="CV21" s="283">
        <v>1</v>
      </c>
      <c r="CW21" s="277">
        <v>0</v>
      </c>
      <c r="CX21" s="281">
        <v>0</v>
      </c>
      <c r="CY21" s="278">
        <v>0</v>
      </c>
      <c r="CZ21" s="280">
        <v>0</v>
      </c>
      <c r="DA21" s="281">
        <v>0</v>
      </c>
      <c r="DB21" s="281">
        <v>0</v>
      </c>
      <c r="DC21" s="281">
        <v>0</v>
      </c>
      <c r="DD21" s="281">
        <v>0</v>
      </c>
      <c r="DE21" s="281">
        <v>0</v>
      </c>
      <c r="DF21" s="278">
        <v>0</v>
      </c>
      <c r="DG21" s="283">
        <v>0</v>
      </c>
      <c r="DH21" s="277">
        <v>0</v>
      </c>
      <c r="DI21" s="281">
        <v>0</v>
      </c>
      <c r="DJ21" s="278">
        <v>0</v>
      </c>
      <c r="DK21" s="280">
        <v>0</v>
      </c>
      <c r="DL21" s="281">
        <v>0</v>
      </c>
      <c r="DM21" s="281">
        <v>0</v>
      </c>
      <c r="DN21" s="281">
        <v>0</v>
      </c>
      <c r="DO21" s="281">
        <v>0</v>
      </c>
      <c r="DP21" s="281">
        <v>0</v>
      </c>
      <c r="DQ21" s="278">
        <v>0</v>
      </c>
      <c r="DR21" s="283">
        <v>0</v>
      </c>
      <c r="DS21" s="277">
        <v>3</v>
      </c>
      <c r="DT21" s="281">
        <v>9</v>
      </c>
      <c r="DU21" s="278">
        <v>12</v>
      </c>
      <c r="DV21" s="280">
        <v>0</v>
      </c>
      <c r="DW21" s="281">
        <v>28</v>
      </c>
      <c r="DX21" s="281">
        <v>27</v>
      </c>
      <c r="DY21" s="281">
        <v>12</v>
      </c>
      <c r="DZ21" s="281">
        <v>14</v>
      </c>
      <c r="EA21" s="281">
        <v>7</v>
      </c>
      <c r="EB21" s="278">
        <v>88</v>
      </c>
      <c r="EC21" s="283">
        <v>100</v>
      </c>
      <c r="ED21" s="277">
        <v>0</v>
      </c>
      <c r="EE21" s="281">
        <v>3</v>
      </c>
      <c r="EF21" s="278">
        <v>3</v>
      </c>
      <c r="EG21" s="280">
        <v>0</v>
      </c>
      <c r="EH21" s="281">
        <v>7</v>
      </c>
      <c r="EI21" s="281">
        <v>5</v>
      </c>
      <c r="EJ21" s="281">
        <v>3</v>
      </c>
      <c r="EK21" s="281">
        <v>3</v>
      </c>
      <c r="EL21" s="281">
        <v>0</v>
      </c>
      <c r="EM21" s="278">
        <v>18</v>
      </c>
      <c r="EN21" s="283">
        <v>21</v>
      </c>
      <c r="EO21" s="277">
        <v>6</v>
      </c>
      <c r="EP21" s="281">
        <v>10</v>
      </c>
      <c r="EQ21" s="278">
        <v>16</v>
      </c>
      <c r="ER21" s="280">
        <v>0</v>
      </c>
      <c r="ES21" s="281">
        <v>46</v>
      </c>
      <c r="ET21" s="281">
        <v>41</v>
      </c>
      <c r="EU21" s="281">
        <v>15</v>
      </c>
      <c r="EV21" s="281">
        <v>16</v>
      </c>
      <c r="EW21" s="281">
        <v>4</v>
      </c>
      <c r="EX21" s="278">
        <v>122</v>
      </c>
      <c r="EY21" s="283">
        <v>138</v>
      </c>
    </row>
    <row r="22" spans="1:155" ht="19.5" customHeight="1" x14ac:dyDescent="0.2">
      <c r="A22" s="262" t="s">
        <v>20</v>
      </c>
      <c r="B22" s="277">
        <v>0</v>
      </c>
      <c r="C22" s="281">
        <v>0</v>
      </c>
      <c r="D22" s="385">
        <v>0</v>
      </c>
      <c r="E22" s="280">
        <v>0</v>
      </c>
      <c r="F22" s="281">
        <v>16</v>
      </c>
      <c r="G22" s="281">
        <v>14</v>
      </c>
      <c r="H22" s="281">
        <v>11</v>
      </c>
      <c r="I22" s="281">
        <v>6</v>
      </c>
      <c r="J22" s="281">
        <v>3</v>
      </c>
      <c r="K22" s="282">
        <v>50</v>
      </c>
      <c r="L22" s="283">
        <v>50</v>
      </c>
      <c r="M22" s="277">
        <v>0</v>
      </c>
      <c r="N22" s="281">
        <v>0</v>
      </c>
      <c r="O22" s="278">
        <v>0</v>
      </c>
      <c r="P22" s="280">
        <v>0</v>
      </c>
      <c r="Q22" s="281">
        <v>0</v>
      </c>
      <c r="R22" s="281">
        <v>1</v>
      </c>
      <c r="S22" s="281">
        <v>0</v>
      </c>
      <c r="T22" s="281">
        <v>0</v>
      </c>
      <c r="U22" s="281">
        <v>2</v>
      </c>
      <c r="V22" s="278">
        <v>3</v>
      </c>
      <c r="W22" s="283">
        <v>3</v>
      </c>
      <c r="X22" s="277">
        <v>1</v>
      </c>
      <c r="Y22" s="281">
        <v>5</v>
      </c>
      <c r="Z22" s="278">
        <v>6</v>
      </c>
      <c r="AA22" s="280">
        <v>0</v>
      </c>
      <c r="AB22" s="281">
        <v>23</v>
      </c>
      <c r="AC22" s="281">
        <v>14</v>
      </c>
      <c r="AD22" s="281">
        <v>9</v>
      </c>
      <c r="AE22" s="281">
        <v>4</v>
      </c>
      <c r="AF22" s="281">
        <v>3</v>
      </c>
      <c r="AG22" s="278">
        <v>53</v>
      </c>
      <c r="AH22" s="283">
        <v>59</v>
      </c>
      <c r="AI22" s="277">
        <v>2</v>
      </c>
      <c r="AJ22" s="281">
        <v>2</v>
      </c>
      <c r="AK22" s="278">
        <v>4</v>
      </c>
      <c r="AL22" s="280">
        <v>0</v>
      </c>
      <c r="AM22" s="281">
        <v>3</v>
      </c>
      <c r="AN22" s="281">
        <v>4</v>
      </c>
      <c r="AO22" s="281">
        <v>4</v>
      </c>
      <c r="AP22" s="281">
        <v>2</v>
      </c>
      <c r="AQ22" s="281">
        <v>0</v>
      </c>
      <c r="AR22" s="278">
        <v>13</v>
      </c>
      <c r="AS22" s="283">
        <v>17</v>
      </c>
      <c r="AT22" s="277">
        <v>2</v>
      </c>
      <c r="AU22" s="281">
        <v>5</v>
      </c>
      <c r="AV22" s="278">
        <v>7</v>
      </c>
      <c r="AW22" s="280">
        <v>0</v>
      </c>
      <c r="AX22" s="281">
        <v>17</v>
      </c>
      <c r="AY22" s="281">
        <v>27</v>
      </c>
      <c r="AZ22" s="281">
        <v>20</v>
      </c>
      <c r="BA22" s="281">
        <v>18</v>
      </c>
      <c r="BB22" s="281">
        <v>6</v>
      </c>
      <c r="BC22" s="282">
        <v>88</v>
      </c>
      <c r="BD22" s="283">
        <v>95</v>
      </c>
      <c r="BE22" s="277">
        <v>0</v>
      </c>
      <c r="BF22" s="281">
        <v>0</v>
      </c>
      <c r="BG22" s="278">
        <v>0</v>
      </c>
      <c r="BH22" s="280">
        <v>0</v>
      </c>
      <c r="BI22" s="281">
        <v>24</v>
      </c>
      <c r="BJ22" s="281">
        <v>19</v>
      </c>
      <c r="BK22" s="281">
        <v>12</v>
      </c>
      <c r="BL22" s="281">
        <v>5</v>
      </c>
      <c r="BM22" s="281">
        <v>0</v>
      </c>
      <c r="BN22" s="278">
        <v>60</v>
      </c>
      <c r="BO22" s="283">
        <v>60</v>
      </c>
      <c r="BP22" s="277">
        <v>5</v>
      </c>
      <c r="BQ22" s="281">
        <v>2</v>
      </c>
      <c r="BR22" s="278">
        <v>7</v>
      </c>
      <c r="BS22" s="280">
        <v>0</v>
      </c>
      <c r="BT22" s="281">
        <v>11</v>
      </c>
      <c r="BU22" s="281">
        <v>7</v>
      </c>
      <c r="BV22" s="281">
        <v>6</v>
      </c>
      <c r="BW22" s="281">
        <v>7</v>
      </c>
      <c r="BX22" s="281">
        <v>1</v>
      </c>
      <c r="BY22" s="278">
        <v>32</v>
      </c>
      <c r="BZ22" s="283">
        <v>39</v>
      </c>
      <c r="CA22" s="277">
        <v>1</v>
      </c>
      <c r="CB22" s="281">
        <v>1</v>
      </c>
      <c r="CC22" s="278">
        <v>2</v>
      </c>
      <c r="CD22" s="280">
        <v>0</v>
      </c>
      <c r="CE22" s="281">
        <v>3</v>
      </c>
      <c r="CF22" s="281">
        <v>1</v>
      </c>
      <c r="CG22" s="281">
        <v>8</v>
      </c>
      <c r="CH22" s="281">
        <v>7</v>
      </c>
      <c r="CI22" s="281">
        <v>0</v>
      </c>
      <c r="CJ22" s="278">
        <v>19</v>
      </c>
      <c r="CK22" s="283">
        <v>21</v>
      </c>
      <c r="CL22" s="277">
        <v>0</v>
      </c>
      <c r="CM22" s="281">
        <v>0</v>
      </c>
      <c r="CN22" s="278">
        <v>0</v>
      </c>
      <c r="CO22" s="280">
        <v>0</v>
      </c>
      <c r="CP22" s="281">
        <v>0</v>
      </c>
      <c r="CQ22" s="281">
        <v>0</v>
      </c>
      <c r="CR22" s="281">
        <v>0</v>
      </c>
      <c r="CS22" s="281">
        <v>3</v>
      </c>
      <c r="CT22" s="281">
        <v>0</v>
      </c>
      <c r="CU22" s="278">
        <v>3</v>
      </c>
      <c r="CV22" s="283">
        <v>3</v>
      </c>
      <c r="CW22" s="277">
        <v>0</v>
      </c>
      <c r="CX22" s="281">
        <v>0</v>
      </c>
      <c r="CY22" s="278">
        <v>0</v>
      </c>
      <c r="CZ22" s="280">
        <v>0</v>
      </c>
      <c r="DA22" s="281">
        <v>0</v>
      </c>
      <c r="DB22" s="281">
        <v>0</v>
      </c>
      <c r="DC22" s="281">
        <v>0</v>
      </c>
      <c r="DD22" s="281">
        <v>0</v>
      </c>
      <c r="DE22" s="281">
        <v>0</v>
      </c>
      <c r="DF22" s="278">
        <v>0</v>
      </c>
      <c r="DG22" s="283">
        <v>0</v>
      </c>
      <c r="DH22" s="277">
        <v>0</v>
      </c>
      <c r="DI22" s="281">
        <v>0</v>
      </c>
      <c r="DJ22" s="278">
        <v>0</v>
      </c>
      <c r="DK22" s="280">
        <v>0</v>
      </c>
      <c r="DL22" s="281">
        <v>0</v>
      </c>
      <c r="DM22" s="281">
        <v>0</v>
      </c>
      <c r="DN22" s="281">
        <v>0</v>
      </c>
      <c r="DO22" s="281">
        <v>0</v>
      </c>
      <c r="DP22" s="281">
        <v>0</v>
      </c>
      <c r="DQ22" s="278">
        <v>0</v>
      </c>
      <c r="DR22" s="283">
        <v>0</v>
      </c>
      <c r="DS22" s="277">
        <v>13</v>
      </c>
      <c r="DT22" s="281">
        <v>19</v>
      </c>
      <c r="DU22" s="278">
        <v>32</v>
      </c>
      <c r="DV22" s="280">
        <v>0</v>
      </c>
      <c r="DW22" s="281">
        <v>38</v>
      </c>
      <c r="DX22" s="281">
        <v>38</v>
      </c>
      <c r="DY22" s="281">
        <v>25</v>
      </c>
      <c r="DZ22" s="281">
        <v>18</v>
      </c>
      <c r="EA22" s="281">
        <v>3</v>
      </c>
      <c r="EB22" s="278">
        <v>122</v>
      </c>
      <c r="EC22" s="283">
        <v>154</v>
      </c>
      <c r="ED22" s="277">
        <v>2</v>
      </c>
      <c r="EE22" s="281">
        <v>4</v>
      </c>
      <c r="EF22" s="278">
        <v>6</v>
      </c>
      <c r="EG22" s="280">
        <v>0</v>
      </c>
      <c r="EH22" s="281">
        <v>5</v>
      </c>
      <c r="EI22" s="281">
        <v>12</v>
      </c>
      <c r="EJ22" s="281">
        <v>6</v>
      </c>
      <c r="EK22" s="281">
        <v>7</v>
      </c>
      <c r="EL22" s="281">
        <v>2</v>
      </c>
      <c r="EM22" s="278">
        <v>32</v>
      </c>
      <c r="EN22" s="283">
        <v>38</v>
      </c>
      <c r="EO22" s="277">
        <v>21</v>
      </c>
      <c r="EP22" s="281">
        <v>28</v>
      </c>
      <c r="EQ22" s="278">
        <v>49</v>
      </c>
      <c r="ER22" s="280">
        <v>0</v>
      </c>
      <c r="ES22" s="281">
        <v>70</v>
      </c>
      <c r="ET22" s="281">
        <v>56</v>
      </c>
      <c r="EU22" s="281">
        <v>33</v>
      </c>
      <c r="EV22" s="281">
        <v>22</v>
      </c>
      <c r="EW22" s="281">
        <v>4</v>
      </c>
      <c r="EX22" s="278">
        <v>185</v>
      </c>
      <c r="EY22" s="283">
        <v>234</v>
      </c>
    </row>
    <row r="23" spans="1:155" ht="19.5" customHeight="1" x14ac:dyDescent="0.2">
      <c r="A23" s="262" t="s">
        <v>21</v>
      </c>
      <c r="B23" s="277">
        <v>0</v>
      </c>
      <c r="C23" s="281">
        <v>0</v>
      </c>
      <c r="D23" s="385">
        <v>0</v>
      </c>
      <c r="E23" s="280">
        <v>0</v>
      </c>
      <c r="F23" s="281">
        <v>21</v>
      </c>
      <c r="G23" s="281">
        <v>6</v>
      </c>
      <c r="H23" s="281">
        <v>5</v>
      </c>
      <c r="I23" s="281">
        <v>7</v>
      </c>
      <c r="J23" s="281">
        <v>6</v>
      </c>
      <c r="K23" s="282">
        <v>45</v>
      </c>
      <c r="L23" s="283">
        <v>45</v>
      </c>
      <c r="M23" s="277">
        <v>0</v>
      </c>
      <c r="N23" s="281">
        <v>0</v>
      </c>
      <c r="O23" s="278">
        <v>0</v>
      </c>
      <c r="P23" s="280">
        <v>0</v>
      </c>
      <c r="Q23" s="281">
        <v>0</v>
      </c>
      <c r="R23" s="281">
        <v>0</v>
      </c>
      <c r="S23" s="281">
        <v>1</v>
      </c>
      <c r="T23" s="281">
        <v>1</v>
      </c>
      <c r="U23" s="281">
        <v>3</v>
      </c>
      <c r="V23" s="278">
        <v>5</v>
      </c>
      <c r="W23" s="283">
        <v>5</v>
      </c>
      <c r="X23" s="277">
        <v>2</v>
      </c>
      <c r="Y23" s="281">
        <v>1</v>
      </c>
      <c r="Z23" s="278">
        <v>3</v>
      </c>
      <c r="AA23" s="280">
        <v>0</v>
      </c>
      <c r="AB23" s="281">
        <v>20</v>
      </c>
      <c r="AC23" s="281">
        <v>19</v>
      </c>
      <c r="AD23" s="281">
        <v>8</v>
      </c>
      <c r="AE23" s="281">
        <v>6</v>
      </c>
      <c r="AF23" s="281">
        <v>6</v>
      </c>
      <c r="AG23" s="278">
        <v>59</v>
      </c>
      <c r="AH23" s="283">
        <v>62</v>
      </c>
      <c r="AI23" s="277">
        <v>1</v>
      </c>
      <c r="AJ23" s="281">
        <v>1</v>
      </c>
      <c r="AK23" s="278">
        <v>2</v>
      </c>
      <c r="AL23" s="280">
        <v>0</v>
      </c>
      <c r="AM23" s="281">
        <v>2</v>
      </c>
      <c r="AN23" s="281">
        <v>4</v>
      </c>
      <c r="AO23" s="281">
        <v>0</v>
      </c>
      <c r="AP23" s="281">
        <v>0</v>
      </c>
      <c r="AQ23" s="281">
        <v>0</v>
      </c>
      <c r="AR23" s="278">
        <v>6</v>
      </c>
      <c r="AS23" s="283">
        <v>8</v>
      </c>
      <c r="AT23" s="277">
        <v>5</v>
      </c>
      <c r="AU23" s="281">
        <v>1</v>
      </c>
      <c r="AV23" s="278">
        <v>6</v>
      </c>
      <c r="AW23" s="280">
        <v>0</v>
      </c>
      <c r="AX23" s="281">
        <v>18</v>
      </c>
      <c r="AY23" s="281">
        <v>16</v>
      </c>
      <c r="AZ23" s="281">
        <v>14</v>
      </c>
      <c r="BA23" s="281">
        <v>15</v>
      </c>
      <c r="BB23" s="281">
        <v>9</v>
      </c>
      <c r="BC23" s="282">
        <v>72</v>
      </c>
      <c r="BD23" s="283">
        <v>78</v>
      </c>
      <c r="BE23" s="277">
        <v>0</v>
      </c>
      <c r="BF23" s="281">
        <v>0</v>
      </c>
      <c r="BG23" s="278">
        <v>0</v>
      </c>
      <c r="BH23" s="280">
        <v>0</v>
      </c>
      <c r="BI23" s="281">
        <v>20</v>
      </c>
      <c r="BJ23" s="281">
        <v>16</v>
      </c>
      <c r="BK23" s="281">
        <v>11</v>
      </c>
      <c r="BL23" s="281">
        <v>3</v>
      </c>
      <c r="BM23" s="281">
        <v>4</v>
      </c>
      <c r="BN23" s="278">
        <v>54</v>
      </c>
      <c r="BO23" s="283">
        <v>54</v>
      </c>
      <c r="BP23" s="277">
        <v>0</v>
      </c>
      <c r="BQ23" s="281">
        <v>2</v>
      </c>
      <c r="BR23" s="278">
        <v>2</v>
      </c>
      <c r="BS23" s="280">
        <v>0</v>
      </c>
      <c r="BT23" s="281">
        <v>5</v>
      </c>
      <c r="BU23" s="281">
        <v>10</v>
      </c>
      <c r="BV23" s="281">
        <v>4</v>
      </c>
      <c r="BW23" s="281">
        <v>0</v>
      </c>
      <c r="BX23" s="281">
        <v>0</v>
      </c>
      <c r="BY23" s="278">
        <v>19</v>
      </c>
      <c r="BZ23" s="283">
        <v>21</v>
      </c>
      <c r="CA23" s="277">
        <v>0</v>
      </c>
      <c r="CB23" s="281">
        <v>0</v>
      </c>
      <c r="CC23" s="278">
        <v>0</v>
      </c>
      <c r="CD23" s="280">
        <v>0</v>
      </c>
      <c r="CE23" s="281">
        <v>2</v>
      </c>
      <c r="CF23" s="281">
        <v>2</v>
      </c>
      <c r="CG23" s="281">
        <v>8</v>
      </c>
      <c r="CH23" s="281">
        <v>3</v>
      </c>
      <c r="CI23" s="281">
        <v>2</v>
      </c>
      <c r="CJ23" s="278">
        <v>17</v>
      </c>
      <c r="CK23" s="283">
        <v>17</v>
      </c>
      <c r="CL23" s="277">
        <v>0</v>
      </c>
      <c r="CM23" s="281">
        <v>0</v>
      </c>
      <c r="CN23" s="278">
        <v>0</v>
      </c>
      <c r="CO23" s="280">
        <v>0</v>
      </c>
      <c r="CP23" s="281">
        <v>0</v>
      </c>
      <c r="CQ23" s="281">
        <v>0</v>
      </c>
      <c r="CR23" s="281">
        <v>0</v>
      </c>
      <c r="CS23" s="281">
        <v>0</v>
      </c>
      <c r="CT23" s="281">
        <v>0</v>
      </c>
      <c r="CU23" s="278">
        <v>0</v>
      </c>
      <c r="CV23" s="283">
        <v>0</v>
      </c>
      <c r="CW23" s="277">
        <v>0</v>
      </c>
      <c r="CX23" s="281">
        <v>0</v>
      </c>
      <c r="CY23" s="278">
        <v>0</v>
      </c>
      <c r="CZ23" s="280">
        <v>0</v>
      </c>
      <c r="DA23" s="281">
        <v>0</v>
      </c>
      <c r="DB23" s="281">
        <v>0</v>
      </c>
      <c r="DC23" s="281">
        <v>0</v>
      </c>
      <c r="DD23" s="281">
        <v>0</v>
      </c>
      <c r="DE23" s="281">
        <v>0</v>
      </c>
      <c r="DF23" s="278">
        <v>0</v>
      </c>
      <c r="DG23" s="283">
        <v>0</v>
      </c>
      <c r="DH23" s="277">
        <v>0</v>
      </c>
      <c r="DI23" s="281">
        <v>0</v>
      </c>
      <c r="DJ23" s="278">
        <v>0</v>
      </c>
      <c r="DK23" s="280">
        <v>0</v>
      </c>
      <c r="DL23" s="281">
        <v>0</v>
      </c>
      <c r="DM23" s="281">
        <v>0</v>
      </c>
      <c r="DN23" s="281">
        <v>0</v>
      </c>
      <c r="DO23" s="281">
        <v>0</v>
      </c>
      <c r="DP23" s="281">
        <v>0</v>
      </c>
      <c r="DQ23" s="278">
        <v>0</v>
      </c>
      <c r="DR23" s="283">
        <v>0</v>
      </c>
      <c r="DS23" s="277">
        <v>7</v>
      </c>
      <c r="DT23" s="281">
        <v>13</v>
      </c>
      <c r="DU23" s="278">
        <v>20</v>
      </c>
      <c r="DV23" s="280">
        <v>0</v>
      </c>
      <c r="DW23" s="281">
        <v>22</v>
      </c>
      <c r="DX23" s="281">
        <v>41</v>
      </c>
      <c r="DY23" s="281">
        <v>23</v>
      </c>
      <c r="DZ23" s="281">
        <v>17</v>
      </c>
      <c r="EA23" s="281">
        <v>9</v>
      </c>
      <c r="EB23" s="278">
        <v>112</v>
      </c>
      <c r="EC23" s="283">
        <v>132</v>
      </c>
      <c r="ED23" s="277">
        <v>2</v>
      </c>
      <c r="EE23" s="281">
        <v>1</v>
      </c>
      <c r="EF23" s="278">
        <v>3</v>
      </c>
      <c r="EG23" s="280">
        <v>0</v>
      </c>
      <c r="EH23" s="281">
        <v>9</v>
      </c>
      <c r="EI23" s="281">
        <v>6</v>
      </c>
      <c r="EJ23" s="281">
        <v>4</v>
      </c>
      <c r="EK23" s="281">
        <v>2</v>
      </c>
      <c r="EL23" s="281">
        <v>2</v>
      </c>
      <c r="EM23" s="278">
        <v>23</v>
      </c>
      <c r="EN23" s="283">
        <v>26</v>
      </c>
      <c r="EO23" s="277">
        <v>9</v>
      </c>
      <c r="EP23" s="281">
        <v>14</v>
      </c>
      <c r="EQ23" s="278">
        <v>23</v>
      </c>
      <c r="ER23" s="280">
        <v>0</v>
      </c>
      <c r="ES23" s="281">
        <v>56</v>
      </c>
      <c r="ET23" s="281">
        <v>54</v>
      </c>
      <c r="EU23" s="281">
        <v>30</v>
      </c>
      <c r="EV23" s="281">
        <v>17</v>
      </c>
      <c r="EW23" s="281">
        <v>10</v>
      </c>
      <c r="EX23" s="278">
        <v>167</v>
      </c>
      <c r="EY23" s="283">
        <v>190</v>
      </c>
    </row>
    <row r="24" spans="1:155" ht="19.5" customHeight="1" x14ac:dyDescent="0.2">
      <c r="A24" s="262" t="s">
        <v>22</v>
      </c>
      <c r="B24" s="277">
        <v>0</v>
      </c>
      <c r="C24" s="281">
        <v>0</v>
      </c>
      <c r="D24" s="385">
        <v>0</v>
      </c>
      <c r="E24" s="280">
        <v>0</v>
      </c>
      <c r="F24" s="281">
        <v>5</v>
      </c>
      <c r="G24" s="281">
        <v>6</v>
      </c>
      <c r="H24" s="281">
        <v>2</v>
      </c>
      <c r="I24" s="281">
        <v>4</v>
      </c>
      <c r="J24" s="281">
        <v>3</v>
      </c>
      <c r="K24" s="282">
        <v>20</v>
      </c>
      <c r="L24" s="283">
        <v>20</v>
      </c>
      <c r="M24" s="277">
        <v>0</v>
      </c>
      <c r="N24" s="281">
        <v>0</v>
      </c>
      <c r="O24" s="278">
        <v>0</v>
      </c>
      <c r="P24" s="280">
        <v>0</v>
      </c>
      <c r="Q24" s="281">
        <v>0</v>
      </c>
      <c r="R24" s="281">
        <v>0</v>
      </c>
      <c r="S24" s="281">
        <v>1</v>
      </c>
      <c r="T24" s="281">
        <v>0</v>
      </c>
      <c r="U24" s="281">
        <v>2</v>
      </c>
      <c r="V24" s="278">
        <v>3</v>
      </c>
      <c r="W24" s="283">
        <v>3</v>
      </c>
      <c r="X24" s="277">
        <v>0</v>
      </c>
      <c r="Y24" s="281">
        <v>0</v>
      </c>
      <c r="Z24" s="278">
        <v>0</v>
      </c>
      <c r="AA24" s="280">
        <v>0</v>
      </c>
      <c r="AB24" s="281">
        <v>2</v>
      </c>
      <c r="AC24" s="281">
        <v>4</v>
      </c>
      <c r="AD24" s="281">
        <v>3</v>
      </c>
      <c r="AE24" s="281">
        <v>3</v>
      </c>
      <c r="AF24" s="281">
        <v>2</v>
      </c>
      <c r="AG24" s="278">
        <v>14</v>
      </c>
      <c r="AH24" s="283">
        <v>14</v>
      </c>
      <c r="AI24" s="277">
        <v>0</v>
      </c>
      <c r="AJ24" s="281">
        <v>0</v>
      </c>
      <c r="AK24" s="278">
        <v>0</v>
      </c>
      <c r="AL24" s="280">
        <v>0</v>
      </c>
      <c r="AM24" s="281">
        <v>1</v>
      </c>
      <c r="AN24" s="281">
        <v>0</v>
      </c>
      <c r="AO24" s="281">
        <v>1</v>
      </c>
      <c r="AP24" s="281">
        <v>1</v>
      </c>
      <c r="AQ24" s="281">
        <v>2</v>
      </c>
      <c r="AR24" s="278">
        <v>5</v>
      </c>
      <c r="AS24" s="283">
        <v>5</v>
      </c>
      <c r="AT24" s="277">
        <v>0</v>
      </c>
      <c r="AU24" s="281">
        <v>0</v>
      </c>
      <c r="AV24" s="278">
        <v>0</v>
      </c>
      <c r="AW24" s="280">
        <v>0</v>
      </c>
      <c r="AX24" s="281">
        <v>4</v>
      </c>
      <c r="AY24" s="281">
        <v>6</v>
      </c>
      <c r="AZ24" s="281">
        <v>4</v>
      </c>
      <c r="BA24" s="281">
        <v>2</v>
      </c>
      <c r="BB24" s="281">
        <v>3</v>
      </c>
      <c r="BC24" s="282">
        <v>19</v>
      </c>
      <c r="BD24" s="283">
        <v>19</v>
      </c>
      <c r="BE24" s="277">
        <v>0</v>
      </c>
      <c r="BF24" s="281">
        <v>0</v>
      </c>
      <c r="BG24" s="278">
        <v>0</v>
      </c>
      <c r="BH24" s="280">
        <v>0</v>
      </c>
      <c r="BI24" s="281">
        <v>6</v>
      </c>
      <c r="BJ24" s="281">
        <v>10</v>
      </c>
      <c r="BK24" s="281">
        <v>5</v>
      </c>
      <c r="BL24" s="281">
        <v>4</v>
      </c>
      <c r="BM24" s="281">
        <v>3</v>
      </c>
      <c r="BN24" s="278">
        <v>28</v>
      </c>
      <c r="BO24" s="283">
        <v>28</v>
      </c>
      <c r="BP24" s="277">
        <v>0</v>
      </c>
      <c r="BQ24" s="281">
        <v>0</v>
      </c>
      <c r="BR24" s="278">
        <v>0</v>
      </c>
      <c r="BS24" s="280">
        <v>0</v>
      </c>
      <c r="BT24" s="281">
        <v>3</v>
      </c>
      <c r="BU24" s="281">
        <v>1</v>
      </c>
      <c r="BV24" s="281">
        <v>0</v>
      </c>
      <c r="BW24" s="281">
        <v>1</v>
      </c>
      <c r="BX24" s="281">
        <v>2</v>
      </c>
      <c r="BY24" s="278">
        <v>7</v>
      </c>
      <c r="BZ24" s="283">
        <v>7</v>
      </c>
      <c r="CA24" s="277">
        <v>0</v>
      </c>
      <c r="CB24" s="281">
        <v>0</v>
      </c>
      <c r="CC24" s="278">
        <v>0</v>
      </c>
      <c r="CD24" s="280">
        <v>0</v>
      </c>
      <c r="CE24" s="281">
        <v>1</v>
      </c>
      <c r="CF24" s="281">
        <v>0</v>
      </c>
      <c r="CG24" s="281">
        <v>1</v>
      </c>
      <c r="CH24" s="281">
        <v>5</v>
      </c>
      <c r="CI24" s="281">
        <v>0</v>
      </c>
      <c r="CJ24" s="278">
        <v>7</v>
      </c>
      <c r="CK24" s="283">
        <v>7</v>
      </c>
      <c r="CL24" s="277">
        <v>0</v>
      </c>
      <c r="CM24" s="281">
        <v>0</v>
      </c>
      <c r="CN24" s="278">
        <v>0</v>
      </c>
      <c r="CO24" s="280">
        <v>0</v>
      </c>
      <c r="CP24" s="281">
        <v>0</v>
      </c>
      <c r="CQ24" s="281">
        <v>0</v>
      </c>
      <c r="CR24" s="281">
        <v>0</v>
      </c>
      <c r="CS24" s="281">
        <v>1</v>
      </c>
      <c r="CT24" s="281">
        <v>0</v>
      </c>
      <c r="CU24" s="278">
        <v>1</v>
      </c>
      <c r="CV24" s="283">
        <v>1</v>
      </c>
      <c r="CW24" s="277">
        <v>0</v>
      </c>
      <c r="CX24" s="281">
        <v>0</v>
      </c>
      <c r="CY24" s="278">
        <v>0</v>
      </c>
      <c r="CZ24" s="280">
        <v>0</v>
      </c>
      <c r="DA24" s="281">
        <v>0</v>
      </c>
      <c r="DB24" s="281">
        <v>0</v>
      </c>
      <c r="DC24" s="281">
        <v>0</v>
      </c>
      <c r="DD24" s="281">
        <v>0</v>
      </c>
      <c r="DE24" s="281">
        <v>0</v>
      </c>
      <c r="DF24" s="278">
        <v>0</v>
      </c>
      <c r="DG24" s="283">
        <v>0</v>
      </c>
      <c r="DH24" s="277">
        <v>0</v>
      </c>
      <c r="DI24" s="281">
        <v>0</v>
      </c>
      <c r="DJ24" s="278">
        <v>0</v>
      </c>
      <c r="DK24" s="280">
        <v>0</v>
      </c>
      <c r="DL24" s="281">
        <v>0</v>
      </c>
      <c r="DM24" s="281">
        <v>0</v>
      </c>
      <c r="DN24" s="281">
        <v>0</v>
      </c>
      <c r="DO24" s="281">
        <v>0</v>
      </c>
      <c r="DP24" s="281">
        <v>0</v>
      </c>
      <c r="DQ24" s="278">
        <v>0</v>
      </c>
      <c r="DR24" s="283">
        <v>0</v>
      </c>
      <c r="DS24" s="277">
        <v>1</v>
      </c>
      <c r="DT24" s="281">
        <v>6</v>
      </c>
      <c r="DU24" s="278">
        <v>7</v>
      </c>
      <c r="DV24" s="280">
        <v>0</v>
      </c>
      <c r="DW24" s="281">
        <v>15</v>
      </c>
      <c r="DX24" s="281">
        <v>17</v>
      </c>
      <c r="DY24" s="281">
        <v>9</v>
      </c>
      <c r="DZ24" s="281">
        <v>11</v>
      </c>
      <c r="EA24" s="281">
        <v>9</v>
      </c>
      <c r="EB24" s="278">
        <v>61</v>
      </c>
      <c r="EC24" s="283">
        <v>68</v>
      </c>
      <c r="ED24" s="277">
        <v>0</v>
      </c>
      <c r="EE24" s="281">
        <v>1</v>
      </c>
      <c r="EF24" s="278">
        <v>1</v>
      </c>
      <c r="EG24" s="280">
        <v>0</v>
      </c>
      <c r="EH24" s="281">
        <v>2</v>
      </c>
      <c r="EI24" s="281">
        <v>2</v>
      </c>
      <c r="EJ24" s="281">
        <v>1</v>
      </c>
      <c r="EK24" s="281">
        <v>2</v>
      </c>
      <c r="EL24" s="281">
        <v>1</v>
      </c>
      <c r="EM24" s="278">
        <v>8</v>
      </c>
      <c r="EN24" s="283">
        <v>9</v>
      </c>
      <c r="EO24" s="277">
        <v>1</v>
      </c>
      <c r="EP24" s="281">
        <v>6</v>
      </c>
      <c r="EQ24" s="278">
        <v>7</v>
      </c>
      <c r="ER24" s="280">
        <v>0</v>
      </c>
      <c r="ES24" s="281">
        <v>24</v>
      </c>
      <c r="ET24" s="281">
        <v>23</v>
      </c>
      <c r="EU24" s="281">
        <v>11</v>
      </c>
      <c r="EV24" s="281">
        <v>12</v>
      </c>
      <c r="EW24" s="281">
        <v>8</v>
      </c>
      <c r="EX24" s="278">
        <v>78</v>
      </c>
      <c r="EY24" s="283">
        <v>85</v>
      </c>
    </row>
    <row r="25" spans="1:155" ht="19.5" customHeight="1" x14ac:dyDescent="0.2">
      <c r="A25" s="262" t="s">
        <v>23</v>
      </c>
      <c r="B25" s="277">
        <v>0</v>
      </c>
      <c r="C25" s="281">
        <v>0</v>
      </c>
      <c r="D25" s="385">
        <v>0</v>
      </c>
      <c r="E25" s="280">
        <v>0</v>
      </c>
      <c r="F25" s="281">
        <v>5</v>
      </c>
      <c r="G25" s="281">
        <v>8</v>
      </c>
      <c r="H25" s="281">
        <v>5</v>
      </c>
      <c r="I25" s="281">
        <v>3</v>
      </c>
      <c r="J25" s="281">
        <v>0</v>
      </c>
      <c r="K25" s="282">
        <v>21</v>
      </c>
      <c r="L25" s="283">
        <v>21</v>
      </c>
      <c r="M25" s="277">
        <v>0</v>
      </c>
      <c r="N25" s="281">
        <v>0</v>
      </c>
      <c r="O25" s="278">
        <v>0</v>
      </c>
      <c r="P25" s="280">
        <v>0</v>
      </c>
      <c r="Q25" s="281">
        <v>0</v>
      </c>
      <c r="R25" s="281">
        <v>0</v>
      </c>
      <c r="S25" s="281">
        <v>0</v>
      </c>
      <c r="T25" s="281">
        <v>1</v>
      </c>
      <c r="U25" s="281">
        <v>0</v>
      </c>
      <c r="V25" s="278">
        <v>1</v>
      </c>
      <c r="W25" s="283">
        <v>1</v>
      </c>
      <c r="X25" s="277">
        <v>4</v>
      </c>
      <c r="Y25" s="281">
        <v>2</v>
      </c>
      <c r="Z25" s="278">
        <v>6</v>
      </c>
      <c r="AA25" s="280">
        <v>0</v>
      </c>
      <c r="AB25" s="281">
        <v>6</v>
      </c>
      <c r="AC25" s="281">
        <v>8</v>
      </c>
      <c r="AD25" s="281">
        <v>3</v>
      </c>
      <c r="AE25" s="281">
        <v>6</v>
      </c>
      <c r="AF25" s="281">
        <v>1</v>
      </c>
      <c r="AG25" s="278">
        <v>24</v>
      </c>
      <c r="AH25" s="283">
        <v>30</v>
      </c>
      <c r="AI25" s="277">
        <v>0</v>
      </c>
      <c r="AJ25" s="281">
        <v>0</v>
      </c>
      <c r="AK25" s="278">
        <v>0</v>
      </c>
      <c r="AL25" s="280">
        <v>0</v>
      </c>
      <c r="AM25" s="281">
        <v>0</v>
      </c>
      <c r="AN25" s="281">
        <v>2</v>
      </c>
      <c r="AO25" s="281">
        <v>0</v>
      </c>
      <c r="AP25" s="281">
        <v>0</v>
      </c>
      <c r="AQ25" s="281">
        <v>0</v>
      </c>
      <c r="AR25" s="278">
        <v>2</v>
      </c>
      <c r="AS25" s="283">
        <v>2</v>
      </c>
      <c r="AT25" s="277">
        <v>2</v>
      </c>
      <c r="AU25" s="281">
        <v>2</v>
      </c>
      <c r="AV25" s="278">
        <v>4</v>
      </c>
      <c r="AW25" s="280">
        <v>0</v>
      </c>
      <c r="AX25" s="281">
        <v>10</v>
      </c>
      <c r="AY25" s="281">
        <v>9</v>
      </c>
      <c r="AZ25" s="281">
        <v>6</v>
      </c>
      <c r="BA25" s="281">
        <v>6</v>
      </c>
      <c r="BB25" s="281">
        <v>5</v>
      </c>
      <c r="BC25" s="282">
        <v>36</v>
      </c>
      <c r="BD25" s="283">
        <v>40</v>
      </c>
      <c r="BE25" s="277">
        <v>0</v>
      </c>
      <c r="BF25" s="281">
        <v>0</v>
      </c>
      <c r="BG25" s="278">
        <v>0</v>
      </c>
      <c r="BH25" s="280">
        <v>0</v>
      </c>
      <c r="BI25" s="281">
        <v>18</v>
      </c>
      <c r="BJ25" s="281">
        <v>11</v>
      </c>
      <c r="BK25" s="281">
        <v>7</v>
      </c>
      <c r="BL25" s="281">
        <v>2</v>
      </c>
      <c r="BM25" s="281">
        <v>1</v>
      </c>
      <c r="BN25" s="278">
        <v>39</v>
      </c>
      <c r="BO25" s="283">
        <v>39</v>
      </c>
      <c r="BP25" s="277">
        <v>0</v>
      </c>
      <c r="BQ25" s="281">
        <v>0</v>
      </c>
      <c r="BR25" s="278">
        <v>0</v>
      </c>
      <c r="BS25" s="280">
        <v>0</v>
      </c>
      <c r="BT25" s="281">
        <v>2</v>
      </c>
      <c r="BU25" s="281">
        <v>3</v>
      </c>
      <c r="BV25" s="281">
        <v>1</v>
      </c>
      <c r="BW25" s="281">
        <v>3</v>
      </c>
      <c r="BX25" s="281">
        <v>0</v>
      </c>
      <c r="BY25" s="278">
        <v>9</v>
      </c>
      <c r="BZ25" s="283">
        <v>9</v>
      </c>
      <c r="CA25" s="277">
        <v>0</v>
      </c>
      <c r="CB25" s="281">
        <v>0</v>
      </c>
      <c r="CC25" s="278">
        <v>0</v>
      </c>
      <c r="CD25" s="280">
        <v>0</v>
      </c>
      <c r="CE25" s="281">
        <v>0</v>
      </c>
      <c r="CF25" s="281">
        <v>1</v>
      </c>
      <c r="CG25" s="281">
        <v>1</v>
      </c>
      <c r="CH25" s="281">
        <v>3</v>
      </c>
      <c r="CI25" s="281">
        <v>0</v>
      </c>
      <c r="CJ25" s="278">
        <v>5</v>
      </c>
      <c r="CK25" s="283">
        <v>5</v>
      </c>
      <c r="CL25" s="277">
        <v>0</v>
      </c>
      <c r="CM25" s="281">
        <v>0</v>
      </c>
      <c r="CN25" s="278">
        <v>0</v>
      </c>
      <c r="CO25" s="280">
        <v>0</v>
      </c>
      <c r="CP25" s="281">
        <v>1</v>
      </c>
      <c r="CQ25" s="281">
        <v>0</v>
      </c>
      <c r="CR25" s="281">
        <v>0</v>
      </c>
      <c r="CS25" s="281">
        <v>0</v>
      </c>
      <c r="CT25" s="281">
        <v>0</v>
      </c>
      <c r="CU25" s="278">
        <v>1</v>
      </c>
      <c r="CV25" s="283">
        <v>1</v>
      </c>
      <c r="CW25" s="277">
        <v>0</v>
      </c>
      <c r="CX25" s="281">
        <v>0</v>
      </c>
      <c r="CY25" s="278">
        <v>0</v>
      </c>
      <c r="CZ25" s="280">
        <v>0</v>
      </c>
      <c r="DA25" s="281">
        <v>0</v>
      </c>
      <c r="DB25" s="281">
        <v>0</v>
      </c>
      <c r="DC25" s="281">
        <v>0</v>
      </c>
      <c r="DD25" s="281">
        <v>0</v>
      </c>
      <c r="DE25" s="281">
        <v>0</v>
      </c>
      <c r="DF25" s="278">
        <v>0</v>
      </c>
      <c r="DG25" s="283">
        <v>0</v>
      </c>
      <c r="DH25" s="277">
        <v>0</v>
      </c>
      <c r="DI25" s="281">
        <v>0</v>
      </c>
      <c r="DJ25" s="278">
        <v>0</v>
      </c>
      <c r="DK25" s="280">
        <v>0</v>
      </c>
      <c r="DL25" s="281">
        <v>0</v>
      </c>
      <c r="DM25" s="281">
        <v>0</v>
      </c>
      <c r="DN25" s="281">
        <v>0</v>
      </c>
      <c r="DO25" s="281">
        <v>0</v>
      </c>
      <c r="DP25" s="281">
        <v>0</v>
      </c>
      <c r="DQ25" s="278">
        <v>0</v>
      </c>
      <c r="DR25" s="283">
        <v>0</v>
      </c>
      <c r="DS25" s="277">
        <v>3</v>
      </c>
      <c r="DT25" s="281">
        <v>4</v>
      </c>
      <c r="DU25" s="278">
        <v>7</v>
      </c>
      <c r="DV25" s="280">
        <v>0</v>
      </c>
      <c r="DW25" s="281">
        <v>9</v>
      </c>
      <c r="DX25" s="281">
        <v>23</v>
      </c>
      <c r="DY25" s="281">
        <v>10</v>
      </c>
      <c r="DZ25" s="281">
        <v>9</v>
      </c>
      <c r="EA25" s="281">
        <v>2</v>
      </c>
      <c r="EB25" s="278">
        <v>53</v>
      </c>
      <c r="EC25" s="283">
        <v>60</v>
      </c>
      <c r="ED25" s="277">
        <v>1</v>
      </c>
      <c r="EE25" s="281">
        <v>2</v>
      </c>
      <c r="EF25" s="278">
        <v>3</v>
      </c>
      <c r="EG25" s="280">
        <v>0</v>
      </c>
      <c r="EH25" s="281">
        <v>5</v>
      </c>
      <c r="EI25" s="281">
        <v>1</v>
      </c>
      <c r="EJ25" s="281">
        <v>3</v>
      </c>
      <c r="EK25" s="281">
        <v>1</v>
      </c>
      <c r="EL25" s="281">
        <v>2</v>
      </c>
      <c r="EM25" s="278">
        <v>12</v>
      </c>
      <c r="EN25" s="283">
        <v>15</v>
      </c>
      <c r="EO25" s="277">
        <v>7</v>
      </c>
      <c r="EP25" s="281">
        <v>6</v>
      </c>
      <c r="EQ25" s="278">
        <v>13</v>
      </c>
      <c r="ER25" s="280">
        <v>0</v>
      </c>
      <c r="ES25" s="281">
        <v>28</v>
      </c>
      <c r="ET25" s="281">
        <v>24</v>
      </c>
      <c r="EU25" s="281">
        <v>13</v>
      </c>
      <c r="EV25" s="281">
        <v>11</v>
      </c>
      <c r="EW25" s="281">
        <v>2</v>
      </c>
      <c r="EX25" s="278">
        <v>78</v>
      </c>
      <c r="EY25" s="283">
        <v>91</v>
      </c>
    </row>
    <row r="26" spans="1:155" ht="19.5" customHeight="1" x14ac:dyDescent="0.2">
      <c r="A26" s="262" t="s">
        <v>24</v>
      </c>
      <c r="B26" s="277">
        <v>0</v>
      </c>
      <c r="C26" s="281">
        <v>0</v>
      </c>
      <c r="D26" s="385">
        <v>0</v>
      </c>
      <c r="E26" s="280">
        <v>0</v>
      </c>
      <c r="F26" s="281">
        <v>12</v>
      </c>
      <c r="G26" s="281">
        <v>8</v>
      </c>
      <c r="H26" s="281">
        <v>1</v>
      </c>
      <c r="I26" s="281">
        <v>4</v>
      </c>
      <c r="J26" s="281">
        <v>2</v>
      </c>
      <c r="K26" s="282">
        <v>27</v>
      </c>
      <c r="L26" s="283">
        <v>27</v>
      </c>
      <c r="M26" s="277">
        <v>0</v>
      </c>
      <c r="N26" s="281">
        <v>0</v>
      </c>
      <c r="O26" s="278">
        <v>0</v>
      </c>
      <c r="P26" s="280">
        <v>0</v>
      </c>
      <c r="Q26" s="281">
        <v>0</v>
      </c>
      <c r="R26" s="281">
        <v>0</v>
      </c>
      <c r="S26" s="281">
        <v>0</v>
      </c>
      <c r="T26" s="281">
        <v>1</v>
      </c>
      <c r="U26" s="281">
        <v>3</v>
      </c>
      <c r="V26" s="278">
        <v>4</v>
      </c>
      <c r="W26" s="283">
        <v>4</v>
      </c>
      <c r="X26" s="277">
        <v>3</v>
      </c>
      <c r="Y26" s="281">
        <v>1</v>
      </c>
      <c r="Z26" s="278">
        <v>4</v>
      </c>
      <c r="AA26" s="280">
        <v>0</v>
      </c>
      <c r="AB26" s="281">
        <v>11</v>
      </c>
      <c r="AC26" s="281">
        <v>5</v>
      </c>
      <c r="AD26" s="281">
        <v>6</v>
      </c>
      <c r="AE26" s="281">
        <v>6</v>
      </c>
      <c r="AF26" s="281">
        <v>2</v>
      </c>
      <c r="AG26" s="278">
        <v>30</v>
      </c>
      <c r="AH26" s="283">
        <v>34</v>
      </c>
      <c r="AI26" s="277">
        <v>1</v>
      </c>
      <c r="AJ26" s="281">
        <v>1</v>
      </c>
      <c r="AK26" s="278">
        <v>2</v>
      </c>
      <c r="AL26" s="280">
        <v>0</v>
      </c>
      <c r="AM26" s="281">
        <v>2</v>
      </c>
      <c r="AN26" s="281">
        <v>0</v>
      </c>
      <c r="AO26" s="281">
        <v>0</v>
      </c>
      <c r="AP26" s="281">
        <v>2</v>
      </c>
      <c r="AQ26" s="281">
        <v>0</v>
      </c>
      <c r="AR26" s="278">
        <v>4</v>
      </c>
      <c r="AS26" s="283">
        <v>6</v>
      </c>
      <c r="AT26" s="277">
        <v>2</v>
      </c>
      <c r="AU26" s="281">
        <v>2</v>
      </c>
      <c r="AV26" s="278">
        <v>4</v>
      </c>
      <c r="AW26" s="280">
        <v>0</v>
      </c>
      <c r="AX26" s="281">
        <v>17</v>
      </c>
      <c r="AY26" s="281">
        <v>7</v>
      </c>
      <c r="AZ26" s="281">
        <v>10</v>
      </c>
      <c r="BA26" s="281">
        <v>7</v>
      </c>
      <c r="BB26" s="281">
        <v>3</v>
      </c>
      <c r="BC26" s="282">
        <v>44</v>
      </c>
      <c r="BD26" s="283">
        <v>48</v>
      </c>
      <c r="BE26" s="277">
        <v>0</v>
      </c>
      <c r="BF26" s="281">
        <v>0</v>
      </c>
      <c r="BG26" s="278">
        <v>0</v>
      </c>
      <c r="BH26" s="280">
        <v>0</v>
      </c>
      <c r="BI26" s="281">
        <v>12</v>
      </c>
      <c r="BJ26" s="281">
        <v>7</v>
      </c>
      <c r="BK26" s="281">
        <v>4</v>
      </c>
      <c r="BL26" s="281">
        <v>3</v>
      </c>
      <c r="BM26" s="281">
        <v>0</v>
      </c>
      <c r="BN26" s="278">
        <v>26</v>
      </c>
      <c r="BO26" s="283">
        <v>26</v>
      </c>
      <c r="BP26" s="277">
        <v>2</v>
      </c>
      <c r="BQ26" s="281">
        <v>3</v>
      </c>
      <c r="BR26" s="278">
        <v>5</v>
      </c>
      <c r="BS26" s="280">
        <v>0</v>
      </c>
      <c r="BT26" s="281">
        <v>5</v>
      </c>
      <c r="BU26" s="281">
        <v>4</v>
      </c>
      <c r="BV26" s="281">
        <v>3</v>
      </c>
      <c r="BW26" s="281">
        <v>0</v>
      </c>
      <c r="BX26" s="281">
        <v>0</v>
      </c>
      <c r="BY26" s="278">
        <v>12</v>
      </c>
      <c r="BZ26" s="283">
        <v>17</v>
      </c>
      <c r="CA26" s="277">
        <v>0</v>
      </c>
      <c r="CB26" s="281">
        <v>0</v>
      </c>
      <c r="CC26" s="278">
        <v>0</v>
      </c>
      <c r="CD26" s="280">
        <v>0</v>
      </c>
      <c r="CE26" s="281">
        <v>1</v>
      </c>
      <c r="CF26" s="281">
        <v>0</v>
      </c>
      <c r="CG26" s="281">
        <v>3</v>
      </c>
      <c r="CH26" s="281">
        <v>3</v>
      </c>
      <c r="CI26" s="281">
        <v>1</v>
      </c>
      <c r="CJ26" s="278">
        <v>8</v>
      </c>
      <c r="CK26" s="283">
        <v>8</v>
      </c>
      <c r="CL26" s="277">
        <v>0</v>
      </c>
      <c r="CM26" s="281">
        <v>0</v>
      </c>
      <c r="CN26" s="278">
        <v>0</v>
      </c>
      <c r="CO26" s="280">
        <v>0</v>
      </c>
      <c r="CP26" s="281">
        <v>0</v>
      </c>
      <c r="CQ26" s="281">
        <v>0</v>
      </c>
      <c r="CR26" s="281">
        <v>0</v>
      </c>
      <c r="CS26" s="281">
        <v>0</v>
      </c>
      <c r="CT26" s="281">
        <v>0</v>
      </c>
      <c r="CU26" s="278">
        <v>0</v>
      </c>
      <c r="CV26" s="283">
        <v>0</v>
      </c>
      <c r="CW26" s="277">
        <v>0</v>
      </c>
      <c r="CX26" s="281">
        <v>0</v>
      </c>
      <c r="CY26" s="278">
        <v>0</v>
      </c>
      <c r="CZ26" s="280">
        <v>0</v>
      </c>
      <c r="DA26" s="281">
        <v>0</v>
      </c>
      <c r="DB26" s="281">
        <v>0</v>
      </c>
      <c r="DC26" s="281">
        <v>0</v>
      </c>
      <c r="DD26" s="281">
        <v>0</v>
      </c>
      <c r="DE26" s="281">
        <v>0</v>
      </c>
      <c r="DF26" s="278">
        <v>0</v>
      </c>
      <c r="DG26" s="283">
        <v>0</v>
      </c>
      <c r="DH26" s="277">
        <v>0</v>
      </c>
      <c r="DI26" s="281">
        <v>0</v>
      </c>
      <c r="DJ26" s="278">
        <v>0</v>
      </c>
      <c r="DK26" s="280">
        <v>0</v>
      </c>
      <c r="DL26" s="281">
        <v>0</v>
      </c>
      <c r="DM26" s="281">
        <v>0</v>
      </c>
      <c r="DN26" s="281">
        <v>0</v>
      </c>
      <c r="DO26" s="281">
        <v>0</v>
      </c>
      <c r="DP26" s="281">
        <v>0</v>
      </c>
      <c r="DQ26" s="278">
        <v>0</v>
      </c>
      <c r="DR26" s="283">
        <v>0</v>
      </c>
      <c r="DS26" s="277">
        <v>17</v>
      </c>
      <c r="DT26" s="281">
        <v>5</v>
      </c>
      <c r="DU26" s="278">
        <v>22</v>
      </c>
      <c r="DV26" s="280">
        <v>0</v>
      </c>
      <c r="DW26" s="281">
        <v>21</v>
      </c>
      <c r="DX26" s="281">
        <v>16</v>
      </c>
      <c r="DY26" s="281">
        <v>9</v>
      </c>
      <c r="DZ26" s="281">
        <v>10</v>
      </c>
      <c r="EA26" s="281">
        <v>2</v>
      </c>
      <c r="EB26" s="278">
        <v>58</v>
      </c>
      <c r="EC26" s="283">
        <v>80</v>
      </c>
      <c r="ED26" s="277">
        <v>2</v>
      </c>
      <c r="EE26" s="281">
        <v>1</v>
      </c>
      <c r="EF26" s="278">
        <v>3</v>
      </c>
      <c r="EG26" s="280">
        <v>0</v>
      </c>
      <c r="EH26" s="281">
        <v>6</v>
      </c>
      <c r="EI26" s="281">
        <v>3</v>
      </c>
      <c r="EJ26" s="281">
        <v>3</v>
      </c>
      <c r="EK26" s="281">
        <v>1</v>
      </c>
      <c r="EL26" s="281">
        <v>1</v>
      </c>
      <c r="EM26" s="278">
        <v>14</v>
      </c>
      <c r="EN26" s="283">
        <v>17</v>
      </c>
      <c r="EO26" s="277">
        <v>21</v>
      </c>
      <c r="EP26" s="281">
        <v>6</v>
      </c>
      <c r="EQ26" s="278">
        <v>27</v>
      </c>
      <c r="ER26" s="280">
        <v>0</v>
      </c>
      <c r="ES26" s="281">
        <v>34</v>
      </c>
      <c r="ET26" s="281">
        <v>22</v>
      </c>
      <c r="EU26" s="281">
        <v>13</v>
      </c>
      <c r="EV26" s="281">
        <v>11</v>
      </c>
      <c r="EW26" s="281">
        <v>3</v>
      </c>
      <c r="EX26" s="278">
        <v>83</v>
      </c>
      <c r="EY26" s="283">
        <v>110</v>
      </c>
    </row>
    <row r="27" spans="1:155" ht="19.5" customHeight="1" x14ac:dyDescent="0.2">
      <c r="A27" s="262" t="s">
        <v>25</v>
      </c>
      <c r="B27" s="277">
        <v>0</v>
      </c>
      <c r="C27" s="281">
        <v>0</v>
      </c>
      <c r="D27" s="385">
        <v>0</v>
      </c>
      <c r="E27" s="280">
        <v>0</v>
      </c>
      <c r="F27" s="281">
        <v>5</v>
      </c>
      <c r="G27" s="281">
        <v>2</v>
      </c>
      <c r="H27" s="281">
        <v>2</v>
      </c>
      <c r="I27" s="281">
        <v>2</v>
      </c>
      <c r="J27" s="281">
        <v>1</v>
      </c>
      <c r="K27" s="282">
        <v>12</v>
      </c>
      <c r="L27" s="283">
        <v>12</v>
      </c>
      <c r="M27" s="277">
        <v>0</v>
      </c>
      <c r="N27" s="281">
        <v>0</v>
      </c>
      <c r="O27" s="278">
        <v>0</v>
      </c>
      <c r="P27" s="280">
        <v>0</v>
      </c>
      <c r="Q27" s="281">
        <v>0</v>
      </c>
      <c r="R27" s="281">
        <v>0</v>
      </c>
      <c r="S27" s="281">
        <v>1</v>
      </c>
      <c r="T27" s="281">
        <v>4</v>
      </c>
      <c r="U27" s="281">
        <v>1</v>
      </c>
      <c r="V27" s="278">
        <v>6</v>
      </c>
      <c r="W27" s="283">
        <v>6</v>
      </c>
      <c r="X27" s="277">
        <v>0</v>
      </c>
      <c r="Y27" s="281">
        <v>3</v>
      </c>
      <c r="Z27" s="278">
        <v>3</v>
      </c>
      <c r="AA27" s="280">
        <v>0</v>
      </c>
      <c r="AB27" s="281">
        <v>7</v>
      </c>
      <c r="AC27" s="281">
        <v>5</v>
      </c>
      <c r="AD27" s="281">
        <v>2</v>
      </c>
      <c r="AE27" s="281">
        <v>3</v>
      </c>
      <c r="AF27" s="281">
        <v>1</v>
      </c>
      <c r="AG27" s="278">
        <v>18</v>
      </c>
      <c r="AH27" s="283">
        <v>21</v>
      </c>
      <c r="AI27" s="277">
        <v>0</v>
      </c>
      <c r="AJ27" s="281">
        <v>1</v>
      </c>
      <c r="AK27" s="278">
        <v>1</v>
      </c>
      <c r="AL27" s="280">
        <v>0</v>
      </c>
      <c r="AM27" s="281">
        <v>0</v>
      </c>
      <c r="AN27" s="281">
        <v>0</v>
      </c>
      <c r="AO27" s="281">
        <v>1</v>
      </c>
      <c r="AP27" s="281">
        <v>0</v>
      </c>
      <c r="AQ27" s="281">
        <v>1</v>
      </c>
      <c r="AR27" s="278">
        <v>2</v>
      </c>
      <c r="AS27" s="283">
        <v>3</v>
      </c>
      <c r="AT27" s="277">
        <v>0</v>
      </c>
      <c r="AU27" s="281">
        <v>1</v>
      </c>
      <c r="AV27" s="278">
        <v>1</v>
      </c>
      <c r="AW27" s="280">
        <v>0</v>
      </c>
      <c r="AX27" s="281">
        <v>9</v>
      </c>
      <c r="AY27" s="281">
        <v>1</v>
      </c>
      <c r="AZ27" s="281">
        <v>3</v>
      </c>
      <c r="BA27" s="281">
        <v>5</v>
      </c>
      <c r="BB27" s="281">
        <v>1</v>
      </c>
      <c r="BC27" s="282">
        <v>19</v>
      </c>
      <c r="BD27" s="283">
        <v>20</v>
      </c>
      <c r="BE27" s="277">
        <v>0</v>
      </c>
      <c r="BF27" s="281">
        <v>0</v>
      </c>
      <c r="BG27" s="278">
        <v>0</v>
      </c>
      <c r="BH27" s="280">
        <v>0</v>
      </c>
      <c r="BI27" s="281">
        <v>11</v>
      </c>
      <c r="BJ27" s="281">
        <v>4</v>
      </c>
      <c r="BK27" s="281">
        <v>2</v>
      </c>
      <c r="BL27" s="281">
        <v>2</v>
      </c>
      <c r="BM27" s="281">
        <v>1</v>
      </c>
      <c r="BN27" s="278">
        <v>20</v>
      </c>
      <c r="BO27" s="283">
        <v>20</v>
      </c>
      <c r="BP27" s="277">
        <v>0</v>
      </c>
      <c r="BQ27" s="281">
        <v>0</v>
      </c>
      <c r="BR27" s="278">
        <v>0</v>
      </c>
      <c r="BS27" s="280">
        <v>0</v>
      </c>
      <c r="BT27" s="281">
        <v>3</v>
      </c>
      <c r="BU27" s="281">
        <v>3</v>
      </c>
      <c r="BV27" s="281">
        <v>1</v>
      </c>
      <c r="BW27" s="281">
        <v>1</v>
      </c>
      <c r="BX27" s="281">
        <v>1</v>
      </c>
      <c r="BY27" s="278">
        <v>9</v>
      </c>
      <c r="BZ27" s="283">
        <v>9</v>
      </c>
      <c r="CA27" s="277">
        <v>0</v>
      </c>
      <c r="CB27" s="281">
        <v>0</v>
      </c>
      <c r="CC27" s="278">
        <v>0</v>
      </c>
      <c r="CD27" s="280">
        <v>0</v>
      </c>
      <c r="CE27" s="281">
        <v>1</v>
      </c>
      <c r="CF27" s="281">
        <v>1</v>
      </c>
      <c r="CG27" s="281">
        <v>1</v>
      </c>
      <c r="CH27" s="281">
        <v>2</v>
      </c>
      <c r="CI27" s="281">
        <v>0</v>
      </c>
      <c r="CJ27" s="278">
        <v>5</v>
      </c>
      <c r="CK27" s="283">
        <v>5</v>
      </c>
      <c r="CL27" s="277">
        <v>0</v>
      </c>
      <c r="CM27" s="281">
        <v>0</v>
      </c>
      <c r="CN27" s="278">
        <v>0</v>
      </c>
      <c r="CO27" s="280">
        <v>0</v>
      </c>
      <c r="CP27" s="281">
        <v>0</v>
      </c>
      <c r="CQ27" s="281">
        <v>0</v>
      </c>
      <c r="CR27" s="281">
        <v>1</v>
      </c>
      <c r="CS27" s="281">
        <v>0</v>
      </c>
      <c r="CT27" s="281">
        <v>1</v>
      </c>
      <c r="CU27" s="278">
        <v>2</v>
      </c>
      <c r="CV27" s="283">
        <v>2</v>
      </c>
      <c r="CW27" s="277">
        <v>0</v>
      </c>
      <c r="CX27" s="281">
        <v>0</v>
      </c>
      <c r="CY27" s="278">
        <v>0</v>
      </c>
      <c r="CZ27" s="280">
        <v>0</v>
      </c>
      <c r="DA27" s="281">
        <v>0</v>
      </c>
      <c r="DB27" s="281">
        <v>0</v>
      </c>
      <c r="DC27" s="281">
        <v>0</v>
      </c>
      <c r="DD27" s="281">
        <v>0</v>
      </c>
      <c r="DE27" s="281">
        <v>0</v>
      </c>
      <c r="DF27" s="278">
        <v>0</v>
      </c>
      <c r="DG27" s="283">
        <v>0</v>
      </c>
      <c r="DH27" s="277">
        <v>0</v>
      </c>
      <c r="DI27" s="281">
        <v>0</v>
      </c>
      <c r="DJ27" s="278">
        <v>0</v>
      </c>
      <c r="DK27" s="280">
        <v>0</v>
      </c>
      <c r="DL27" s="281">
        <v>0</v>
      </c>
      <c r="DM27" s="281">
        <v>0</v>
      </c>
      <c r="DN27" s="281">
        <v>0</v>
      </c>
      <c r="DO27" s="281">
        <v>0</v>
      </c>
      <c r="DP27" s="281">
        <v>0</v>
      </c>
      <c r="DQ27" s="278">
        <v>0</v>
      </c>
      <c r="DR27" s="283">
        <v>0</v>
      </c>
      <c r="DS27" s="277">
        <v>3</v>
      </c>
      <c r="DT27" s="281">
        <v>2</v>
      </c>
      <c r="DU27" s="278">
        <v>5</v>
      </c>
      <c r="DV27" s="280">
        <v>0</v>
      </c>
      <c r="DW27" s="281">
        <v>10</v>
      </c>
      <c r="DX27" s="281">
        <v>5</v>
      </c>
      <c r="DY27" s="281">
        <v>5</v>
      </c>
      <c r="DZ27" s="281">
        <v>8</v>
      </c>
      <c r="EA27" s="281">
        <v>2</v>
      </c>
      <c r="EB27" s="278">
        <v>30</v>
      </c>
      <c r="EC27" s="283">
        <v>35</v>
      </c>
      <c r="ED27" s="277">
        <v>0</v>
      </c>
      <c r="EE27" s="281">
        <v>1</v>
      </c>
      <c r="EF27" s="278">
        <v>1</v>
      </c>
      <c r="EG27" s="280">
        <v>0</v>
      </c>
      <c r="EH27" s="281">
        <v>5</v>
      </c>
      <c r="EI27" s="281">
        <v>0</v>
      </c>
      <c r="EJ27" s="281">
        <v>1</v>
      </c>
      <c r="EK27" s="281">
        <v>3</v>
      </c>
      <c r="EL27" s="281">
        <v>0</v>
      </c>
      <c r="EM27" s="278">
        <v>9</v>
      </c>
      <c r="EN27" s="283">
        <v>10</v>
      </c>
      <c r="EO27" s="277">
        <v>3</v>
      </c>
      <c r="EP27" s="281">
        <v>6</v>
      </c>
      <c r="EQ27" s="278">
        <v>9</v>
      </c>
      <c r="ER27" s="280">
        <v>0</v>
      </c>
      <c r="ES27" s="281">
        <v>19</v>
      </c>
      <c r="ET27" s="281">
        <v>6</v>
      </c>
      <c r="EU27" s="281">
        <v>4</v>
      </c>
      <c r="EV27" s="281">
        <v>9</v>
      </c>
      <c r="EW27" s="281">
        <v>2</v>
      </c>
      <c r="EX27" s="278">
        <v>40</v>
      </c>
      <c r="EY27" s="283">
        <v>49</v>
      </c>
    </row>
    <row r="28" spans="1:155" ht="19.5" customHeight="1" x14ac:dyDescent="0.2">
      <c r="A28" s="262" t="s">
        <v>26</v>
      </c>
      <c r="B28" s="277">
        <v>0</v>
      </c>
      <c r="C28" s="281">
        <v>0</v>
      </c>
      <c r="D28" s="385">
        <v>0</v>
      </c>
      <c r="E28" s="280">
        <v>0</v>
      </c>
      <c r="F28" s="281">
        <v>3</v>
      </c>
      <c r="G28" s="281">
        <v>8</v>
      </c>
      <c r="H28" s="281">
        <v>5</v>
      </c>
      <c r="I28" s="281">
        <v>4</v>
      </c>
      <c r="J28" s="281">
        <v>3</v>
      </c>
      <c r="K28" s="282">
        <v>23</v>
      </c>
      <c r="L28" s="283">
        <v>23</v>
      </c>
      <c r="M28" s="277">
        <v>0</v>
      </c>
      <c r="N28" s="281">
        <v>0</v>
      </c>
      <c r="O28" s="278">
        <v>0</v>
      </c>
      <c r="P28" s="280">
        <v>0</v>
      </c>
      <c r="Q28" s="281">
        <v>0</v>
      </c>
      <c r="R28" s="281">
        <v>0</v>
      </c>
      <c r="S28" s="281">
        <v>1</v>
      </c>
      <c r="T28" s="281">
        <v>3</v>
      </c>
      <c r="U28" s="281">
        <v>1</v>
      </c>
      <c r="V28" s="278">
        <v>5</v>
      </c>
      <c r="W28" s="283">
        <v>5</v>
      </c>
      <c r="X28" s="277">
        <v>0</v>
      </c>
      <c r="Y28" s="281">
        <v>0</v>
      </c>
      <c r="Z28" s="278">
        <v>0</v>
      </c>
      <c r="AA28" s="280">
        <v>0</v>
      </c>
      <c r="AB28" s="281">
        <v>3</v>
      </c>
      <c r="AC28" s="281">
        <v>5</v>
      </c>
      <c r="AD28" s="281">
        <v>5</v>
      </c>
      <c r="AE28" s="281">
        <v>4</v>
      </c>
      <c r="AF28" s="281">
        <v>3</v>
      </c>
      <c r="AG28" s="278">
        <v>20</v>
      </c>
      <c r="AH28" s="283">
        <v>20</v>
      </c>
      <c r="AI28" s="277">
        <v>0</v>
      </c>
      <c r="AJ28" s="281">
        <v>0</v>
      </c>
      <c r="AK28" s="278">
        <v>0</v>
      </c>
      <c r="AL28" s="280">
        <v>0</v>
      </c>
      <c r="AM28" s="281">
        <v>1</v>
      </c>
      <c r="AN28" s="281">
        <v>1</v>
      </c>
      <c r="AO28" s="281">
        <v>0</v>
      </c>
      <c r="AP28" s="281">
        <v>0</v>
      </c>
      <c r="AQ28" s="281">
        <v>0</v>
      </c>
      <c r="AR28" s="278">
        <v>2</v>
      </c>
      <c r="AS28" s="283">
        <v>2</v>
      </c>
      <c r="AT28" s="277">
        <v>2</v>
      </c>
      <c r="AU28" s="281">
        <v>1</v>
      </c>
      <c r="AV28" s="278">
        <v>3</v>
      </c>
      <c r="AW28" s="280">
        <v>0</v>
      </c>
      <c r="AX28" s="281">
        <v>4</v>
      </c>
      <c r="AY28" s="281">
        <v>8</v>
      </c>
      <c r="AZ28" s="281">
        <v>6</v>
      </c>
      <c r="BA28" s="281">
        <v>2</v>
      </c>
      <c r="BB28" s="281">
        <v>3</v>
      </c>
      <c r="BC28" s="282">
        <v>23</v>
      </c>
      <c r="BD28" s="283">
        <v>26</v>
      </c>
      <c r="BE28" s="277">
        <v>0</v>
      </c>
      <c r="BF28" s="281">
        <v>0</v>
      </c>
      <c r="BG28" s="278">
        <v>0</v>
      </c>
      <c r="BH28" s="280">
        <v>0</v>
      </c>
      <c r="BI28" s="281">
        <v>5</v>
      </c>
      <c r="BJ28" s="281">
        <v>10</v>
      </c>
      <c r="BK28" s="281">
        <v>2</v>
      </c>
      <c r="BL28" s="281">
        <v>1</v>
      </c>
      <c r="BM28" s="281">
        <v>1</v>
      </c>
      <c r="BN28" s="278">
        <v>19</v>
      </c>
      <c r="BO28" s="283">
        <v>19</v>
      </c>
      <c r="BP28" s="277">
        <v>1</v>
      </c>
      <c r="BQ28" s="281">
        <v>0</v>
      </c>
      <c r="BR28" s="278">
        <v>1</v>
      </c>
      <c r="BS28" s="280">
        <v>0</v>
      </c>
      <c r="BT28" s="281">
        <v>0</v>
      </c>
      <c r="BU28" s="281">
        <v>3</v>
      </c>
      <c r="BV28" s="281">
        <v>3</v>
      </c>
      <c r="BW28" s="281">
        <v>0</v>
      </c>
      <c r="BX28" s="281">
        <v>0</v>
      </c>
      <c r="BY28" s="278">
        <v>6</v>
      </c>
      <c r="BZ28" s="283">
        <v>7</v>
      </c>
      <c r="CA28" s="277">
        <v>0</v>
      </c>
      <c r="CB28" s="281">
        <v>0</v>
      </c>
      <c r="CC28" s="278">
        <v>0</v>
      </c>
      <c r="CD28" s="280">
        <v>0</v>
      </c>
      <c r="CE28" s="281">
        <v>0</v>
      </c>
      <c r="CF28" s="281">
        <v>4</v>
      </c>
      <c r="CG28" s="281">
        <v>1</v>
      </c>
      <c r="CH28" s="281">
        <v>1</v>
      </c>
      <c r="CI28" s="281">
        <v>0</v>
      </c>
      <c r="CJ28" s="278">
        <v>6</v>
      </c>
      <c r="CK28" s="283">
        <v>6</v>
      </c>
      <c r="CL28" s="277">
        <v>0</v>
      </c>
      <c r="CM28" s="281">
        <v>0</v>
      </c>
      <c r="CN28" s="278">
        <v>0</v>
      </c>
      <c r="CO28" s="280">
        <v>0</v>
      </c>
      <c r="CP28" s="281">
        <v>0</v>
      </c>
      <c r="CQ28" s="281">
        <v>0</v>
      </c>
      <c r="CR28" s="281">
        <v>2</v>
      </c>
      <c r="CS28" s="281">
        <v>0</v>
      </c>
      <c r="CT28" s="281">
        <v>0</v>
      </c>
      <c r="CU28" s="278">
        <v>2</v>
      </c>
      <c r="CV28" s="283">
        <v>2</v>
      </c>
      <c r="CW28" s="277">
        <v>0</v>
      </c>
      <c r="CX28" s="281">
        <v>0</v>
      </c>
      <c r="CY28" s="278">
        <v>0</v>
      </c>
      <c r="CZ28" s="280">
        <v>0</v>
      </c>
      <c r="DA28" s="281">
        <v>0</v>
      </c>
      <c r="DB28" s="281">
        <v>0</v>
      </c>
      <c r="DC28" s="281">
        <v>0</v>
      </c>
      <c r="DD28" s="281">
        <v>0</v>
      </c>
      <c r="DE28" s="281">
        <v>0</v>
      </c>
      <c r="DF28" s="278">
        <v>0</v>
      </c>
      <c r="DG28" s="283">
        <v>0</v>
      </c>
      <c r="DH28" s="277">
        <v>0</v>
      </c>
      <c r="DI28" s="281">
        <v>0</v>
      </c>
      <c r="DJ28" s="278">
        <v>0</v>
      </c>
      <c r="DK28" s="280">
        <v>0</v>
      </c>
      <c r="DL28" s="281">
        <v>0</v>
      </c>
      <c r="DM28" s="281">
        <v>0</v>
      </c>
      <c r="DN28" s="281">
        <v>0</v>
      </c>
      <c r="DO28" s="281">
        <v>0</v>
      </c>
      <c r="DP28" s="281">
        <v>0</v>
      </c>
      <c r="DQ28" s="278">
        <v>0</v>
      </c>
      <c r="DR28" s="283">
        <v>0</v>
      </c>
      <c r="DS28" s="277">
        <v>4</v>
      </c>
      <c r="DT28" s="281">
        <v>4</v>
      </c>
      <c r="DU28" s="278">
        <v>8</v>
      </c>
      <c r="DV28" s="280">
        <v>0</v>
      </c>
      <c r="DW28" s="281">
        <v>9</v>
      </c>
      <c r="DX28" s="281">
        <v>18</v>
      </c>
      <c r="DY28" s="281">
        <v>13</v>
      </c>
      <c r="DZ28" s="281">
        <v>6</v>
      </c>
      <c r="EA28" s="281">
        <v>5</v>
      </c>
      <c r="EB28" s="278">
        <v>51</v>
      </c>
      <c r="EC28" s="283">
        <v>59</v>
      </c>
      <c r="ED28" s="277">
        <v>0</v>
      </c>
      <c r="EE28" s="281">
        <v>0</v>
      </c>
      <c r="EF28" s="278">
        <v>0</v>
      </c>
      <c r="EG28" s="280">
        <v>0</v>
      </c>
      <c r="EH28" s="281">
        <v>2</v>
      </c>
      <c r="EI28" s="281">
        <v>2</v>
      </c>
      <c r="EJ28" s="281">
        <v>0</v>
      </c>
      <c r="EK28" s="281">
        <v>1</v>
      </c>
      <c r="EL28" s="281">
        <v>0</v>
      </c>
      <c r="EM28" s="278">
        <v>5</v>
      </c>
      <c r="EN28" s="283">
        <v>5</v>
      </c>
      <c r="EO28" s="277">
        <v>5</v>
      </c>
      <c r="EP28" s="281">
        <v>4</v>
      </c>
      <c r="EQ28" s="278">
        <v>9</v>
      </c>
      <c r="ER28" s="280">
        <v>0</v>
      </c>
      <c r="ES28" s="281">
        <v>15</v>
      </c>
      <c r="ET28" s="281">
        <v>23</v>
      </c>
      <c r="EU28" s="281">
        <v>13</v>
      </c>
      <c r="EV28" s="281">
        <v>7</v>
      </c>
      <c r="EW28" s="281">
        <v>5</v>
      </c>
      <c r="EX28" s="278">
        <v>63</v>
      </c>
      <c r="EY28" s="283">
        <v>72</v>
      </c>
    </row>
    <row r="29" spans="1:155" ht="19.5" customHeight="1" x14ac:dyDescent="0.2">
      <c r="A29" s="262" t="s">
        <v>27</v>
      </c>
      <c r="B29" s="277">
        <v>0</v>
      </c>
      <c r="C29" s="281">
        <v>0</v>
      </c>
      <c r="D29" s="385">
        <v>0</v>
      </c>
      <c r="E29" s="280">
        <v>0</v>
      </c>
      <c r="F29" s="281">
        <v>3</v>
      </c>
      <c r="G29" s="281">
        <v>2</v>
      </c>
      <c r="H29" s="281">
        <v>7</v>
      </c>
      <c r="I29" s="281">
        <v>6</v>
      </c>
      <c r="J29" s="281">
        <v>0</v>
      </c>
      <c r="K29" s="282">
        <v>18</v>
      </c>
      <c r="L29" s="283">
        <v>18</v>
      </c>
      <c r="M29" s="277">
        <v>0</v>
      </c>
      <c r="N29" s="281">
        <v>0</v>
      </c>
      <c r="O29" s="278">
        <v>0</v>
      </c>
      <c r="P29" s="280">
        <v>0</v>
      </c>
      <c r="Q29" s="281">
        <v>0</v>
      </c>
      <c r="R29" s="281">
        <v>0</v>
      </c>
      <c r="S29" s="281">
        <v>0</v>
      </c>
      <c r="T29" s="281">
        <v>2</v>
      </c>
      <c r="U29" s="281">
        <v>1</v>
      </c>
      <c r="V29" s="278">
        <v>3</v>
      </c>
      <c r="W29" s="283">
        <v>3</v>
      </c>
      <c r="X29" s="277">
        <v>1</v>
      </c>
      <c r="Y29" s="281">
        <v>2</v>
      </c>
      <c r="Z29" s="278">
        <v>3</v>
      </c>
      <c r="AA29" s="280">
        <v>0</v>
      </c>
      <c r="AB29" s="281">
        <v>5</v>
      </c>
      <c r="AC29" s="281">
        <v>7</v>
      </c>
      <c r="AD29" s="281">
        <v>2</v>
      </c>
      <c r="AE29" s="281">
        <v>3</v>
      </c>
      <c r="AF29" s="281">
        <v>3</v>
      </c>
      <c r="AG29" s="278">
        <v>20</v>
      </c>
      <c r="AH29" s="283">
        <v>23</v>
      </c>
      <c r="AI29" s="277">
        <v>0</v>
      </c>
      <c r="AJ29" s="281">
        <v>0</v>
      </c>
      <c r="AK29" s="278">
        <v>0</v>
      </c>
      <c r="AL29" s="280">
        <v>0</v>
      </c>
      <c r="AM29" s="281">
        <v>0</v>
      </c>
      <c r="AN29" s="281">
        <v>0</v>
      </c>
      <c r="AO29" s="281">
        <v>0</v>
      </c>
      <c r="AP29" s="281">
        <v>0</v>
      </c>
      <c r="AQ29" s="281">
        <v>0</v>
      </c>
      <c r="AR29" s="278">
        <v>0</v>
      </c>
      <c r="AS29" s="283">
        <v>0</v>
      </c>
      <c r="AT29" s="277">
        <v>1</v>
      </c>
      <c r="AU29" s="281">
        <v>1</v>
      </c>
      <c r="AV29" s="278">
        <v>2</v>
      </c>
      <c r="AW29" s="280">
        <v>0</v>
      </c>
      <c r="AX29" s="281">
        <v>4</v>
      </c>
      <c r="AY29" s="281">
        <v>6</v>
      </c>
      <c r="AZ29" s="281">
        <v>7</v>
      </c>
      <c r="BA29" s="281">
        <v>10</v>
      </c>
      <c r="BB29" s="281">
        <v>4</v>
      </c>
      <c r="BC29" s="282">
        <v>31</v>
      </c>
      <c r="BD29" s="283">
        <v>33</v>
      </c>
      <c r="BE29" s="277">
        <v>0</v>
      </c>
      <c r="BF29" s="281">
        <v>0</v>
      </c>
      <c r="BG29" s="278">
        <v>0</v>
      </c>
      <c r="BH29" s="280">
        <v>0</v>
      </c>
      <c r="BI29" s="281">
        <v>8</v>
      </c>
      <c r="BJ29" s="281">
        <v>5</v>
      </c>
      <c r="BK29" s="281">
        <v>5</v>
      </c>
      <c r="BL29" s="281">
        <v>3</v>
      </c>
      <c r="BM29" s="281">
        <v>3</v>
      </c>
      <c r="BN29" s="278">
        <v>24</v>
      </c>
      <c r="BO29" s="283">
        <v>24</v>
      </c>
      <c r="BP29" s="277">
        <v>0</v>
      </c>
      <c r="BQ29" s="281">
        <v>2</v>
      </c>
      <c r="BR29" s="278">
        <v>2</v>
      </c>
      <c r="BS29" s="280">
        <v>0</v>
      </c>
      <c r="BT29" s="281">
        <v>3</v>
      </c>
      <c r="BU29" s="281">
        <v>5</v>
      </c>
      <c r="BV29" s="281">
        <v>1</v>
      </c>
      <c r="BW29" s="281">
        <v>0</v>
      </c>
      <c r="BX29" s="281">
        <v>1</v>
      </c>
      <c r="BY29" s="278">
        <v>10</v>
      </c>
      <c r="BZ29" s="283">
        <v>12</v>
      </c>
      <c r="CA29" s="277">
        <v>0</v>
      </c>
      <c r="CB29" s="281">
        <v>0</v>
      </c>
      <c r="CC29" s="278">
        <v>0</v>
      </c>
      <c r="CD29" s="280">
        <v>0</v>
      </c>
      <c r="CE29" s="281">
        <v>0</v>
      </c>
      <c r="CF29" s="281">
        <v>0</v>
      </c>
      <c r="CG29" s="281">
        <v>1</v>
      </c>
      <c r="CH29" s="281">
        <v>0</v>
      </c>
      <c r="CI29" s="281">
        <v>1</v>
      </c>
      <c r="CJ29" s="278">
        <v>2</v>
      </c>
      <c r="CK29" s="283">
        <v>2</v>
      </c>
      <c r="CL29" s="277">
        <v>0</v>
      </c>
      <c r="CM29" s="281">
        <v>0</v>
      </c>
      <c r="CN29" s="278">
        <v>0</v>
      </c>
      <c r="CO29" s="280">
        <v>0</v>
      </c>
      <c r="CP29" s="281">
        <v>1</v>
      </c>
      <c r="CQ29" s="281">
        <v>0</v>
      </c>
      <c r="CR29" s="281">
        <v>0</v>
      </c>
      <c r="CS29" s="281">
        <v>0</v>
      </c>
      <c r="CT29" s="281">
        <v>0</v>
      </c>
      <c r="CU29" s="278">
        <v>1</v>
      </c>
      <c r="CV29" s="283">
        <v>1</v>
      </c>
      <c r="CW29" s="277">
        <v>0</v>
      </c>
      <c r="CX29" s="281">
        <v>0</v>
      </c>
      <c r="CY29" s="278">
        <v>0</v>
      </c>
      <c r="CZ29" s="280">
        <v>0</v>
      </c>
      <c r="DA29" s="281">
        <v>0</v>
      </c>
      <c r="DB29" s="281">
        <v>0</v>
      </c>
      <c r="DC29" s="281">
        <v>0</v>
      </c>
      <c r="DD29" s="281">
        <v>0</v>
      </c>
      <c r="DE29" s="281">
        <v>0</v>
      </c>
      <c r="DF29" s="278">
        <v>0</v>
      </c>
      <c r="DG29" s="283">
        <v>0</v>
      </c>
      <c r="DH29" s="277">
        <v>0</v>
      </c>
      <c r="DI29" s="281">
        <v>0</v>
      </c>
      <c r="DJ29" s="278">
        <v>0</v>
      </c>
      <c r="DK29" s="280">
        <v>0</v>
      </c>
      <c r="DL29" s="281">
        <v>0</v>
      </c>
      <c r="DM29" s="281">
        <v>0</v>
      </c>
      <c r="DN29" s="281">
        <v>0</v>
      </c>
      <c r="DO29" s="281">
        <v>0</v>
      </c>
      <c r="DP29" s="281">
        <v>0</v>
      </c>
      <c r="DQ29" s="278">
        <v>0</v>
      </c>
      <c r="DR29" s="283">
        <v>0</v>
      </c>
      <c r="DS29" s="277">
        <v>3</v>
      </c>
      <c r="DT29" s="281">
        <v>10</v>
      </c>
      <c r="DU29" s="278">
        <v>13</v>
      </c>
      <c r="DV29" s="280">
        <v>0</v>
      </c>
      <c r="DW29" s="281">
        <v>5</v>
      </c>
      <c r="DX29" s="281">
        <v>14</v>
      </c>
      <c r="DY29" s="281">
        <v>11</v>
      </c>
      <c r="DZ29" s="281">
        <v>7</v>
      </c>
      <c r="EA29" s="281">
        <v>6</v>
      </c>
      <c r="EB29" s="278">
        <v>43</v>
      </c>
      <c r="EC29" s="283">
        <v>56</v>
      </c>
      <c r="ED29" s="277">
        <v>1</v>
      </c>
      <c r="EE29" s="281">
        <v>1</v>
      </c>
      <c r="EF29" s="278">
        <v>2</v>
      </c>
      <c r="EG29" s="280">
        <v>0</v>
      </c>
      <c r="EH29" s="281">
        <v>1</v>
      </c>
      <c r="EI29" s="281">
        <v>2</v>
      </c>
      <c r="EJ29" s="281">
        <v>2</v>
      </c>
      <c r="EK29" s="281">
        <v>4</v>
      </c>
      <c r="EL29" s="281">
        <v>1</v>
      </c>
      <c r="EM29" s="278">
        <v>10</v>
      </c>
      <c r="EN29" s="283">
        <v>12</v>
      </c>
      <c r="EO29" s="277">
        <v>3</v>
      </c>
      <c r="EP29" s="281">
        <v>14</v>
      </c>
      <c r="EQ29" s="278">
        <v>17</v>
      </c>
      <c r="ER29" s="280">
        <v>0</v>
      </c>
      <c r="ES29" s="281">
        <v>15</v>
      </c>
      <c r="ET29" s="281">
        <v>17</v>
      </c>
      <c r="EU29" s="281">
        <v>11</v>
      </c>
      <c r="EV29" s="281">
        <v>8</v>
      </c>
      <c r="EW29" s="281">
        <v>6</v>
      </c>
      <c r="EX29" s="278">
        <v>57</v>
      </c>
      <c r="EY29" s="283">
        <v>74</v>
      </c>
    </row>
    <row r="30" spans="1:155" ht="19.5" customHeight="1" x14ac:dyDescent="0.2">
      <c r="A30" s="262" t="s">
        <v>28</v>
      </c>
      <c r="B30" s="277">
        <v>0</v>
      </c>
      <c r="C30" s="281">
        <v>0</v>
      </c>
      <c r="D30" s="385">
        <v>0</v>
      </c>
      <c r="E30" s="280">
        <v>0</v>
      </c>
      <c r="F30" s="281">
        <v>0</v>
      </c>
      <c r="G30" s="281">
        <v>0</v>
      </c>
      <c r="H30" s="281">
        <v>1</v>
      </c>
      <c r="I30" s="281">
        <v>0</v>
      </c>
      <c r="J30" s="281">
        <v>0</v>
      </c>
      <c r="K30" s="282">
        <v>1</v>
      </c>
      <c r="L30" s="283">
        <v>1</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0</v>
      </c>
      <c r="AC30" s="281">
        <v>5</v>
      </c>
      <c r="AD30" s="281">
        <v>1</v>
      </c>
      <c r="AE30" s="281">
        <v>0</v>
      </c>
      <c r="AF30" s="281">
        <v>0</v>
      </c>
      <c r="AG30" s="278">
        <v>6</v>
      </c>
      <c r="AH30" s="283">
        <v>6</v>
      </c>
      <c r="AI30" s="277">
        <v>0</v>
      </c>
      <c r="AJ30" s="281">
        <v>0</v>
      </c>
      <c r="AK30" s="278">
        <v>0</v>
      </c>
      <c r="AL30" s="280">
        <v>0</v>
      </c>
      <c r="AM30" s="281">
        <v>0</v>
      </c>
      <c r="AN30" s="281">
        <v>0</v>
      </c>
      <c r="AO30" s="281">
        <v>0</v>
      </c>
      <c r="AP30" s="281">
        <v>0</v>
      </c>
      <c r="AQ30" s="281">
        <v>0</v>
      </c>
      <c r="AR30" s="278">
        <v>0</v>
      </c>
      <c r="AS30" s="283">
        <v>0</v>
      </c>
      <c r="AT30" s="277">
        <v>0</v>
      </c>
      <c r="AU30" s="281">
        <v>0</v>
      </c>
      <c r="AV30" s="278">
        <v>0</v>
      </c>
      <c r="AW30" s="280">
        <v>0</v>
      </c>
      <c r="AX30" s="281">
        <v>1</v>
      </c>
      <c r="AY30" s="281">
        <v>1</v>
      </c>
      <c r="AZ30" s="281">
        <v>1</v>
      </c>
      <c r="BA30" s="281">
        <v>0</v>
      </c>
      <c r="BB30" s="281">
        <v>0</v>
      </c>
      <c r="BC30" s="282">
        <v>3</v>
      </c>
      <c r="BD30" s="283">
        <v>3</v>
      </c>
      <c r="BE30" s="277">
        <v>0</v>
      </c>
      <c r="BF30" s="281">
        <v>0</v>
      </c>
      <c r="BG30" s="278">
        <v>0</v>
      </c>
      <c r="BH30" s="280">
        <v>0</v>
      </c>
      <c r="BI30" s="281">
        <v>2</v>
      </c>
      <c r="BJ30" s="281">
        <v>0</v>
      </c>
      <c r="BK30" s="281">
        <v>0</v>
      </c>
      <c r="BL30" s="281">
        <v>0</v>
      </c>
      <c r="BM30" s="281">
        <v>0</v>
      </c>
      <c r="BN30" s="278">
        <v>2</v>
      </c>
      <c r="BO30" s="283">
        <v>2</v>
      </c>
      <c r="BP30" s="277">
        <v>0</v>
      </c>
      <c r="BQ30" s="281">
        <v>0</v>
      </c>
      <c r="BR30" s="278">
        <v>0</v>
      </c>
      <c r="BS30" s="280">
        <v>0</v>
      </c>
      <c r="BT30" s="281">
        <v>0</v>
      </c>
      <c r="BU30" s="281">
        <v>0</v>
      </c>
      <c r="BV30" s="281">
        <v>0</v>
      </c>
      <c r="BW30" s="281">
        <v>0</v>
      </c>
      <c r="BX30" s="281">
        <v>0</v>
      </c>
      <c r="BY30" s="278">
        <v>0</v>
      </c>
      <c r="BZ30" s="283">
        <v>0</v>
      </c>
      <c r="CA30" s="277">
        <v>0</v>
      </c>
      <c r="CB30" s="281">
        <v>0</v>
      </c>
      <c r="CC30" s="278">
        <v>0</v>
      </c>
      <c r="CD30" s="280">
        <v>0</v>
      </c>
      <c r="CE30" s="281">
        <v>0</v>
      </c>
      <c r="CF30" s="281">
        <v>0</v>
      </c>
      <c r="CG30" s="281">
        <v>0</v>
      </c>
      <c r="CH30" s="281">
        <v>0</v>
      </c>
      <c r="CI30" s="281">
        <v>1</v>
      </c>
      <c r="CJ30" s="278">
        <v>1</v>
      </c>
      <c r="CK30" s="283">
        <v>1</v>
      </c>
      <c r="CL30" s="277">
        <v>0</v>
      </c>
      <c r="CM30" s="281">
        <v>0</v>
      </c>
      <c r="CN30" s="278">
        <v>0</v>
      </c>
      <c r="CO30" s="280">
        <v>0</v>
      </c>
      <c r="CP30" s="281">
        <v>0</v>
      </c>
      <c r="CQ30" s="281">
        <v>0</v>
      </c>
      <c r="CR30" s="281">
        <v>0</v>
      </c>
      <c r="CS30" s="281">
        <v>0</v>
      </c>
      <c r="CT30" s="281">
        <v>0</v>
      </c>
      <c r="CU30" s="278">
        <v>0</v>
      </c>
      <c r="CV30" s="283">
        <v>0</v>
      </c>
      <c r="CW30" s="277">
        <v>0</v>
      </c>
      <c r="CX30" s="281">
        <v>0</v>
      </c>
      <c r="CY30" s="278">
        <v>0</v>
      </c>
      <c r="CZ30" s="280">
        <v>0</v>
      </c>
      <c r="DA30" s="281">
        <v>0</v>
      </c>
      <c r="DB30" s="281">
        <v>0</v>
      </c>
      <c r="DC30" s="281">
        <v>0</v>
      </c>
      <c r="DD30" s="281">
        <v>0</v>
      </c>
      <c r="DE30" s="281">
        <v>0</v>
      </c>
      <c r="DF30" s="278">
        <v>0</v>
      </c>
      <c r="DG30" s="283">
        <v>0</v>
      </c>
      <c r="DH30" s="277">
        <v>0</v>
      </c>
      <c r="DI30" s="281">
        <v>0</v>
      </c>
      <c r="DJ30" s="278">
        <v>0</v>
      </c>
      <c r="DK30" s="280">
        <v>0</v>
      </c>
      <c r="DL30" s="281">
        <v>0</v>
      </c>
      <c r="DM30" s="281">
        <v>0</v>
      </c>
      <c r="DN30" s="281">
        <v>0</v>
      </c>
      <c r="DO30" s="281">
        <v>0</v>
      </c>
      <c r="DP30" s="281">
        <v>0</v>
      </c>
      <c r="DQ30" s="278">
        <v>0</v>
      </c>
      <c r="DR30" s="283">
        <v>0</v>
      </c>
      <c r="DS30" s="277">
        <v>0</v>
      </c>
      <c r="DT30" s="281">
        <v>1</v>
      </c>
      <c r="DU30" s="278">
        <v>1</v>
      </c>
      <c r="DV30" s="280">
        <v>0</v>
      </c>
      <c r="DW30" s="281">
        <v>4</v>
      </c>
      <c r="DX30" s="281">
        <v>9</v>
      </c>
      <c r="DY30" s="281">
        <v>0</v>
      </c>
      <c r="DZ30" s="281">
        <v>0</v>
      </c>
      <c r="EA30" s="281">
        <v>0</v>
      </c>
      <c r="EB30" s="278">
        <v>13</v>
      </c>
      <c r="EC30" s="283">
        <v>14</v>
      </c>
      <c r="ED30" s="277">
        <v>0</v>
      </c>
      <c r="EE30" s="281">
        <v>0</v>
      </c>
      <c r="EF30" s="278">
        <v>0</v>
      </c>
      <c r="EG30" s="280">
        <v>0</v>
      </c>
      <c r="EH30" s="281">
        <v>1</v>
      </c>
      <c r="EI30" s="281">
        <v>1</v>
      </c>
      <c r="EJ30" s="281">
        <v>1</v>
      </c>
      <c r="EK30" s="281">
        <v>0</v>
      </c>
      <c r="EL30" s="281">
        <v>0</v>
      </c>
      <c r="EM30" s="278">
        <v>3</v>
      </c>
      <c r="EN30" s="283">
        <v>3</v>
      </c>
      <c r="EO30" s="277">
        <v>0</v>
      </c>
      <c r="EP30" s="281">
        <v>1</v>
      </c>
      <c r="EQ30" s="278">
        <v>1</v>
      </c>
      <c r="ER30" s="280">
        <v>0</v>
      </c>
      <c r="ES30" s="281">
        <v>8</v>
      </c>
      <c r="ET30" s="281">
        <v>9</v>
      </c>
      <c r="EU30" s="281">
        <v>1</v>
      </c>
      <c r="EV30" s="281">
        <v>0</v>
      </c>
      <c r="EW30" s="281">
        <v>1</v>
      </c>
      <c r="EX30" s="278">
        <v>19</v>
      </c>
      <c r="EY30" s="283">
        <v>20</v>
      </c>
    </row>
    <row r="31" spans="1:155" ht="19.5" customHeight="1" x14ac:dyDescent="0.2">
      <c r="A31" s="262" t="s">
        <v>29</v>
      </c>
      <c r="B31" s="277">
        <v>0</v>
      </c>
      <c r="C31" s="281">
        <v>0</v>
      </c>
      <c r="D31" s="385">
        <v>0</v>
      </c>
      <c r="E31" s="280">
        <v>0</v>
      </c>
      <c r="F31" s="281">
        <v>2</v>
      </c>
      <c r="G31" s="281">
        <v>0</v>
      </c>
      <c r="H31" s="281">
        <v>0</v>
      </c>
      <c r="I31" s="281">
        <v>1</v>
      </c>
      <c r="J31" s="281">
        <v>0</v>
      </c>
      <c r="K31" s="282">
        <v>3</v>
      </c>
      <c r="L31" s="283">
        <v>3</v>
      </c>
      <c r="M31" s="277">
        <v>0</v>
      </c>
      <c r="N31" s="281">
        <v>0</v>
      </c>
      <c r="O31" s="278">
        <v>0</v>
      </c>
      <c r="P31" s="280">
        <v>0</v>
      </c>
      <c r="Q31" s="281">
        <v>0</v>
      </c>
      <c r="R31" s="281">
        <v>0</v>
      </c>
      <c r="S31" s="281">
        <v>0</v>
      </c>
      <c r="T31" s="281">
        <v>0</v>
      </c>
      <c r="U31" s="281">
        <v>1</v>
      </c>
      <c r="V31" s="278">
        <v>1</v>
      </c>
      <c r="W31" s="283">
        <v>1</v>
      </c>
      <c r="X31" s="277">
        <v>0</v>
      </c>
      <c r="Y31" s="281">
        <v>1</v>
      </c>
      <c r="Z31" s="278">
        <v>1</v>
      </c>
      <c r="AA31" s="280">
        <v>0</v>
      </c>
      <c r="AB31" s="281">
        <v>1</v>
      </c>
      <c r="AC31" s="281">
        <v>0</v>
      </c>
      <c r="AD31" s="281">
        <v>1</v>
      </c>
      <c r="AE31" s="281">
        <v>0</v>
      </c>
      <c r="AF31" s="281">
        <v>1</v>
      </c>
      <c r="AG31" s="278">
        <v>3</v>
      </c>
      <c r="AH31" s="283">
        <v>4</v>
      </c>
      <c r="AI31" s="277">
        <v>0</v>
      </c>
      <c r="AJ31" s="281">
        <v>0</v>
      </c>
      <c r="AK31" s="278">
        <v>0</v>
      </c>
      <c r="AL31" s="280">
        <v>0</v>
      </c>
      <c r="AM31" s="281">
        <v>0</v>
      </c>
      <c r="AN31" s="281">
        <v>0</v>
      </c>
      <c r="AO31" s="281">
        <v>0</v>
      </c>
      <c r="AP31" s="281">
        <v>0</v>
      </c>
      <c r="AQ31" s="281">
        <v>0</v>
      </c>
      <c r="AR31" s="278">
        <v>0</v>
      </c>
      <c r="AS31" s="283">
        <v>0</v>
      </c>
      <c r="AT31" s="277">
        <v>0</v>
      </c>
      <c r="AU31" s="281">
        <v>0</v>
      </c>
      <c r="AV31" s="278">
        <v>0</v>
      </c>
      <c r="AW31" s="280">
        <v>0</v>
      </c>
      <c r="AX31" s="281">
        <v>0</v>
      </c>
      <c r="AY31" s="281">
        <v>2</v>
      </c>
      <c r="AZ31" s="281">
        <v>0</v>
      </c>
      <c r="BA31" s="281">
        <v>0</v>
      </c>
      <c r="BB31" s="281">
        <v>1</v>
      </c>
      <c r="BC31" s="282">
        <v>3</v>
      </c>
      <c r="BD31" s="283">
        <v>3</v>
      </c>
      <c r="BE31" s="277">
        <v>0</v>
      </c>
      <c r="BF31" s="281">
        <v>0</v>
      </c>
      <c r="BG31" s="278">
        <v>0</v>
      </c>
      <c r="BH31" s="280">
        <v>0</v>
      </c>
      <c r="BI31" s="281">
        <v>4</v>
      </c>
      <c r="BJ31" s="281">
        <v>2</v>
      </c>
      <c r="BK31" s="281">
        <v>1</v>
      </c>
      <c r="BL31" s="281">
        <v>0</v>
      </c>
      <c r="BM31" s="281">
        <v>1</v>
      </c>
      <c r="BN31" s="278">
        <v>8</v>
      </c>
      <c r="BO31" s="283">
        <v>8</v>
      </c>
      <c r="BP31" s="277">
        <v>0</v>
      </c>
      <c r="BQ31" s="281">
        <v>0</v>
      </c>
      <c r="BR31" s="278">
        <v>0</v>
      </c>
      <c r="BS31" s="280">
        <v>0</v>
      </c>
      <c r="BT31" s="281">
        <v>1</v>
      </c>
      <c r="BU31" s="281">
        <v>0</v>
      </c>
      <c r="BV31" s="281">
        <v>1</v>
      </c>
      <c r="BW31" s="281">
        <v>1</v>
      </c>
      <c r="BX31" s="281">
        <v>0</v>
      </c>
      <c r="BY31" s="278">
        <v>3</v>
      </c>
      <c r="BZ31" s="283">
        <v>3</v>
      </c>
      <c r="CA31" s="277">
        <v>0</v>
      </c>
      <c r="CB31" s="281">
        <v>0</v>
      </c>
      <c r="CC31" s="278">
        <v>0</v>
      </c>
      <c r="CD31" s="280">
        <v>0</v>
      </c>
      <c r="CE31" s="281">
        <v>0</v>
      </c>
      <c r="CF31" s="281">
        <v>0</v>
      </c>
      <c r="CG31" s="281">
        <v>0</v>
      </c>
      <c r="CH31" s="281">
        <v>0</v>
      </c>
      <c r="CI31" s="281">
        <v>1</v>
      </c>
      <c r="CJ31" s="278">
        <v>1</v>
      </c>
      <c r="CK31" s="283">
        <v>1</v>
      </c>
      <c r="CL31" s="277">
        <v>0</v>
      </c>
      <c r="CM31" s="281">
        <v>0</v>
      </c>
      <c r="CN31" s="278">
        <v>0</v>
      </c>
      <c r="CO31" s="280">
        <v>0</v>
      </c>
      <c r="CP31" s="281">
        <v>0</v>
      </c>
      <c r="CQ31" s="281">
        <v>0</v>
      </c>
      <c r="CR31" s="281">
        <v>0</v>
      </c>
      <c r="CS31" s="281">
        <v>0</v>
      </c>
      <c r="CT31" s="281">
        <v>1</v>
      </c>
      <c r="CU31" s="278">
        <v>1</v>
      </c>
      <c r="CV31" s="283">
        <v>1</v>
      </c>
      <c r="CW31" s="277">
        <v>0</v>
      </c>
      <c r="CX31" s="281">
        <v>0</v>
      </c>
      <c r="CY31" s="278">
        <v>0</v>
      </c>
      <c r="CZ31" s="280">
        <v>0</v>
      </c>
      <c r="DA31" s="281">
        <v>0</v>
      </c>
      <c r="DB31" s="281">
        <v>0</v>
      </c>
      <c r="DC31" s="281">
        <v>0</v>
      </c>
      <c r="DD31" s="281">
        <v>0</v>
      </c>
      <c r="DE31" s="281">
        <v>0</v>
      </c>
      <c r="DF31" s="278">
        <v>0</v>
      </c>
      <c r="DG31" s="283">
        <v>0</v>
      </c>
      <c r="DH31" s="277">
        <v>0</v>
      </c>
      <c r="DI31" s="281">
        <v>0</v>
      </c>
      <c r="DJ31" s="278">
        <v>0</v>
      </c>
      <c r="DK31" s="280">
        <v>0</v>
      </c>
      <c r="DL31" s="281">
        <v>0</v>
      </c>
      <c r="DM31" s="281">
        <v>0</v>
      </c>
      <c r="DN31" s="281">
        <v>0</v>
      </c>
      <c r="DO31" s="281">
        <v>0</v>
      </c>
      <c r="DP31" s="281">
        <v>0</v>
      </c>
      <c r="DQ31" s="278">
        <v>0</v>
      </c>
      <c r="DR31" s="283">
        <v>0</v>
      </c>
      <c r="DS31" s="277">
        <v>2</v>
      </c>
      <c r="DT31" s="281">
        <v>1</v>
      </c>
      <c r="DU31" s="278">
        <v>3</v>
      </c>
      <c r="DV31" s="280">
        <v>0</v>
      </c>
      <c r="DW31" s="281">
        <v>1</v>
      </c>
      <c r="DX31" s="281">
        <v>1</v>
      </c>
      <c r="DY31" s="281">
        <v>2</v>
      </c>
      <c r="DZ31" s="281">
        <v>1</v>
      </c>
      <c r="EA31" s="281">
        <v>2</v>
      </c>
      <c r="EB31" s="278">
        <v>7</v>
      </c>
      <c r="EC31" s="283">
        <v>10</v>
      </c>
      <c r="ED31" s="277">
        <v>0</v>
      </c>
      <c r="EE31" s="281">
        <v>0</v>
      </c>
      <c r="EF31" s="278">
        <v>0</v>
      </c>
      <c r="EG31" s="280">
        <v>0</v>
      </c>
      <c r="EH31" s="281">
        <v>0</v>
      </c>
      <c r="EI31" s="281">
        <v>2</v>
      </c>
      <c r="EJ31" s="281">
        <v>0</v>
      </c>
      <c r="EK31" s="281">
        <v>0</v>
      </c>
      <c r="EL31" s="281">
        <v>0</v>
      </c>
      <c r="EM31" s="278">
        <v>2</v>
      </c>
      <c r="EN31" s="283">
        <v>2</v>
      </c>
      <c r="EO31" s="277">
        <v>2</v>
      </c>
      <c r="EP31" s="281">
        <v>2</v>
      </c>
      <c r="EQ31" s="278">
        <v>4</v>
      </c>
      <c r="ER31" s="280">
        <v>0</v>
      </c>
      <c r="ES31" s="281">
        <v>7</v>
      </c>
      <c r="ET31" s="281">
        <v>3</v>
      </c>
      <c r="EU31" s="281">
        <v>2</v>
      </c>
      <c r="EV31" s="281">
        <v>1</v>
      </c>
      <c r="EW31" s="281">
        <v>2</v>
      </c>
      <c r="EX31" s="278">
        <v>15</v>
      </c>
      <c r="EY31" s="283">
        <v>19</v>
      </c>
    </row>
    <row r="32" spans="1:155" ht="19.5" customHeight="1" x14ac:dyDescent="0.2">
      <c r="A32" s="262" t="s">
        <v>30</v>
      </c>
      <c r="B32" s="277">
        <v>0</v>
      </c>
      <c r="C32" s="281">
        <v>0</v>
      </c>
      <c r="D32" s="385">
        <v>0</v>
      </c>
      <c r="E32" s="280">
        <v>0</v>
      </c>
      <c r="F32" s="281">
        <v>1</v>
      </c>
      <c r="G32" s="281">
        <v>2</v>
      </c>
      <c r="H32" s="281">
        <v>1</v>
      </c>
      <c r="I32" s="281">
        <v>2</v>
      </c>
      <c r="J32" s="281">
        <v>0</v>
      </c>
      <c r="K32" s="282">
        <v>6</v>
      </c>
      <c r="L32" s="283">
        <v>6</v>
      </c>
      <c r="M32" s="277">
        <v>0</v>
      </c>
      <c r="N32" s="281">
        <v>0</v>
      </c>
      <c r="O32" s="278">
        <v>0</v>
      </c>
      <c r="P32" s="280">
        <v>0</v>
      </c>
      <c r="Q32" s="281">
        <v>0</v>
      </c>
      <c r="R32" s="281">
        <v>0</v>
      </c>
      <c r="S32" s="281">
        <v>0</v>
      </c>
      <c r="T32" s="281">
        <v>1</v>
      </c>
      <c r="U32" s="281">
        <v>0</v>
      </c>
      <c r="V32" s="278">
        <v>1</v>
      </c>
      <c r="W32" s="283">
        <v>1</v>
      </c>
      <c r="X32" s="277">
        <v>0</v>
      </c>
      <c r="Y32" s="281">
        <v>1</v>
      </c>
      <c r="Z32" s="278">
        <v>1</v>
      </c>
      <c r="AA32" s="280">
        <v>0</v>
      </c>
      <c r="AB32" s="281">
        <v>1</v>
      </c>
      <c r="AC32" s="281">
        <v>0</v>
      </c>
      <c r="AD32" s="281">
        <v>0</v>
      </c>
      <c r="AE32" s="281">
        <v>2</v>
      </c>
      <c r="AF32" s="281">
        <v>0</v>
      </c>
      <c r="AG32" s="278">
        <v>3</v>
      </c>
      <c r="AH32" s="283">
        <v>4</v>
      </c>
      <c r="AI32" s="277">
        <v>0</v>
      </c>
      <c r="AJ32" s="281">
        <v>0</v>
      </c>
      <c r="AK32" s="278">
        <v>0</v>
      </c>
      <c r="AL32" s="280">
        <v>0</v>
      </c>
      <c r="AM32" s="281">
        <v>0</v>
      </c>
      <c r="AN32" s="281">
        <v>0</v>
      </c>
      <c r="AO32" s="281">
        <v>0</v>
      </c>
      <c r="AP32" s="281">
        <v>0</v>
      </c>
      <c r="AQ32" s="281">
        <v>0</v>
      </c>
      <c r="AR32" s="278">
        <v>0</v>
      </c>
      <c r="AS32" s="283">
        <v>0</v>
      </c>
      <c r="AT32" s="277">
        <v>0</v>
      </c>
      <c r="AU32" s="281">
        <v>0</v>
      </c>
      <c r="AV32" s="278">
        <v>0</v>
      </c>
      <c r="AW32" s="280">
        <v>0</v>
      </c>
      <c r="AX32" s="281">
        <v>2</v>
      </c>
      <c r="AY32" s="281">
        <v>1</v>
      </c>
      <c r="AZ32" s="281">
        <v>0</v>
      </c>
      <c r="BA32" s="281">
        <v>2</v>
      </c>
      <c r="BB32" s="281">
        <v>0</v>
      </c>
      <c r="BC32" s="282">
        <v>5</v>
      </c>
      <c r="BD32" s="283">
        <v>5</v>
      </c>
      <c r="BE32" s="277">
        <v>0</v>
      </c>
      <c r="BF32" s="281">
        <v>0</v>
      </c>
      <c r="BG32" s="278">
        <v>0</v>
      </c>
      <c r="BH32" s="280">
        <v>0</v>
      </c>
      <c r="BI32" s="281">
        <v>0</v>
      </c>
      <c r="BJ32" s="281">
        <v>0</v>
      </c>
      <c r="BK32" s="281">
        <v>0</v>
      </c>
      <c r="BL32" s="281">
        <v>2</v>
      </c>
      <c r="BM32" s="281">
        <v>0</v>
      </c>
      <c r="BN32" s="278">
        <v>2</v>
      </c>
      <c r="BO32" s="283">
        <v>2</v>
      </c>
      <c r="BP32" s="277">
        <v>0</v>
      </c>
      <c r="BQ32" s="281">
        <v>0</v>
      </c>
      <c r="BR32" s="278">
        <v>0</v>
      </c>
      <c r="BS32" s="280">
        <v>0</v>
      </c>
      <c r="BT32" s="281">
        <v>0</v>
      </c>
      <c r="BU32" s="281">
        <v>0</v>
      </c>
      <c r="BV32" s="281">
        <v>0</v>
      </c>
      <c r="BW32" s="281">
        <v>0</v>
      </c>
      <c r="BX32" s="281">
        <v>0</v>
      </c>
      <c r="BY32" s="278">
        <v>0</v>
      </c>
      <c r="BZ32" s="283">
        <v>0</v>
      </c>
      <c r="CA32" s="277">
        <v>0</v>
      </c>
      <c r="CB32" s="281">
        <v>0</v>
      </c>
      <c r="CC32" s="278">
        <v>0</v>
      </c>
      <c r="CD32" s="280">
        <v>0</v>
      </c>
      <c r="CE32" s="281">
        <v>1</v>
      </c>
      <c r="CF32" s="281">
        <v>0</v>
      </c>
      <c r="CG32" s="281">
        <v>0</v>
      </c>
      <c r="CH32" s="281">
        <v>2</v>
      </c>
      <c r="CI32" s="281">
        <v>0</v>
      </c>
      <c r="CJ32" s="278">
        <v>3</v>
      </c>
      <c r="CK32" s="283">
        <v>3</v>
      </c>
      <c r="CL32" s="277">
        <v>0</v>
      </c>
      <c r="CM32" s="281">
        <v>0</v>
      </c>
      <c r="CN32" s="278">
        <v>0</v>
      </c>
      <c r="CO32" s="280">
        <v>0</v>
      </c>
      <c r="CP32" s="281">
        <v>0</v>
      </c>
      <c r="CQ32" s="281">
        <v>0</v>
      </c>
      <c r="CR32" s="281">
        <v>0</v>
      </c>
      <c r="CS32" s="281">
        <v>0</v>
      </c>
      <c r="CT32" s="281">
        <v>0</v>
      </c>
      <c r="CU32" s="278">
        <v>0</v>
      </c>
      <c r="CV32" s="283">
        <v>0</v>
      </c>
      <c r="CW32" s="277">
        <v>0</v>
      </c>
      <c r="CX32" s="281">
        <v>0</v>
      </c>
      <c r="CY32" s="278">
        <v>0</v>
      </c>
      <c r="CZ32" s="280">
        <v>0</v>
      </c>
      <c r="DA32" s="281">
        <v>0</v>
      </c>
      <c r="DB32" s="281">
        <v>0</v>
      </c>
      <c r="DC32" s="281">
        <v>0</v>
      </c>
      <c r="DD32" s="281">
        <v>0</v>
      </c>
      <c r="DE32" s="281">
        <v>0</v>
      </c>
      <c r="DF32" s="278">
        <v>0</v>
      </c>
      <c r="DG32" s="283">
        <v>0</v>
      </c>
      <c r="DH32" s="277">
        <v>0</v>
      </c>
      <c r="DI32" s="281">
        <v>0</v>
      </c>
      <c r="DJ32" s="278">
        <v>0</v>
      </c>
      <c r="DK32" s="280">
        <v>0</v>
      </c>
      <c r="DL32" s="281">
        <v>0</v>
      </c>
      <c r="DM32" s="281">
        <v>0</v>
      </c>
      <c r="DN32" s="281">
        <v>0</v>
      </c>
      <c r="DO32" s="281">
        <v>0</v>
      </c>
      <c r="DP32" s="281">
        <v>0</v>
      </c>
      <c r="DQ32" s="278">
        <v>0</v>
      </c>
      <c r="DR32" s="283">
        <v>0</v>
      </c>
      <c r="DS32" s="277">
        <v>1</v>
      </c>
      <c r="DT32" s="281">
        <v>1</v>
      </c>
      <c r="DU32" s="278">
        <v>2</v>
      </c>
      <c r="DV32" s="280">
        <v>0</v>
      </c>
      <c r="DW32" s="281">
        <v>2</v>
      </c>
      <c r="DX32" s="281">
        <v>2</v>
      </c>
      <c r="DY32" s="281">
        <v>2</v>
      </c>
      <c r="DZ32" s="281">
        <v>4</v>
      </c>
      <c r="EA32" s="281">
        <v>0</v>
      </c>
      <c r="EB32" s="278">
        <v>10</v>
      </c>
      <c r="EC32" s="283">
        <v>12</v>
      </c>
      <c r="ED32" s="277">
        <v>0</v>
      </c>
      <c r="EE32" s="281">
        <v>0</v>
      </c>
      <c r="EF32" s="278">
        <v>0</v>
      </c>
      <c r="EG32" s="280">
        <v>0</v>
      </c>
      <c r="EH32" s="281">
        <v>2</v>
      </c>
      <c r="EI32" s="281">
        <v>0</v>
      </c>
      <c r="EJ32" s="281">
        <v>0</v>
      </c>
      <c r="EK32" s="281">
        <v>0</v>
      </c>
      <c r="EL32" s="281">
        <v>0</v>
      </c>
      <c r="EM32" s="278">
        <v>2</v>
      </c>
      <c r="EN32" s="283">
        <v>2</v>
      </c>
      <c r="EO32" s="277">
        <v>2</v>
      </c>
      <c r="EP32" s="281">
        <v>1</v>
      </c>
      <c r="EQ32" s="278">
        <v>3</v>
      </c>
      <c r="ER32" s="280">
        <v>0</v>
      </c>
      <c r="ES32" s="281">
        <v>4</v>
      </c>
      <c r="ET32" s="281">
        <v>3</v>
      </c>
      <c r="EU32" s="281">
        <v>2</v>
      </c>
      <c r="EV32" s="281">
        <v>5</v>
      </c>
      <c r="EW32" s="281">
        <v>0</v>
      </c>
      <c r="EX32" s="278">
        <v>14</v>
      </c>
      <c r="EY32" s="283">
        <v>17</v>
      </c>
    </row>
    <row r="33" spans="1:155" ht="19.5" customHeight="1" x14ac:dyDescent="0.2">
      <c r="A33" s="262" t="s">
        <v>31</v>
      </c>
      <c r="B33" s="277">
        <v>0</v>
      </c>
      <c r="C33" s="281">
        <v>0</v>
      </c>
      <c r="D33" s="385">
        <v>0</v>
      </c>
      <c r="E33" s="280">
        <v>0</v>
      </c>
      <c r="F33" s="281">
        <v>2</v>
      </c>
      <c r="G33" s="281">
        <v>0</v>
      </c>
      <c r="H33" s="281">
        <v>0</v>
      </c>
      <c r="I33" s="281">
        <v>1</v>
      </c>
      <c r="J33" s="281">
        <v>0</v>
      </c>
      <c r="K33" s="282">
        <v>3</v>
      </c>
      <c r="L33" s="283">
        <v>3</v>
      </c>
      <c r="M33" s="277">
        <v>0</v>
      </c>
      <c r="N33" s="281">
        <v>0</v>
      </c>
      <c r="O33" s="278">
        <v>0</v>
      </c>
      <c r="P33" s="280">
        <v>0</v>
      </c>
      <c r="Q33" s="281">
        <v>1</v>
      </c>
      <c r="R33" s="281">
        <v>1</v>
      </c>
      <c r="S33" s="281">
        <v>1</v>
      </c>
      <c r="T33" s="281">
        <v>0</v>
      </c>
      <c r="U33" s="281">
        <v>0</v>
      </c>
      <c r="V33" s="278">
        <v>3</v>
      </c>
      <c r="W33" s="283">
        <v>3</v>
      </c>
      <c r="X33" s="277">
        <v>0</v>
      </c>
      <c r="Y33" s="281">
        <v>0</v>
      </c>
      <c r="Z33" s="278">
        <v>0</v>
      </c>
      <c r="AA33" s="280">
        <v>0</v>
      </c>
      <c r="AB33" s="281">
        <v>2</v>
      </c>
      <c r="AC33" s="281">
        <v>0</v>
      </c>
      <c r="AD33" s="281">
        <v>1</v>
      </c>
      <c r="AE33" s="281">
        <v>1</v>
      </c>
      <c r="AF33" s="281">
        <v>0</v>
      </c>
      <c r="AG33" s="278">
        <v>4</v>
      </c>
      <c r="AH33" s="283">
        <v>4</v>
      </c>
      <c r="AI33" s="277">
        <v>0</v>
      </c>
      <c r="AJ33" s="281">
        <v>0</v>
      </c>
      <c r="AK33" s="278">
        <v>0</v>
      </c>
      <c r="AL33" s="280">
        <v>0</v>
      </c>
      <c r="AM33" s="281">
        <v>0</v>
      </c>
      <c r="AN33" s="281">
        <v>2</v>
      </c>
      <c r="AO33" s="281">
        <v>0</v>
      </c>
      <c r="AP33" s="281">
        <v>1</v>
      </c>
      <c r="AQ33" s="281">
        <v>0</v>
      </c>
      <c r="AR33" s="278">
        <v>3</v>
      </c>
      <c r="AS33" s="283">
        <v>3</v>
      </c>
      <c r="AT33" s="277">
        <v>0</v>
      </c>
      <c r="AU33" s="281">
        <v>0</v>
      </c>
      <c r="AV33" s="278">
        <v>0</v>
      </c>
      <c r="AW33" s="280">
        <v>0</v>
      </c>
      <c r="AX33" s="281">
        <v>0</v>
      </c>
      <c r="AY33" s="281">
        <v>2</v>
      </c>
      <c r="AZ33" s="281">
        <v>0</v>
      </c>
      <c r="BA33" s="281">
        <v>1</v>
      </c>
      <c r="BB33" s="281">
        <v>0</v>
      </c>
      <c r="BC33" s="282">
        <v>3</v>
      </c>
      <c r="BD33" s="283">
        <v>3</v>
      </c>
      <c r="BE33" s="277">
        <v>0</v>
      </c>
      <c r="BF33" s="281">
        <v>0</v>
      </c>
      <c r="BG33" s="278">
        <v>0</v>
      </c>
      <c r="BH33" s="280">
        <v>0</v>
      </c>
      <c r="BI33" s="281">
        <v>4</v>
      </c>
      <c r="BJ33" s="281">
        <v>3</v>
      </c>
      <c r="BK33" s="281">
        <v>1</v>
      </c>
      <c r="BL33" s="281">
        <v>1</v>
      </c>
      <c r="BM33" s="281">
        <v>0</v>
      </c>
      <c r="BN33" s="278">
        <v>9</v>
      </c>
      <c r="BO33" s="283">
        <v>9</v>
      </c>
      <c r="BP33" s="277">
        <v>0</v>
      </c>
      <c r="BQ33" s="281">
        <v>0</v>
      </c>
      <c r="BR33" s="278">
        <v>0</v>
      </c>
      <c r="BS33" s="280">
        <v>0</v>
      </c>
      <c r="BT33" s="281">
        <v>0</v>
      </c>
      <c r="BU33" s="281">
        <v>3</v>
      </c>
      <c r="BV33" s="281">
        <v>0</v>
      </c>
      <c r="BW33" s="281">
        <v>1</v>
      </c>
      <c r="BX33" s="281">
        <v>0</v>
      </c>
      <c r="BY33" s="278">
        <v>4</v>
      </c>
      <c r="BZ33" s="283">
        <v>4</v>
      </c>
      <c r="CA33" s="277">
        <v>0</v>
      </c>
      <c r="CB33" s="281">
        <v>0</v>
      </c>
      <c r="CC33" s="278">
        <v>0</v>
      </c>
      <c r="CD33" s="280">
        <v>0</v>
      </c>
      <c r="CE33" s="281">
        <v>1</v>
      </c>
      <c r="CF33" s="281">
        <v>3</v>
      </c>
      <c r="CG33" s="281">
        <v>0</v>
      </c>
      <c r="CH33" s="281">
        <v>1</v>
      </c>
      <c r="CI33" s="281">
        <v>0</v>
      </c>
      <c r="CJ33" s="278">
        <v>5</v>
      </c>
      <c r="CK33" s="283">
        <v>5</v>
      </c>
      <c r="CL33" s="277">
        <v>0</v>
      </c>
      <c r="CM33" s="281">
        <v>0</v>
      </c>
      <c r="CN33" s="278">
        <v>0</v>
      </c>
      <c r="CO33" s="280">
        <v>0</v>
      </c>
      <c r="CP33" s="281">
        <v>0</v>
      </c>
      <c r="CQ33" s="281">
        <v>0</v>
      </c>
      <c r="CR33" s="281">
        <v>0</v>
      </c>
      <c r="CS33" s="281">
        <v>0</v>
      </c>
      <c r="CT33" s="281">
        <v>0</v>
      </c>
      <c r="CU33" s="278">
        <v>0</v>
      </c>
      <c r="CV33" s="283">
        <v>0</v>
      </c>
      <c r="CW33" s="277">
        <v>0</v>
      </c>
      <c r="CX33" s="281">
        <v>0</v>
      </c>
      <c r="CY33" s="278">
        <v>0</v>
      </c>
      <c r="CZ33" s="280">
        <v>0</v>
      </c>
      <c r="DA33" s="281">
        <v>0</v>
      </c>
      <c r="DB33" s="281">
        <v>0</v>
      </c>
      <c r="DC33" s="281">
        <v>0</v>
      </c>
      <c r="DD33" s="281">
        <v>0</v>
      </c>
      <c r="DE33" s="281">
        <v>0</v>
      </c>
      <c r="DF33" s="278">
        <v>0</v>
      </c>
      <c r="DG33" s="283">
        <v>0</v>
      </c>
      <c r="DH33" s="277">
        <v>0</v>
      </c>
      <c r="DI33" s="281">
        <v>0</v>
      </c>
      <c r="DJ33" s="278">
        <v>0</v>
      </c>
      <c r="DK33" s="280">
        <v>0</v>
      </c>
      <c r="DL33" s="281">
        <v>0</v>
      </c>
      <c r="DM33" s="281">
        <v>0</v>
      </c>
      <c r="DN33" s="281">
        <v>0</v>
      </c>
      <c r="DO33" s="281">
        <v>0</v>
      </c>
      <c r="DP33" s="281">
        <v>0</v>
      </c>
      <c r="DQ33" s="278">
        <v>0</v>
      </c>
      <c r="DR33" s="283">
        <v>0</v>
      </c>
      <c r="DS33" s="277">
        <v>2</v>
      </c>
      <c r="DT33" s="281">
        <v>2</v>
      </c>
      <c r="DU33" s="278">
        <v>4</v>
      </c>
      <c r="DV33" s="280">
        <v>0</v>
      </c>
      <c r="DW33" s="281">
        <v>3</v>
      </c>
      <c r="DX33" s="281">
        <v>7</v>
      </c>
      <c r="DY33" s="281">
        <v>2</v>
      </c>
      <c r="DZ33" s="281">
        <v>2</v>
      </c>
      <c r="EA33" s="281">
        <v>0</v>
      </c>
      <c r="EB33" s="278">
        <v>14</v>
      </c>
      <c r="EC33" s="283">
        <v>18</v>
      </c>
      <c r="ED33" s="277">
        <v>0</v>
      </c>
      <c r="EE33" s="281">
        <v>0</v>
      </c>
      <c r="EF33" s="278">
        <v>0</v>
      </c>
      <c r="EG33" s="280">
        <v>0</v>
      </c>
      <c r="EH33" s="281">
        <v>0</v>
      </c>
      <c r="EI33" s="281">
        <v>1</v>
      </c>
      <c r="EJ33" s="281">
        <v>1</v>
      </c>
      <c r="EK33" s="281">
        <v>0</v>
      </c>
      <c r="EL33" s="281">
        <v>0</v>
      </c>
      <c r="EM33" s="278">
        <v>2</v>
      </c>
      <c r="EN33" s="283">
        <v>2</v>
      </c>
      <c r="EO33" s="277">
        <v>2</v>
      </c>
      <c r="EP33" s="281">
        <v>2</v>
      </c>
      <c r="EQ33" s="278">
        <v>4</v>
      </c>
      <c r="ER33" s="280">
        <v>0</v>
      </c>
      <c r="ES33" s="281">
        <v>7</v>
      </c>
      <c r="ET33" s="281">
        <v>11</v>
      </c>
      <c r="EU33" s="281">
        <v>2</v>
      </c>
      <c r="EV33" s="281">
        <v>3</v>
      </c>
      <c r="EW33" s="281">
        <v>0</v>
      </c>
      <c r="EX33" s="278">
        <v>23</v>
      </c>
      <c r="EY33" s="283">
        <v>27</v>
      </c>
    </row>
    <row r="34" spans="1:155" ht="19.5" customHeight="1" x14ac:dyDescent="0.2">
      <c r="A34" s="262" t="s">
        <v>32</v>
      </c>
      <c r="B34" s="277">
        <v>0</v>
      </c>
      <c r="C34" s="281">
        <v>0</v>
      </c>
      <c r="D34" s="385">
        <v>0</v>
      </c>
      <c r="E34" s="280">
        <v>0</v>
      </c>
      <c r="F34" s="281">
        <v>0</v>
      </c>
      <c r="G34" s="281">
        <v>1</v>
      </c>
      <c r="H34" s="281">
        <v>1</v>
      </c>
      <c r="I34" s="281">
        <v>1</v>
      </c>
      <c r="J34" s="281">
        <v>1</v>
      </c>
      <c r="K34" s="282">
        <v>4</v>
      </c>
      <c r="L34" s="283">
        <v>4</v>
      </c>
      <c r="M34" s="277">
        <v>0</v>
      </c>
      <c r="N34" s="281">
        <v>0</v>
      </c>
      <c r="O34" s="278">
        <v>0</v>
      </c>
      <c r="P34" s="280">
        <v>0</v>
      </c>
      <c r="Q34" s="281">
        <v>0</v>
      </c>
      <c r="R34" s="281">
        <v>0</v>
      </c>
      <c r="S34" s="281">
        <v>0</v>
      </c>
      <c r="T34" s="281">
        <v>0</v>
      </c>
      <c r="U34" s="281">
        <v>0</v>
      </c>
      <c r="V34" s="278">
        <v>0</v>
      </c>
      <c r="W34" s="283">
        <v>0</v>
      </c>
      <c r="X34" s="277">
        <v>0</v>
      </c>
      <c r="Y34" s="281">
        <v>1</v>
      </c>
      <c r="Z34" s="278">
        <v>1</v>
      </c>
      <c r="AA34" s="280">
        <v>0</v>
      </c>
      <c r="AB34" s="281">
        <v>2</v>
      </c>
      <c r="AC34" s="281">
        <v>2</v>
      </c>
      <c r="AD34" s="281">
        <v>1</v>
      </c>
      <c r="AE34" s="281">
        <v>1</v>
      </c>
      <c r="AF34" s="281">
        <v>0</v>
      </c>
      <c r="AG34" s="278">
        <v>6</v>
      </c>
      <c r="AH34" s="283">
        <v>7</v>
      </c>
      <c r="AI34" s="277">
        <v>0</v>
      </c>
      <c r="AJ34" s="281">
        <v>0</v>
      </c>
      <c r="AK34" s="278">
        <v>0</v>
      </c>
      <c r="AL34" s="280">
        <v>0</v>
      </c>
      <c r="AM34" s="281">
        <v>0</v>
      </c>
      <c r="AN34" s="281">
        <v>0</v>
      </c>
      <c r="AO34" s="281">
        <v>0</v>
      </c>
      <c r="AP34" s="281">
        <v>0</v>
      </c>
      <c r="AQ34" s="281">
        <v>0</v>
      </c>
      <c r="AR34" s="278">
        <v>0</v>
      </c>
      <c r="AS34" s="283">
        <v>0</v>
      </c>
      <c r="AT34" s="277">
        <v>0</v>
      </c>
      <c r="AU34" s="281">
        <v>0</v>
      </c>
      <c r="AV34" s="278">
        <v>0</v>
      </c>
      <c r="AW34" s="280">
        <v>0</v>
      </c>
      <c r="AX34" s="281">
        <v>0</v>
      </c>
      <c r="AY34" s="281">
        <v>1</v>
      </c>
      <c r="AZ34" s="281">
        <v>4</v>
      </c>
      <c r="BA34" s="281">
        <v>3</v>
      </c>
      <c r="BB34" s="281">
        <v>0</v>
      </c>
      <c r="BC34" s="282">
        <v>8</v>
      </c>
      <c r="BD34" s="283">
        <v>8</v>
      </c>
      <c r="BE34" s="277">
        <v>0</v>
      </c>
      <c r="BF34" s="281">
        <v>0</v>
      </c>
      <c r="BG34" s="278">
        <v>0</v>
      </c>
      <c r="BH34" s="280">
        <v>0</v>
      </c>
      <c r="BI34" s="281">
        <v>3</v>
      </c>
      <c r="BJ34" s="281">
        <v>1</v>
      </c>
      <c r="BK34" s="281">
        <v>1</v>
      </c>
      <c r="BL34" s="281">
        <v>0</v>
      </c>
      <c r="BM34" s="281">
        <v>1</v>
      </c>
      <c r="BN34" s="278">
        <v>6</v>
      </c>
      <c r="BO34" s="283">
        <v>6</v>
      </c>
      <c r="BP34" s="277">
        <v>0</v>
      </c>
      <c r="BQ34" s="281">
        <v>0</v>
      </c>
      <c r="BR34" s="278">
        <v>0</v>
      </c>
      <c r="BS34" s="280">
        <v>0</v>
      </c>
      <c r="BT34" s="281">
        <v>2</v>
      </c>
      <c r="BU34" s="281">
        <v>0</v>
      </c>
      <c r="BV34" s="281">
        <v>0</v>
      </c>
      <c r="BW34" s="281">
        <v>0</v>
      </c>
      <c r="BX34" s="281">
        <v>1</v>
      </c>
      <c r="BY34" s="278">
        <v>3</v>
      </c>
      <c r="BZ34" s="283">
        <v>3</v>
      </c>
      <c r="CA34" s="277">
        <v>0</v>
      </c>
      <c r="CB34" s="281">
        <v>0</v>
      </c>
      <c r="CC34" s="278">
        <v>0</v>
      </c>
      <c r="CD34" s="280">
        <v>0</v>
      </c>
      <c r="CE34" s="281">
        <v>0</v>
      </c>
      <c r="CF34" s="281">
        <v>0</v>
      </c>
      <c r="CG34" s="281">
        <v>2</v>
      </c>
      <c r="CH34" s="281">
        <v>0</v>
      </c>
      <c r="CI34" s="281">
        <v>0</v>
      </c>
      <c r="CJ34" s="278">
        <v>2</v>
      </c>
      <c r="CK34" s="283">
        <v>2</v>
      </c>
      <c r="CL34" s="277">
        <v>0</v>
      </c>
      <c r="CM34" s="281">
        <v>0</v>
      </c>
      <c r="CN34" s="278">
        <v>0</v>
      </c>
      <c r="CO34" s="280">
        <v>0</v>
      </c>
      <c r="CP34" s="281">
        <v>0</v>
      </c>
      <c r="CQ34" s="281">
        <v>0</v>
      </c>
      <c r="CR34" s="281">
        <v>0</v>
      </c>
      <c r="CS34" s="281">
        <v>0</v>
      </c>
      <c r="CT34" s="281">
        <v>0</v>
      </c>
      <c r="CU34" s="278">
        <v>0</v>
      </c>
      <c r="CV34" s="283">
        <v>0</v>
      </c>
      <c r="CW34" s="277">
        <v>0</v>
      </c>
      <c r="CX34" s="281">
        <v>0</v>
      </c>
      <c r="CY34" s="278">
        <v>0</v>
      </c>
      <c r="CZ34" s="280">
        <v>0</v>
      </c>
      <c r="DA34" s="281">
        <v>0</v>
      </c>
      <c r="DB34" s="281">
        <v>0</v>
      </c>
      <c r="DC34" s="281">
        <v>0</v>
      </c>
      <c r="DD34" s="281">
        <v>0</v>
      </c>
      <c r="DE34" s="281">
        <v>0</v>
      </c>
      <c r="DF34" s="278">
        <v>0</v>
      </c>
      <c r="DG34" s="283">
        <v>0</v>
      </c>
      <c r="DH34" s="277">
        <v>0</v>
      </c>
      <c r="DI34" s="281">
        <v>0</v>
      </c>
      <c r="DJ34" s="278">
        <v>0</v>
      </c>
      <c r="DK34" s="280">
        <v>0</v>
      </c>
      <c r="DL34" s="281">
        <v>0</v>
      </c>
      <c r="DM34" s="281">
        <v>0</v>
      </c>
      <c r="DN34" s="281">
        <v>0</v>
      </c>
      <c r="DO34" s="281">
        <v>0</v>
      </c>
      <c r="DP34" s="281">
        <v>0</v>
      </c>
      <c r="DQ34" s="278">
        <v>0</v>
      </c>
      <c r="DR34" s="283">
        <v>0</v>
      </c>
      <c r="DS34" s="277">
        <v>0</v>
      </c>
      <c r="DT34" s="281">
        <v>3</v>
      </c>
      <c r="DU34" s="278">
        <v>3</v>
      </c>
      <c r="DV34" s="280">
        <v>0</v>
      </c>
      <c r="DW34" s="281">
        <v>5</v>
      </c>
      <c r="DX34" s="281">
        <v>6</v>
      </c>
      <c r="DY34" s="281">
        <v>3</v>
      </c>
      <c r="DZ34" s="281">
        <v>1</v>
      </c>
      <c r="EA34" s="281">
        <v>1</v>
      </c>
      <c r="EB34" s="278">
        <v>16</v>
      </c>
      <c r="EC34" s="283">
        <v>19</v>
      </c>
      <c r="ED34" s="277">
        <v>0</v>
      </c>
      <c r="EE34" s="281">
        <v>1</v>
      </c>
      <c r="EF34" s="278">
        <v>1</v>
      </c>
      <c r="EG34" s="280">
        <v>0</v>
      </c>
      <c r="EH34" s="281">
        <v>0</v>
      </c>
      <c r="EI34" s="281">
        <v>1</v>
      </c>
      <c r="EJ34" s="281">
        <v>1</v>
      </c>
      <c r="EK34" s="281">
        <v>2</v>
      </c>
      <c r="EL34" s="281">
        <v>0</v>
      </c>
      <c r="EM34" s="278">
        <v>4</v>
      </c>
      <c r="EN34" s="283">
        <v>5</v>
      </c>
      <c r="EO34" s="277">
        <v>0</v>
      </c>
      <c r="EP34" s="281">
        <v>3</v>
      </c>
      <c r="EQ34" s="278">
        <v>3</v>
      </c>
      <c r="ER34" s="280">
        <v>0</v>
      </c>
      <c r="ES34" s="281">
        <v>9</v>
      </c>
      <c r="ET34" s="281">
        <v>7</v>
      </c>
      <c r="EU34" s="281">
        <v>3</v>
      </c>
      <c r="EV34" s="281">
        <v>2</v>
      </c>
      <c r="EW34" s="281">
        <v>2</v>
      </c>
      <c r="EX34" s="278">
        <v>23</v>
      </c>
      <c r="EY34" s="283">
        <v>26</v>
      </c>
    </row>
    <row r="35" spans="1:155" ht="19.5" customHeight="1" x14ac:dyDescent="0.2">
      <c r="A35" s="262" t="s">
        <v>33</v>
      </c>
      <c r="B35" s="277">
        <v>0</v>
      </c>
      <c r="C35" s="281">
        <v>0</v>
      </c>
      <c r="D35" s="385">
        <v>0</v>
      </c>
      <c r="E35" s="280">
        <v>0</v>
      </c>
      <c r="F35" s="281">
        <v>2</v>
      </c>
      <c r="G35" s="281">
        <v>0</v>
      </c>
      <c r="H35" s="281">
        <v>0</v>
      </c>
      <c r="I35" s="281">
        <v>0</v>
      </c>
      <c r="J35" s="281">
        <v>0</v>
      </c>
      <c r="K35" s="282">
        <v>2</v>
      </c>
      <c r="L35" s="283">
        <v>2</v>
      </c>
      <c r="M35" s="277">
        <v>0</v>
      </c>
      <c r="N35" s="281">
        <v>0</v>
      </c>
      <c r="O35" s="278">
        <v>0</v>
      </c>
      <c r="P35" s="280">
        <v>0</v>
      </c>
      <c r="Q35" s="281">
        <v>0</v>
      </c>
      <c r="R35" s="281">
        <v>0</v>
      </c>
      <c r="S35" s="281">
        <v>0</v>
      </c>
      <c r="T35" s="281">
        <v>0</v>
      </c>
      <c r="U35" s="281">
        <v>0</v>
      </c>
      <c r="V35" s="278">
        <v>0</v>
      </c>
      <c r="W35" s="283">
        <v>0</v>
      </c>
      <c r="X35" s="277">
        <v>0</v>
      </c>
      <c r="Y35" s="281">
        <v>0</v>
      </c>
      <c r="Z35" s="278">
        <v>0</v>
      </c>
      <c r="AA35" s="280">
        <v>0</v>
      </c>
      <c r="AB35" s="281">
        <v>2</v>
      </c>
      <c r="AC35" s="281">
        <v>0</v>
      </c>
      <c r="AD35" s="281">
        <v>0</v>
      </c>
      <c r="AE35" s="281">
        <v>0</v>
      </c>
      <c r="AF35" s="281">
        <v>0</v>
      </c>
      <c r="AG35" s="278">
        <v>2</v>
      </c>
      <c r="AH35" s="283">
        <v>2</v>
      </c>
      <c r="AI35" s="277">
        <v>2</v>
      </c>
      <c r="AJ35" s="281">
        <v>2</v>
      </c>
      <c r="AK35" s="278">
        <v>4</v>
      </c>
      <c r="AL35" s="280">
        <v>0</v>
      </c>
      <c r="AM35" s="281">
        <v>0</v>
      </c>
      <c r="AN35" s="281">
        <v>0</v>
      </c>
      <c r="AO35" s="281">
        <v>0</v>
      </c>
      <c r="AP35" s="281">
        <v>0</v>
      </c>
      <c r="AQ35" s="281">
        <v>0</v>
      </c>
      <c r="AR35" s="278">
        <v>0</v>
      </c>
      <c r="AS35" s="283">
        <v>4</v>
      </c>
      <c r="AT35" s="277">
        <v>0</v>
      </c>
      <c r="AU35" s="281">
        <v>0</v>
      </c>
      <c r="AV35" s="278">
        <v>0</v>
      </c>
      <c r="AW35" s="280">
        <v>0</v>
      </c>
      <c r="AX35" s="281">
        <v>1</v>
      </c>
      <c r="AY35" s="281">
        <v>0</v>
      </c>
      <c r="AZ35" s="281">
        <v>1</v>
      </c>
      <c r="BA35" s="281">
        <v>0</v>
      </c>
      <c r="BB35" s="281">
        <v>0</v>
      </c>
      <c r="BC35" s="282">
        <v>2</v>
      </c>
      <c r="BD35" s="283">
        <v>2</v>
      </c>
      <c r="BE35" s="277">
        <v>0</v>
      </c>
      <c r="BF35" s="281">
        <v>0</v>
      </c>
      <c r="BG35" s="278">
        <v>0</v>
      </c>
      <c r="BH35" s="280">
        <v>0</v>
      </c>
      <c r="BI35" s="281">
        <v>1</v>
      </c>
      <c r="BJ35" s="281">
        <v>0</v>
      </c>
      <c r="BK35" s="281">
        <v>0</v>
      </c>
      <c r="BL35" s="281">
        <v>0</v>
      </c>
      <c r="BM35" s="281">
        <v>0</v>
      </c>
      <c r="BN35" s="278">
        <v>1</v>
      </c>
      <c r="BO35" s="283">
        <v>1</v>
      </c>
      <c r="BP35" s="277">
        <v>0</v>
      </c>
      <c r="BQ35" s="281">
        <v>0</v>
      </c>
      <c r="BR35" s="278">
        <v>0</v>
      </c>
      <c r="BS35" s="280">
        <v>0</v>
      </c>
      <c r="BT35" s="281">
        <v>1</v>
      </c>
      <c r="BU35" s="281">
        <v>3</v>
      </c>
      <c r="BV35" s="281">
        <v>0</v>
      </c>
      <c r="BW35" s="281">
        <v>0</v>
      </c>
      <c r="BX35" s="281">
        <v>0</v>
      </c>
      <c r="BY35" s="278">
        <v>4</v>
      </c>
      <c r="BZ35" s="283">
        <v>4</v>
      </c>
      <c r="CA35" s="277">
        <v>0</v>
      </c>
      <c r="CB35" s="281">
        <v>0</v>
      </c>
      <c r="CC35" s="278">
        <v>0</v>
      </c>
      <c r="CD35" s="280">
        <v>0</v>
      </c>
      <c r="CE35" s="281">
        <v>0</v>
      </c>
      <c r="CF35" s="281">
        <v>0</v>
      </c>
      <c r="CG35" s="281">
        <v>0</v>
      </c>
      <c r="CH35" s="281">
        <v>0</v>
      </c>
      <c r="CI35" s="281">
        <v>0</v>
      </c>
      <c r="CJ35" s="278">
        <v>0</v>
      </c>
      <c r="CK35" s="283">
        <v>0</v>
      </c>
      <c r="CL35" s="277">
        <v>0</v>
      </c>
      <c r="CM35" s="281">
        <v>0</v>
      </c>
      <c r="CN35" s="278">
        <v>0</v>
      </c>
      <c r="CO35" s="280">
        <v>0</v>
      </c>
      <c r="CP35" s="281">
        <v>0</v>
      </c>
      <c r="CQ35" s="281">
        <v>1</v>
      </c>
      <c r="CR35" s="281">
        <v>0</v>
      </c>
      <c r="CS35" s="281">
        <v>0</v>
      </c>
      <c r="CT35" s="281">
        <v>0</v>
      </c>
      <c r="CU35" s="278">
        <v>1</v>
      </c>
      <c r="CV35" s="283">
        <v>1</v>
      </c>
      <c r="CW35" s="277">
        <v>0</v>
      </c>
      <c r="CX35" s="281">
        <v>0</v>
      </c>
      <c r="CY35" s="278">
        <v>0</v>
      </c>
      <c r="CZ35" s="280">
        <v>0</v>
      </c>
      <c r="DA35" s="281">
        <v>0</v>
      </c>
      <c r="DB35" s="281">
        <v>0</v>
      </c>
      <c r="DC35" s="281">
        <v>0</v>
      </c>
      <c r="DD35" s="281">
        <v>0</v>
      </c>
      <c r="DE35" s="281">
        <v>0</v>
      </c>
      <c r="DF35" s="278">
        <v>0</v>
      </c>
      <c r="DG35" s="283">
        <v>0</v>
      </c>
      <c r="DH35" s="277">
        <v>0</v>
      </c>
      <c r="DI35" s="281">
        <v>0</v>
      </c>
      <c r="DJ35" s="278">
        <v>0</v>
      </c>
      <c r="DK35" s="280">
        <v>0</v>
      </c>
      <c r="DL35" s="281">
        <v>0</v>
      </c>
      <c r="DM35" s="281">
        <v>0</v>
      </c>
      <c r="DN35" s="281">
        <v>0</v>
      </c>
      <c r="DO35" s="281">
        <v>0</v>
      </c>
      <c r="DP35" s="281">
        <v>0</v>
      </c>
      <c r="DQ35" s="278">
        <v>0</v>
      </c>
      <c r="DR35" s="283">
        <v>0</v>
      </c>
      <c r="DS35" s="277">
        <v>1</v>
      </c>
      <c r="DT35" s="281">
        <v>0</v>
      </c>
      <c r="DU35" s="278">
        <v>1</v>
      </c>
      <c r="DV35" s="280">
        <v>0</v>
      </c>
      <c r="DW35" s="281">
        <v>3</v>
      </c>
      <c r="DX35" s="281">
        <v>1</v>
      </c>
      <c r="DY35" s="281">
        <v>1</v>
      </c>
      <c r="DZ35" s="281">
        <v>0</v>
      </c>
      <c r="EA35" s="281">
        <v>0</v>
      </c>
      <c r="EB35" s="278">
        <v>5</v>
      </c>
      <c r="EC35" s="283">
        <v>6</v>
      </c>
      <c r="ED35" s="277">
        <v>0</v>
      </c>
      <c r="EE35" s="281">
        <v>0</v>
      </c>
      <c r="EF35" s="278">
        <v>0</v>
      </c>
      <c r="EG35" s="280">
        <v>0</v>
      </c>
      <c r="EH35" s="281">
        <v>0</v>
      </c>
      <c r="EI35" s="281">
        <v>0</v>
      </c>
      <c r="EJ35" s="281">
        <v>0</v>
      </c>
      <c r="EK35" s="281">
        <v>0</v>
      </c>
      <c r="EL35" s="281">
        <v>0</v>
      </c>
      <c r="EM35" s="278">
        <v>0</v>
      </c>
      <c r="EN35" s="283">
        <v>0</v>
      </c>
      <c r="EO35" s="277">
        <v>3</v>
      </c>
      <c r="EP35" s="281">
        <v>2</v>
      </c>
      <c r="EQ35" s="278">
        <v>5</v>
      </c>
      <c r="ER35" s="280">
        <v>0</v>
      </c>
      <c r="ES35" s="281">
        <v>5</v>
      </c>
      <c r="ET35" s="281">
        <v>3</v>
      </c>
      <c r="EU35" s="281">
        <v>0</v>
      </c>
      <c r="EV35" s="281">
        <v>0</v>
      </c>
      <c r="EW35" s="281">
        <v>0</v>
      </c>
      <c r="EX35" s="278">
        <v>8</v>
      </c>
      <c r="EY35" s="283">
        <v>13</v>
      </c>
    </row>
    <row r="36" spans="1:155" ht="19.5" customHeight="1" x14ac:dyDescent="0.2">
      <c r="A36" s="262" t="s">
        <v>34</v>
      </c>
      <c r="B36" s="277">
        <v>0</v>
      </c>
      <c r="C36" s="281">
        <v>0</v>
      </c>
      <c r="D36" s="385">
        <v>0</v>
      </c>
      <c r="E36" s="280">
        <v>0</v>
      </c>
      <c r="F36" s="281">
        <v>1</v>
      </c>
      <c r="G36" s="281">
        <v>0</v>
      </c>
      <c r="H36" s="281">
        <v>0</v>
      </c>
      <c r="I36" s="281">
        <v>0</v>
      </c>
      <c r="J36" s="281">
        <v>0</v>
      </c>
      <c r="K36" s="282">
        <v>1</v>
      </c>
      <c r="L36" s="283">
        <v>1</v>
      </c>
      <c r="M36" s="277">
        <v>0</v>
      </c>
      <c r="N36" s="281">
        <v>0</v>
      </c>
      <c r="O36" s="278">
        <v>0</v>
      </c>
      <c r="P36" s="280">
        <v>0</v>
      </c>
      <c r="Q36" s="281">
        <v>0</v>
      </c>
      <c r="R36" s="281">
        <v>0</v>
      </c>
      <c r="S36" s="281">
        <v>0</v>
      </c>
      <c r="T36" s="281">
        <v>0</v>
      </c>
      <c r="U36" s="281">
        <v>0</v>
      </c>
      <c r="V36" s="278">
        <v>0</v>
      </c>
      <c r="W36" s="283">
        <v>0</v>
      </c>
      <c r="X36" s="277">
        <v>0</v>
      </c>
      <c r="Y36" s="281">
        <v>1</v>
      </c>
      <c r="Z36" s="278">
        <v>1</v>
      </c>
      <c r="AA36" s="280">
        <v>0</v>
      </c>
      <c r="AB36" s="281">
        <v>1</v>
      </c>
      <c r="AC36" s="281">
        <v>1</v>
      </c>
      <c r="AD36" s="281">
        <v>0</v>
      </c>
      <c r="AE36" s="281">
        <v>0</v>
      </c>
      <c r="AF36" s="281">
        <v>0</v>
      </c>
      <c r="AG36" s="278">
        <v>2</v>
      </c>
      <c r="AH36" s="283">
        <v>3</v>
      </c>
      <c r="AI36" s="277">
        <v>0</v>
      </c>
      <c r="AJ36" s="281">
        <v>0</v>
      </c>
      <c r="AK36" s="278">
        <v>0</v>
      </c>
      <c r="AL36" s="280">
        <v>0</v>
      </c>
      <c r="AM36" s="281">
        <v>0</v>
      </c>
      <c r="AN36" s="281">
        <v>1</v>
      </c>
      <c r="AO36" s="281">
        <v>0</v>
      </c>
      <c r="AP36" s="281">
        <v>0</v>
      </c>
      <c r="AQ36" s="281">
        <v>0</v>
      </c>
      <c r="AR36" s="278">
        <v>1</v>
      </c>
      <c r="AS36" s="283">
        <v>1</v>
      </c>
      <c r="AT36" s="277">
        <v>0</v>
      </c>
      <c r="AU36" s="281">
        <v>0</v>
      </c>
      <c r="AV36" s="278">
        <v>0</v>
      </c>
      <c r="AW36" s="280">
        <v>0</v>
      </c>
      <c r="AX36" s="281">
        <v>2</v>
      </c>
      <c r="AY36" s="281">
        <v>1</v>
      </c>
      <c r="AZ36" s="281">
        <v>1</v>
      </c>
      <c r="BA36" s="281">
        <v>0</v>
      </c>
      <c r="BB36" s="281">
        <v>1</v>
      </c>
      <c r="BC36" s="282">
        <v>5</v>
      </c>
      <c r="BD36" s="283">
        <v>5</v>
      </c>
      <c r="BE36" s="277">
        <v>0</v>
      </c>
      <c r="BF36" s="281">
        <v>0</v>
      </c>
      <c r="BG36" s="278">
        <v>0</v>
      </c>
      <c r="BH36" s="280">
        <v>0</v>
      </c>
      <c r="BI36" s="281">
        <v>1</v>
      </c>
      <c r="BJ36" s="281">
        <v>1</v>
      </c>
      <c r="BK36" s="281">
        <v>0</v>
      </c>
      <c r="BL36" s="281">
        <v>0</v>
      </c>
      <c r="BM36" s="281">
        <v>0</v>
      </c>
      <c r="BN36" s="278">
        <v>2</v>
      </c>
      <c r="BO36" s="283">
        <v>2</v>
      </c>
      <c r="BP36" s="277">
        <v>0</v>
      </c>
      <c r="BQ36" s="281">
        <v>0</v>
      </c>
      <c r="BR36" s="278">
        <v>0</v>
      </c>
      <c r="BS36" s="280">
        <v>0</v>
      </c>
      <c r="BT36" s="281">
        <v>1</v>
      </c>
      <c r="BU36" s="281">
        <v>1</v>
      </c>
      <c r="BV36" s="281">
        <v>0</v>
      </c>
      <c r="BW36" s="281">
        <v>0</v>
      </c>
      <c r="BX36" s="281">
        <v>0</v>
      </c>
      <c r="BY36" s="278">
        <v>2</v>
      </c>
      <c r="BZ36" s="283">
        <v>2</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0</v>
      </c>
      <c r="CQ36" s="281">
        <v>0</v>
      </c>
      <c r="CR36" s="281">
        <v>0</v>
      </c>
      <c r="CS36" s="281">
        <v>0</v>
      </c>
      <c r="CT36" s="281">
        <v>0</v>
      </c>
      <c r="CU36" s="278">
        <v>0</v>
      </c>
      <c r="CV36" s="283">
        <v>0</v>
      </c>
      <c r="CW36" s="277">
        <v>0</v>
      </c>
      <c r="CX36" s="281">
        <v>0</v>
      </c>
      <c r="CY36" s="278">
        <v>0</v>
      </c>
      <c r="CZ36" s="280">
        <v>0</v>
      </c>
      <c r="DA36" s="281">
        <v>0</v>
      </c>
      <c r="DB36" s="281">
        <v>0</v>
      </c>
      <c r="DC36" s="281">
        <v>0</v>
      </c>
      <c r="DD36" s="281">
        <v>0</v>
      </c>
      <c r="DE36" s="281">
        <v>0</v>
      </c>
      <c r="DF36" s="278">
        <v>0</v>
      </c>
      <c r="DG36" s="283">
        <v>0</v>
      </c>
      <c r="DH36" s="277">
        <v>0</v>
      </c>
      <c r="DI36" s="281">
        <v>0</v>
      </c>
      <c r="DJ36" s="278">
        <v>0</v>
      </c>
      <c r="DK36" s="280">
        <v>0</v>
      </c>
      <c r="DL36" s="281">
        <v>0</v>
      </c>
      <c r="DM36" s="281">
        <v>0</v>
      </c>
      <c r="DN36" s="281">
        <v>0</v>
      </c>
      <c r="DO36" s="281">
        <v>0</v>
      </c>
      <c r="DP36" s="281">
        <v>0</v>
      </c>
      <c r="DQ36" s="278">
        <v>0</v>
      </c>
      <c r="DR36" s="283">
        <v>0</v>
      </c>
      <c r="DS36" s="277">
        <v>0</v>
      </c>
      <c r="DT36" s="281">
        <v>0</v>
      </c>
      <c r="DU36" s="278">
        <v>0</v>
      </c>
      <c r="DV36" s="280">
        <v>0</v>
      </c>
      <c r="DW36" s="281">
        <v>2</v>
      </c>
      <c r="DX36" s="281">
        <v>1</v>
      </c>
      <c r="DY36" s="281">
        <v>3</v>
      </c>
      <c r="DZ36" s="281">
        <v>0</v>
      </c>
      <c r="EA36" s="281">
        <v>0</v>
      </c>
      <c r="EB36" s="278">
        <v>6</v>
      </c>
      <c r="EC36" s="283">
        <v>6</v>
      </c>
      <c r="ED36" s="277">
        <v>0</v>
      </c>
      <c r="EE36" s="281">
        <v>0</v>
      </c>
      <c r="EF36" s="278">
        <v>0</v>
      </c>
      <c r="EG36" s="280">
        <v>0</v>
      </c>
      <c r="EH36" s="281">
        <v>1</v>
      </c>
      <c r="EI36" s="281">
        <v>0</v>
      </c>
      <c r="EJ36" s="281">
        <v>1</v>
      </c>
      <c r="EK36" s="281">
        <v>0</v>
      </c>
      <c r="EL36" s="281">
        <v>1</v>
      </c>
      <c r="EM36" s="278">
        <v>3</v>
      </c>
      <c r="EN36" s="283">
        <v>3</v>
      </c>
      <c r="EO36" s="277">
        <v>0</v>
      </c>
      <c r="EP36" s="281">
        <v>1</v>
      </c>
      <c r="EQ36" s="278">
        <v>1</v>
      </c>
      <c r="ER36" s="280">
        <v>0</v>
      </c>
      <c r="ES36" s="281">
        <v>5</v>
      </c>
      <c r="ET36" s="281">
        <v>3</v>
      </c>
      <c r="EU36" s="281">
        <v>2</v>
      </c>
      <c r="EV36" s="281">
        <v>0</v>
      </c>
      <c r="EW36" s="281">
        <v>0</v>
      </c>
      <c r="EX36" s="278">
        <v>10</v>
      </c>
      <c r="EY36" s="283">
        <v>11</v>
      </c>
    </row>
    <row r="37" spans="1:155" ht="19.5" customHeight="1" x14ac:dyDescent="0.2">
      <c r="A37" s="262" t="s">
        <v>35</v>
      </c>
      <c r="B37" s="277">
        <v>0</v>
      </c>
      <c r="C37" s="281">
        <v>0</v>
      </c>
      <c r="D37" s="385">
        <v>0</v>
      </c>
      <c r="E37" s="280">
        <v>0</v>
      </c>
      <c r="F37" s="281">
        <v>3</v>
      </c>
      <c r="G37" s="281">
        <v>4</v>
      </c>
      <c r="H37" s="281">
        <v>0</v>
      </c>
      <c r="I37" s="281">
        <v>0</v>
      </c>
      <c r="J37" s="281">
        <v>1</v>
      </c>
      <c r="K37" s="282">
        <v>8</v>
      </c>
      <c r="L37" s="283">
        <v>8</v>
      </c>
      <c r="M37" s="277">
        <v>0</v>
      </c>
      <c r="N37" s="281">
        <v>0</v>
      </c>
      <c r="O37" s="278">
        <v>0</v>
      </c>
      <c r="P37" s="280">
        <v>0</v>
      </c>
      <c r="Q37" s="281">
        <v>0</v>
      </c>
      <c r="R37" s="281">
        <v>0</v>
      </c>
      <c r="S37" s="281">
        <v>0</v>
      </c>
      <c r="T37" s="281">
        <v>0</v>
      </c>
      <c r="U37" s="281">
        <v>1</v>
      </c>
      <c r="V37" s="278">
        <v>1</v>
      </c>
      <c r="W37" s="283">
        <v>1</v>
      </c>
      <c r="X37" s="277">
        <v>0</v>
      </c>
      <c r="Y37" s="281">
        <v>0</v>
      </c>
      <c r="Z37" s="278">
        <v>0</v>
      </c>
      <c r="AA37" s="280">
        <v>0</v>
      </c>
      <c r="AB37" s="281">
        <v>0</v>
      </c>
      <c r="AC37" s="281">
        <v>5</v>
      </c>
      <c r="AD37" s="281">
        <v>0</v>
      </c>
      <c r="AE37" s="281">
        <v>0</v>
      </c>
      <c r="AF37" s="281">
        <v>0</v>
      </c>
      <c r="AG37" s="278">
        <v>5</v>
      </c>
      <c r="AH37" s="283">
        <v>5</v>
      </c>
      <c r="AI37" s="277">
        <v>0</v>
      </c>
      <c r="AJ37" s="281">
        <v>0</v>
      </c>
      <c r="AK37" s="278">
        <v>0</v>
      </c>
      <c r="AL37" s="280">
        <v>0</v>
      </c>
      <c r="AM37" s="281">
        <v>2</v>
      </c>
      <c r="AN37" s="281">
        <v>1</v>
      </c>
      <c r="AO37" s="281">
        <v>1</v>
      </c>
      <c r="AP37" s="281">
        <v>0</v>
      </c>
      <c r="AQ37" s="281">
        <v>0</v>
      </c>
      <c r="AR37" s="278">
        <v>4</v>
      </c>
      <c r="AS37" s="283">
        <v>4</v>
      </c>
      <c r="AT37" s="277">
        <v>4</v>
      </c>
      <c r="AU37" s="281">
        <v>2</v>
      </c>
      <c r="AV37" s="278">
        <v>6</v>
      </c>
      <c r="AW37" s="280">
        <v>0</v>
      </c>
      <c r="AX37" s="281">
        <v>6</v>
      </c>
      <c r="AY37" s="281">
        <v>9</v>
      </c>
      <c r="AZ37" s="281">
        <v>3</v>
      </c>
      <c r="BA37" s="281">
        <v>3</v>
      </c>
      <c r="BB37" s="281">
        <v>2</v>
      </c>
      <c r="BC37" s="282">
        <v>23</v>
      </c>
      <c r="BD37" s="283">
        <v>29</v>
      </c>
      <c r="BE37" s="277">
        <v>0</v>
      </c>
      <c r="BF37" s="281">
        <v>0</v>
      </c>
      <c r="BG37" s="278">
        <v>0</v>
      </c>
      <c r="BH37" s="280">
        <v>0</v>
      </c>
      <c r="BI37" s="281">
        <v>5</v>
      </c>
      <c r="BJ37" s="281">
        <v>6</v>
      </c>
      <c r="BK37" s="281">
        <v>1</v>
      </c>
      <c r="BL37" s="281">
        <v>0</v>
      </c>
      <c r="BM37" s="281">
        <v>0</v>
      </c>
      <c r="BN37" s="278">
        <v>12</v>
      </c>
      <c r="BO37" s="283">
        <v>12</v>
      </c>
      <c r="BP37" s="277">
        <v>0</v>
      </c>
      <c r="BQ37" s="281">
        <v>0</v>
      </c>
      <c r="BR37" s="278">
        <v>0</v>
      </c>
      <c r="BS37" s="280">
        <v>0</v>
      </c>
      <c r="BT37" s="281">
        <v>1</v>
      </c>
      <c r="BU37" s="281">
        <v>1</v>
      </c>
      <c r="BV37" s="281">
        <v>0</v>
      </c>
      <c r="BW37" s="281">
        <v>1</v>
      </c>
      <c r="BX37" s="281">
        <v>0</v>
      </c>
      <c r="BY37" s="278">
        <v>3</v>
      </c>
      <c r="BZ37" s="283">
        <v>3</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c r="CW37" s="277">
        <v>0</v>
      </c>
      <c r="CX37" s="281">
        <v>0</v>
      </c>
      <c r="CY37" s="278">
        <v>0</v>
      </c>
      <c r="CZ37" s="280">
        <v>0</v>
      </c>
      <c r="DA37" s="281">
        <v>0</v>
      </c>
      <c r="DB37" s="281">
        <v>0</v>
      </c>
      <c r="DC37" s="281">
        <v>0</v>
      </c>
      <c r="DD37" s="281">
        <v>0</v>
      </c>
      <c r="DE37" s="281">
        <v>0</v>
      </c>
      <c r="DF37" s="278">
        <v>0</v>
      </c>
      <c r="DG37" s="283">
        <v>0</v>
      </c>
      <c r="DH37" s="277">
        <v>0</v>
      </c>
      <c r="DI37" s="281">
        <v>0</v>
      </c>
      <c r="DJ37" s="278">
        <v>0</v>
      </c>
      <c r="DK37" s="280">
        <v>0</v>
      </c>
      <c r="DL37" s="281">
        <v>0</v>
      </c>
      <c r="DM37" s="281">
        <v>0</v>
      </c>
      <c r="DN37" s="281">
        <v>0</v>
      </c>
      <c r="DO37" s="281">
        <v>0</v>
      </c>
      <c r="DP37" s="281">
        <v>0</v>
      </c>
      <c r="DQ37" s="278">
        <v>0</v>
      </c>
      <c r="DR37" s="283">
        <v>0</v>
      </c>
      <c r="DS37" s="277">
        <v>1</v>
      </c>
      <c r="DT37" s="281">
        <v>1</v>
      </c>
      <c r="DU37" s="278">
        <v>2</v>
      </c>
      <c r="DV37" s="280">
        <v>0</v>
      </c>
      <c r="DW37" s="281">
        <v>7</v>
      </c>
      <c r="DX37" s="281">
        <v>9</v>
      </c>
      <c r="DY37" s="281">
        <v>1</v>
      </c>
      <c r="DZ37" s="281">
        <v>2</v>
      </c>
      <c r="EA37" s="281">
        <v>1</v>
      </c>
      <c r="EB37" s="278">
        <v>20</v>
      </c>
      <c r="EC37" s="283">
        <v>22</v>
      </c>
      <c r="ED37" s="277">
        <v>4</v>
      </c>
      <c r="EE37" s="281">
        <v>0</v>
      </c>
      <c r="EF37" s="278">
        <v>4</v>
      </c>
      <c r="EG37" s="280">
        <v>0</v>
      </c>
      <c r="EH37" s="281">
        <v>4</v>
      </c>
      <c r="EI37" s="281">
        <v>2</v>
      </c>
      <c r="EJ37" s="281">
        <v>2</v>
      </c>
      <c r="EK37" s="281">
        <v>3</v>
      </c>
      <c r="EL37" s="281">
        <v>1</v>
      </c>
      <c r="EM37" s="278">
        <v>12</v>
      </c>
      <c r="EN37" s="283">
        <v>16</v>
      </c>
      <c r="EO37" s="277">
        <v>1</v>
      </c>
      <c r="EP37" s="281">
        <v>1</v>
      </c>
      <c r="EQ37" s="278">
        <v>2</v>
      </c>
      <c r="ER37" s="280">
        <v>0</v>
      </c>
      <c r="ES37" s="281">
        <v>12</v>
      </c>
      <c r="ET37" s="281">
        <v>13</v>
      </c>
      <c r="EU37" s="281">
        <v>1</v>
      </c>
      <c r="EV37" s="281">
        <v>2</v>
      </c>
      <c r="EW37" s="281">
        <v>1</v>
      </c>
      <c r="EX37" s="278">
        <v>29</v>
      </c>
      <c r="EY37" s="283">
        <v>31</v>
      </c>
    </row>
    <row r="38" spans="1:155" ht="19.5" customHeight="1" x14ac:dyDescent="0.2">
      <c r="A38" s="262" t="s">
        <v>36</v>
      </c>
      <c r="B38" s="277">
        <v>0</v>
      </c>
      <c r="C38" s="281">
        <v>0</v>
      </c>
      <c r="D38" s="385">
        <v>0</v>
      </c>
      <c r="E38" s="280">
        <v>0</v>
      </c>
      <c r="F38" s="281">
        <v>3</v>
      </c>
      <c r="G38" s="281">
        <v>1</v>
      </c>
      <c r="H38" s="281">
        <v>0</v>
      </c>
      <c r="I38" s="281">
        <v>0</v>
      </c>
      <c r="J38" s="281">
        <v>0</v>
      </c>
      <c r="K38" s="282">
        <v>4</v>
      </c>
      <c r="L38" s="283">
        <v>4</v>
      </c>
      <c r="M38" s="277">
        <v>0</v>
      </c>
      <c r="N38" s="281">
        <v>0</v>
      </c>
      <c r="O38" s="278">
        <v>0</v>
      </c>
      <c r="P38" s="280">
        <v>0</v>
      </c>
      <c r="Q38" s="281">
        <v>0</v>
      </c>
      <c r="R38" s="281">
        <v>0</v>
      </c>
      <c r="S38" s="281">
        <v>0</v>
      </c>
      <c r="T38" s="281">
        <v>1</v>
      </c>
      <c r="U38" s="281">
        <v>0</v>
      </c>
      <c r="V38" s="278">
        <v>1</v>
      </c>
      <c r="W38" s="283">
        <v>1</v>
      </c>
      <c r="X38" s="277">
        <v>0</v>
      </c>
      <c r="Y38" s="281">
        <v>0</v>
      </c>
      <c r="Z38" s="278">
        <v>0</v>
      </c>
      <c r="AA38" s="280">
        <v>0</v>
      </c>
      <c r="AB38" s="281">
        <v>4</v>
      </c>
      <c r="AC38" s="281">
        <v>1</v>
      </c>
      <c r="AD38" s="281">
        <v>1</v>
      </c>
      <c r="AE38" s="281">
        <v>2</v>
      </c>
      <c r="AF38" s="281">
        <v>0</v>
      </c>
      <c r="AG38" s="278">
        <v>8</v>
      </c>
      <c r="AH38" s="283">
        <v>8</v>
      </c>
      <c r="AI38" s="277">
        <v>0</v>
      </c>
      <c r="AJ38" s="281">
        <v>0</v>
      </c>
      <c r="AK38" s="278">
        <v>0</v>
      </c>
      <c r="AL38" s="280">
        <v>0</v>
      </c>
      <c r="AM38" s="281">
        <v>0</v>
      </c>
      <c r="AN38" s="281">
        <v>0</v>
      </c>
      <c r="AO38" s="281">
        <v>0</v>
      </c>
      <c r="AP38" s="281">
        <v>0</v>
      </c>
      <c r="AQ38" s="281">
        <v>0</v>
      </c>
      <c r="AR38" s="278">
        <v>0</v>
      </c>
      <c r="AS38" s="283">
        <v>0</v>
      </c>
      <c r="AT38" s="277">
        <v>0</v>
      </c>
      <c r="AU38" s="281">
        <v>1</v>
      </c>
      <c r="AV38" s="278">
        <v>1</v>
      </c>
      <c r="AW38" s="280">
        <v>0</v>
      </c>
      <c r="AX38" s="281">
        <v>1</v>
      </c>
      <c r="AY38" s="281">
        <v>1</v>
      </c>
      <c r="AZ38" s="281">
        <v>4</v>
      </c>
      <c r="BA38" s="281">
        <v>1</v>
      </c>
      <c r="BB38" s="281">
        <v>0</v>
      </c>
      <c r="BC38" s="282">
        <v>7</v>
      </c>
      <c r="BD38" s="283">
        <v>8</v>
      </c>
      <c r="BE38" s="277">
        <v>0</v>
      </c>
      <c r="BF38" s="281">
        <v>0</v>
      </c>
      <c r="BG38" s="278">
        <v>0</v>
      </c>
      <c r="BH38" s="280">
        <v>0</v>
      </c>
      <c r="BI38" s="281">
        <v>2</v>
      </c>
      <c r="BJ38" s="281">
        <v>1</v>
      </c>
      <c r="BK38" s="281">
        <v>0</v>
      </c>
      <c r="BL38" s="281">
        <v>1</v>
      </c>
      <c r="BM38" s="281">
        <v>0</v>
      </c>
      <c r="BN38" s="278">
        <v>4</v>
      </c>
      <c r="BO38" s="283">
        <v>4</v>
      </c>
      <c r="BP38" s="277">
        <v>0</v>
      </c>
      <c r="BQ38" s="281">
        <v>1</v>
      </c>
      <c r="BR38" s="278">
        <v>1</v>
      </c>
      <c r="BS38" s="280">
        <v>0</v>
      </c>
      <c r="BT38" s="281">
        <v>0</v>
      </c>
      <c r="BU38" s="281">
        <v>1</v>
      </c>
      <c r="BV38" s="281">
        <v>1</v>
      </c>
      <c r="BW38" s="281">
        <v>0</v>
      </c>
      <c r="BX38" s="281">
        <v>0</v>
      </c>
      <c r="BY38" s="278">
        <v>2</v>
      </c>
      <c r="BZ38" s="283">
        <v>3</v>
      </c>
      <c r="CA38" s="277">
        <v>0</v>
      </c>
      <c r="CB38" s="281">
        <v>0</v>
      </c>
      <c r="CC38" s="278">
        <v>0</v>
      </c>
      <c r="CD38" s="280">
        <v>0</v>
      </c>
      <c r="CE38" s="281">
        <v>0</v>
      </c>
      <c r="CF38" s="281">
        <v>0</v>
      </c>
      <c r="CG38" s="281">
        <v>0</v>
      </c>
      <c r="CH38" s="281">
        <v>1</v>
      </c>
      <c r="CI38" s="281">
        <v>0</v>
      </c>
      <c r="CJ38" s="278">
        <v>1</v>
      </c>
      <c r="CK38" s="283">
        <v>1</v>
      </c>
      <c r="CL38" s="277">
        <v>0</v>
      </c>
      <c r="CM38" s="281">
        <v>0</v>
      </c>
      <c r="CN38" s="278">
        <v>0</v>
      </c>
      <c r="CO38" s="280">
        <v>0</v>
      </c>
      <c r="CP38" s="281">
        <v>0</v>
      </c>
      <c r="CQ38" s="281">
        <v>0</v>
      </c>
      <c r="CR38" s="281">
        <v>0</v>
      </c>
      <c r="CS38" s="281">
        <v>0</v>
      </c>
      <c r="CT38" s="281">
        <v>0</v>
      </c>
      <c r="CU38" s="278">
        <v>0</v>
      </c>
      <c r="CV38" s="283">
        <v>0</v>
      </c>
      <c r="CW38" s="277">
        <v>0</v>
      </c>
      <c r="CX38" s="281">
        <v>0</v>
      </c>
      <c r="CY38" s="278">
        <v>0</v>
      </c>
      <c r="CZ38" s="280">
        <v>0</v>
      </c>
      <c r="DA38" s="281">
        <v>0</v>
      </c>
      <c r="DB38" s="281">
        <v>0</v>
      </c>
      <c r="DC38" s="281">
        <v>0</v>
      </c>
      <c r="DD38" s="281">
        <v>0</v>
      </c>
      <c r="DE38" s="281">
        <v>0</v>
      </c>
      <c r="DF38" s="278">
        <v>0</v>
      </c>
      <c r="DG38" s="283">
        <v>0</v>
      </c>
      <c r="DH38" s="277">
        <v>0</v>
      </c>
      <c r="DI38" s="281">
        <v>0</v>
      </c>
      <c r="DJ38" s="278">
        <v>0</v>
      </c>
      <c r="DK38" s="280">
        <v>0</v>
      </c>
      <c r="DL38" s="281">
        <v>0</v>
      </c>
      <c r="DM38" s="281">
        <v>0</v>
      </c>
      <c r="DN38" s="281">
        <v>0</v>
      </c>
      <c r="DO38" s="281">
        <v>0</v>
      </c>
      <c r="DP38" s="281">
        <v>0</v>
      </c>
      <c r="DQ38" s="278">
        <v>0</v>
      </c>
      <c r="DR38" s="283">
        <v>0</v>
      </c>
      <c r="DS38" s="277">
        <v>1</v>
      </c>
      <c r="DT38" s="281">
        <v>3</v>
      </c>
      <c r="DU38" s="278">
        <v>4</v>
      </c>
      <c r="DV38" s="280">
        <v>0</v>
      </c>
      <c r="DW38" s="281">
        <v>6</v>
      </c>
      <c r="DX38" s="281">
        <v>3</v>
      </c>
      <c r="DY38" s="281">
        <v>3</v>
      </c>
      <c r="DZ38" s="281">
        <v>3</v>
      </c>
      <c r="EA38" s="281">
        <v>1</v>
      </c>
      <c r="EB38" s="278">
        <v>16</v>
      </c>
      <c r="EC38" s="283">
        <v>20</v>
      </c>
      <c r="ED38" s="277">
        <v>0</v>
      </c>
      <c r="EE38" s="281">
        <v>0</v>
      </c>
      <c r="EF38" s="278">
        <v>0</v>
      </c>
      <c r="EG38" s="280">
        <v>0</v>
      </c>
      <c r="EH38" s="281">
        <v>0</v>
      </c>
      <c r="EI38" s="281">
        <v>0</v>
      </c>
      <c r="EJ38" s="281">
        <v>1</v>
      </c>
      <c r="EK38" s="281">
        <v>0</v>
      </c>
      <c r="EL38" s="281">
        <v>0</v>
      </c>
      <c r="EM38" s="278">
        <v>1</v>
      </c>
      <c r="EN38" s="283">
        <v>1</v>
      </c>
      <c r="EO38" s="277">
        <v>1</v>
      </c>
      <c r="EP38" s="281">
        <v>4</v>
      </c>
      <c r="EQ38" s="278">
        <v>5</v>
      </c>
      <c r="ER38" s="280">
        <v>0</v>
      </c>
      <c r="ES38" s="281">
        <v>11</v>
      </c>
      <c r="ET38" s="281">
        <v>4</v>
      </c>
      <c r="EU38" s="281">
        <v>3</v>
      </c>
      <c r="EV38" s="281">
        <v>2</v>
      </c>
      <c r="EW38" s="281">
        <v>1</v>
      </c>
      <c r="EX38" s="278">
        <v>21</v>
      </c>
      <c r="EY38" s="283">
        <v>26</v>
      </c>
    </row>
    <row r="39" spans="1:155" ht="19.5" customHeight="1" thickBot="1" x14ac:dyDescent="0.25">
      <c r="A39" s="263" t="s">
        <v>37</v>
      </c>
      <c r="B39" s="284">
        <v>0</v>
      </c>
      <c r="C39" s="288">
        <v>0</v>
      </c>
      <c r="D39" s="386">
        <v>0</v>
      </c>
      <c r="E39" s="287">
        <v>0</v>
      </c>
      <c r="F39" s="288">
        <v>0</v>
      </c>
      <c r="G39" s="288">
        <v>0</v>
      </c>
      <c r="H39" s="288">
        <v>0</v>
      </c>
      <c r="I39" s="288">
        <v>0</v>
      </c>
      <c r="J39" s="288">
        <v>0</v>
      </c>
      <c r="K39" s="289">
        <v>0</v>
      </c>
      <c r="L39" s="290">
        <v>0</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0</v>
      </c>
      <c r="AC39" s="288">
        <v>0</v>
      </c>
      <c r="AD39" s="288">
        <v>0</v>
      </c>
      <c r="AE39" s="288">
        <v>0</v>
      </c>
      <c r="AF39" s="288">
        <v>0</v>
      </c>
      <c r="AG39" s="285">
        <v>0</v>
      </c>
      <c r="AH39" s="290">
        <v>0</v>
      </c>
      <c r="AI39" s="284">
        <v>0</v>
      </c>
      <c r="AJ39" s="288">
        <v>0</v>
      </c>
      <c r="AK39" s="285">
        <v>0</v>
      </c>
      <c r="AL39" s="287">
        <v>0</v>
      </c>
      <c r="AM39" s="288">
        <v>1</v>
      </c>
      <c r="AN39" s="288">
        <v>1</v>
      </c>
      <c r="AO39" s="288">
        <v>0</v>
      </c>
      <c r="AP39" s="288">
        <v>0</v>
      </c>
      <c r="AQ39" s="288">
        <v>0</v>
      </c>
      <c r="AR39" s="285">
        <v>2</v>
      </c>
      <c r="AS39" s="290">
        <v>2</v>
      </c>
      <c r="AT39" s="284">
        <v>0</v>
      </c>
      <c r="AU39" s="288">
        <v>0</v>
      </c>
      <c r="AV39" s="285">
        <v>0</v>
      </c>
      <c r="AW39" s="287">
        <v>0</v>
      </c>
      <c r="AX39" s="288">
        <v>0</v>
      </c>
      <c r="AY39" s="288">
        <v>0</v>
      </c>
      <c r="AZ39" s="288">
        <v>0</v>
      </c>
      <c r="BA39" s="288">
        <v>0</v>
      </c>
      <c r="BB39" s="288">
        <v>1</v>
      </c>
      <c r="BC39" s="289">
        <v>1</v>
      </c>
      <c r="BD39" s="290">
        <v>1</v>
      </c>
      <c r="BE39" s="284">
        <v>0</v>
      </c>
      <c r="BF39" s="288">
        <v>0</v>
      </c>
      <c r="BG39" s="285">
        <v>0</v>
      </c>
      <c r="BH39" s="287">
        <v>0</v>
      </c>
      <c r="BI39" s="288">
        <v>1</v>
      </c>
      <c r="BJ39" s="288">
        <v>1</v>
      </c>
      <c r="BK39" s="288">
        <v>0</v>
      </c>
      <c r="BL39" s="288">
        <v>0</v>
      </c>
      <c r="BM39" s="288">
        <v>0</v>
      </c>
      <c r="BN39" s="285">
        <v>2</v>
      </c>
      <c r="BO39" s="290">
        <v>2</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0</v>
      </c>
      <c r="CI39" s="288">
        <v>0</v>
      </c>
      <c r="CJ39" s="285">
        <v>0</v>
      </c>
      <c r="CK39" s="290">
        <v>0</v>
      </c>
      <c r="CL39" s="284">
        <v>0</v>
      </c>
      <c r="CM39" s="288">
        <v>0</v>
      </c>
      <c r="CN39" s="285">
        <v>0</v>
      </c>
      <c r="CO39" s="287">
        <v>0</v>
      </c>
      <c r="CP39" s="288">
        <v>0</v>
      </c>
      <c r="CQ39" s="288">
        <v>0</v>
      </c>
      <c r="CR39" s="288">
        <v>0</v>
      </c>
      <c r="CS39" s="288">
        <v>0</v>
      </c>
      <c r="CT39" s="288">
        <v>0</v>
      </c>
      <c r="CU39" s="285">
        <v>0</v>
      </c>
      <c r="CV39" s="290">
        <v>0</v>
      </c>
      <c r="CW39" s="284">
        <v>0</v>
      </c>
      <c r="CX39" s="288">
        <v>0</v>
      </c>
      <c r="CY39" s="285">
        <v>0</v>
      </c>
      <c r="CZ39" s="287">
        <v>0</v>
      </c>
      <c r="DA39" s="288">
        <v>0</v>
      </c>
      <c r="DB39" s="288">
        <v>0</v>
      </c>
      <c r="DC39" s="288">
        <v>0</v>
      </c>
      <c r="DD39" s="288">
        <v>0</v>
      </c>
      <c r="DE39" s="288">
        <v>0</v>
      </c>
      <c r="DF39" s="285">
        <v>0</v>
      </c>
      <c r="DG39" s="290">
        <v>0</v>
      </c>
      <c r="DH39" s="284">
        <v>0</v>
      </c>
      <c r="DI39" s="288">
        <v>0</v>
      </c>
      <c r="DJ39" s="285">
        <v>0</v>
      </c>
      <c r="DK39" s="287">
        <v>0</v>
      </c>
      <c r="DL39" s="288">
        <v>0</v>
      </c>
      <c r="DM39" s="288">
        <v>0</v>
      </c>
      <c r="DN39" s="288">
        <v>0</v>
      </c>
      <c r="DO39" s="288">
        <v>0</v>
      </c>
      <c r="DP39" s="288">
        <v>0</v>
      </c>
      <c r="DQ39" s="285">
        <v>0</v>
      </c>
      <c r="DR39" s="290">
        <v>0</v>
      </c>
      <c r="DS39" s="284">
        <v>1</v>
      </c>
      <c r="DT39" s="288">
        <v>0</v>
      </c>
      <c r="DU39" s="285">
        <v>1</v>
      </c>
      <c r="DV39" s="287">
        <v>0</v>
      </c>
      <c r="DW39" s="288">
        <v>2</v>
      </c>
      <c r="DX39" s="288">
        <v>1</v>
      </c>
      <c r="DY39" s="288">
        <v>0</v>
      </c>
      <c r="DZ39" s="288">
        <v>0</v>
      </c>
      <c r="EA39" s="288">
        <v>0</v>
      </c>
      <c r="EB39" s="285">
        <v>3</v>
      </c>
      <c r="EC39" s="290">
        <v>4</v>
      </c>
      <c r="ED39" s="284">
        <v>0</v>
      </c>
      <c r="EE39" s="288">
        <v>0</v>
      </c>
      <c r="EF39" s="285">
        <v>0</v>
      </c>
      <c r="EG39" s="287">
        <v>0</v>
      </c>
      <c r="EH39" s="288">
        <v>0</v>
      </c>
      <c r="EI39" s="288">
        <v>0</v>
      </c>
      <c r="EJ39" s="288">
        <v>0</v>
      </c>
      <c r="EK39" s="288">
        <v>0</v>
      </c>
      <c r="EL39" s="288">
        <v>1</v>
      </c>
      <c r="EM39" s="285">
        <v>1</v>
      </c>
      <c r="EN39" s="290">
        <v>1</v>
      </c>
      <c r="EO39" s="284">
        <v>1</v>
      </c>
      <c r="EP39" s="288">
        <v>0</v>
      </c>
      <c r="EQ39" s="285">
        <v>1</v>
      </c>
      <c r="ER39" s="287">
        <v>0</v>
      </c>
      <c r="ES39" s="288">
        <v>1</v>
      </c>
      <c r="ET39" s="288">
        <v>2</v>
      </c>
      <c r="EU39" s="288">
        <v>0</v>
      </c>
      <c r="EV39" s="288">
        <v>0</v>
      </c>
      <c r="EW39" s="288">
        <v>0</v>
      </c>
      <c r="EX39" s="285">
        <v>3</v>
      </c>
      <c r="EY39" s="290">
        <v>4</v>
      </c>
    </row>
  </sheetData>
  <mergeCells count="59">
    <mergeCell ref="DK4:DQ4"/>
    <mergeCell ref="DR4:DR5"/>
    <mergeCell ref="H1:I1"/>
    <mergeCell ref="K1:L1"/>
    <mergeCell ref="AT3:BD3"/>
    <mergeCell ref="BE3:BO3"/>
    <mergeCell ref="BP3:BZ3"/>
    <mergeCell ref="BD4:BD5"/>
    <mergeCell ref="CW3:DG3"/>
    <mergeCell ref="CV4:CV5"/>
    <mergeCell ref="BE4:BG4"/>
    <mergeCell ref="BH4:BN4"/>
    <mergeCell ref="BO4:BO5"/>
    <mergeCell ref="BP4:BR4"/>
    <mergeCell ref="BS4:BY4"/>
    <mergeCell ref="BZ4:BZ5"/>
    <mergeCell ref="A3:A5"/>
    <mergeCell ref="B3:L3"/>
    <mergeCell ref="M3:W3"/>
    <mergeCell ref="W4:W5"/>
    <mergeCell ref="AI3:AS3"/>
    <mergeCell ref="X3:AH3"/>
    <mergeCell ref="X4:Z4"/>
    <mergeCell ref="AA4:AG4"/>
    <mergeCell ref="AH4:AH5"/>
    <mergeCell ref="B4:D4"/>
    <mergeCell ref="E4:K4"/>
    <mergeCell ref="L4:L5"/>
    <mergeCell ref="M4:O4"/>
    <mergeCell ref="P4:V4"/>
    <mergeCell ref="DS3:EC3"/>
    <mergeCell ref="ED3:EN3"/>
    <mergeCell ref="EO3:EY3"/>
    <mergeCell ref="CA3:CK3"/>
    <mergeCell ref="CL3:CV3"/>
    <mergeCell ref="DH3:DR3"/>
    <mergeCell ref="CA4:CC4"/>
    <mergeCell ref="CD4:CJ4"/>
    <mergeCell ref="AI4:AK4"/>
    <mergeCell ref="AL4:AR4"/>
    <mergeCell ref="AS4:AS5"/>
    <mergeCell ref="AT4:AV4"/>
    <mergeCell ref="AW4:BC4"/>
    <mergeCell ref="CK4:CK5"/>
    <mergeCell ref="CL4:CN4"/>
    <mergeCell ref="CO4:CU4"/>
    <mergeCell ref="EY4:EY5"/>
    <mergeCell ref="CW4:CY4"/>
    <mergeCell ref="CZ4:DF4"/>
    <mergeCell ref="DG4:DG5"/>
    <mergeCell ref="DS4:DU4"/>
    <mergeCell ref="DV4:EB4"/>
    <mergeCell ref="EC4:EC5"/>
    <mergeCell ref="ED4:EF4"/>
    <mergeCell ref="EG4:EM4"/>
    <mergeCell ref="EN4:EN5"/>
    <mergeCell ref="EO4:EQ4"/>
    <mergeCell ref="ER4:EX4"/>
    <mergeCell ref="DH4:DJ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10.21875" style="256" customWidth="1"/>
    <col min="7" max="7" width="10.44140625" style="256" customWidth="1"/>
    <col min="8" max="15" width="9" style="256"/>
    <col min="16" max="16" width="7.21875" style="256" customWidth="1"/>
    <col min="17" max="26" width="9" style="256"/>
    <col min="27" max="27" width="7.6640625" style="256" customWidth="1"/>
    <col min="28" max="37" width="9" style="256"/>
    <col min="38" max="38" width="7.6640625" style="256" customWidth="1"/>
    <col min="39" max="48" width="9" style="256"/>
    <col min="49" max="49" width="7.21875" style="256" customWidth="1"/>
    <col min="50" max="59" width="9" style="256"/>
    <col min="60" max="60" width="7.21875" style="256" customWidth="1"/>
    <col min="61" max="70" width="9" style="256"/>
    <col min="71" max="71" width="7.33203125" style="256" customWidth="1"/>
    <col min="72" max="81" width="9" style="256"/>
    <col min="82" max="82" width="7.44140625" style="256" customWidth="1"/>
    <col min="83" max="92" width="9" style="256"/>
    <col min="93" max="93" width="7.6640625" style="256" customWidth="1"/>
    <col min="94" max="103" width="9" style="256"/>
    <col min="104" max="104" width="7.44140625" style="256" customWidth="1"/>
    <col min="105" max="114" width="9" style="256"/>
    <col min="115" max="115" width="7.44140625" style="256" customWidth="1"/>
    <col min="116" max="125" width="9" style="256"/>
    <col min="126" max="126" width="7.44140625" style="256" customWidth="1"/>
    <col min="127" max="136" width="9" style="256"/>
    <col min="137" max="137" width="7.33203125" style="256" customWidth="1"/>
    <col min="138" max="147" width="9" style="256"/>
    <col min="148" max="148" width="7.77734375" style="256" customWidth="1"/>
    <col min="149" max="16384" width="9" style="256"/>
  </cols>
  <sheetData>
    <row r="1" spans="1:155" ht="24" customHeight="1" x14ac:dyDescent="0.2">
      <c r="A1" s="291" t="s">
        <v>122</v>
      </c>
      <c r="H1" s="528">
        <f>第１表!F2</f>
        <v>4</v>
      </c>
      <c r="I1" s="528"/>
      <c r="J1" s="248">
        <f>第１表!G2</f>
        <v>6</v>
      </c>
      <c r="K1" s="529">
        <f>IF(J1&lt;3,J1+12-2,J1-2)</f>
        <v>4</v>
      </c>
      <c r="L1" s="529"/>
    </row>
    <row r="2" spans="1:155" ht="21" customHeight="1" thickBot="1" x14ac:dyDescent="0.25">
      <c r="A2" s="291" t="s">
        <v>154</v>
      </c>
      <c r="F2" s="247"/>
      <c r="G2" s="248"/>
      <c r="I2" s="350"/>
      <c r="J2" s="350"/>
    </row>
    <row r="3" spans="1:155" ht="23.25" customHeight="1" thickBot="1" x14ac:dyDescent="0.25">
      <c r="A3" s="537"/>
      <c r="B3" s="540" t="s">
        <v>70</v>
      </c>
      <c r="C3" s="541"/>
      <c r="D3" s="541"/>
      <c r="E3" s="541"/>
      <c r="F3" s="541"/>
      <c r="G3" s="541"/>
      <c r="H3" s="541"/>
      <c r="I3" s="541"/>
      <c r="J3" s="541"/>
      <c r="K3" s="541"/>
      <c r="L3" s="542"/>
      <c r="M3" s="540" t="s">
        <v>71</v>
      </c>
      <c r="N3" s="541"/>
      <c r="O3" s="541"/>
      <c r="P3" s="541"/>
      <c r="Q3" s="541"/>
      <c r="R3" s="541"/>
      <c r="S3" s="541"/>
      <c r="T3" s="541"/>
      <c r="U3" s="541"/>
      <c r="V3" s="541"/>
      <c r="W3" s="542"/>
      <c r="X3" s="540" t="s">
        <v>72</v>
      </c>
      <c r="Y3" s="541"/>
      <c r="Z3" s="541"/>
      <c r="AA3" s="541"/>
      <c r="AB3" s="541"/>
      <c r="AC3" s="541"/>
      <c r="AD3" s="541"/>
      <c r="AE3" s="541"/>
      <c r="AF3" s="541"/>
      <c r="AG3" s="541"/>
      <c r="AH3" s="542"/>
      <c r="AI3" s="540" t="s">
        <v>73</v>
      </c>
      <c r="AJ3" s="541"/>
      <c r="AK3" s="541"/>
      <c r="AL3" s="541"/>
      <c r="AM3" s="541"/>
      <c r="AN3" s="541"/>
      <c r="AO3" s="541"/>
      <c r="AP3" s="541"/>
      <c r="AQ3" s="541"/>
      <c r="AR3" s="541"/>
      <c r="AS3" s="542"/>
      <c r="AT3" s="540" t="s">
        <v>74</v>
      </c>
      <c r="AU3" s="541"/>
      <c r="AV3" s="541"/>
      <c r="AW3" s="541"/>
      <c r="AX3" s="541"/>
      <c r="AY3" s="541"/>
      <c r="AZ3" s="541"/>
      <c r="BA3" s="541"/>
      <c r="BB3" s="541"/>
      <c r="BC3" s="541"/>
      <c r="BD3" s="542"/>
      <c r="BE3" s="540" t="s">
        <v>75</v>
      </c>
      <c r="BF3" s="541"/>
      <c r="BG3" s="541"/>
      <c r="BH3" s="541"/>
      <c r="BI3" s="541"/>
      <c r="BJ3" s="541"/>
      <c r="BK3" s="541"/>
      <c r="BL3" s="541"/>
      <c r="BM3" s="541"/>
      <c r="BN3" s="541"/>
      <c r="BO3" s="542"/>
      <c r="BP3" s="540" t="s">
        <v>76</v>
      </c>
      <c r="BQ3" s="541"/>
      <c r="BR3" s="541"/>
      <c r="BS3" s="541"/>
      <c r="BT3" s="541"/>
      <c r="BU3" s="541"/>
      <c r="BV3" s="541"/>
      <c r="BW3" s="541"/>
      <c r="BX3" s="541"/>
      <c r="BY3" s="541"/>
      <c r="BZ3" s="542"/>
      <c r="CA3" s="540" t="s">
        <v>77</v>
      </c>
      <c r="CB3" s="541"/>
      <c r="CC3" s="541"/>
      <c r="CD3" s="541"/>
      <c r="CE3" s="541"/>
      <c r="CF3" s="541"/>
      <c r="CG3" s="541"/>
      <c r="CH3" s="541"/>
      <c r="CI3" s="541"/>
      <c r="CJ3" s="541"/>
      <c r="CK3" s="542"/>
      <c r="CL3" s="540" t="s">
        <v>78</v>
      </c>
      <c r="CM3" s="541"/>
      <c r="CN3" s="541"/>
      <c r="CO3" s="541"/>
      <c r="CP3" s="541"/>
      <c r="CQ3" s="541"/>
      <c r="CR3" s="541"/>
      <c r="CS3" s="541"/>
      <c r="CT3" s="541"/>
      <c r="CU3" s="541"/>
      <c r="CV3" s="542"/>
      <c r="CW3" s="540" t="s">
        <v>79</v>
      </c>
      <c r="CX3" s="541"/>
      <c r="CY3" s="541"/>
      <c r="CZ3" s="541"/>
      <c r="DA3" s="541"/>
      <c r="DB3" s="541"/>
      <c r="DC3" s="541"/>
      <c r="DD3" s="541"/>
      <c r="DE3" s="541"/>
      <c r="DF3" s="541"/>
      <c r="DG3" s="542"/>
      <c r="DH3" s="540" t="s">
        <v>152</v>
      </c>
      <c r="DI3" s="541"/>
      <c r="DJ3" s="541"/>
      <c r="DK3" s="541"/>
      <c r="DL3" s="541"/>
      <c r="DM3" s="541"/>
      <c r="DN3" s="541"/>
      <c r="DO3" s="541"/>
      <c r="DP3" s="541"/>
      <c r="DQ3" s="541"/>
      <c r="DR3" s="542"/>
      <c r="DS3" s="540" t="s">
        <v>80</v>
      </c>
      <c r="DT3" s="541"/>
      <c r="DU3" s="541"/>
      <c r="DV3" s="541"/>
      <c r="DW3" s="541"/>
      <c r="DX3" s="541"/>
      <c r="DY3" s="541"/>
      <c r="DZ3" s="541"/>
      <c r="EA3" s="541"/>
      <c r="EB3" s="541"/>
      <c r="EC3" s="542"/>
      <c r="ED3" s="540" t="s">
        <v>68</v>
      </c>
      <c r="EE3" s="541"/>
      <c r="EF3" s="541"/>
      <c r="EG3" s="541"/>
      <c r="EH3" s="541"/>
      <c r="EI3" s="541"/>
      <c r="EJ3" s="541"/>
      <c r="EK3" s="541"/>
      <c r="EL3" s="541"/>
      <c r="EM3" s="541"/>
      <c r="EN3" s="542"/>
      <c r="EO3" s="543" t="s">
        <v>69</v>
      </c>
      <c r="EP3" s="544"/>
      <c r="EQ3" s="544"/>
      <c r="ER3" s="544"/>
      <c r="ES3" s="544"/>
      <c r="ET3" s="544"/>
      <c r="EU3" s="544"/>
      <c r="EV3" s="544"/>
      <c r="EW3" s="544"/>
      <c r="EX3" s="544"/>
      <c r="EY3" s="545"/>
    </row>
    <row r="4" spans="1:155"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4"/>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c r="DH4" s="532" t="s">
        <v>61</v>
      </c>
      <c r="DI4" s="533"/>
      <c r="DJ4" s="534"/>
      <c r="DK4" s="535" t="s">
        <v>62</v>
      </c>
      <c r="DL4" s="533"/>
      <c r="DM4" s="533"/>
      <c r="DN4" s="533"/>
      <c r="DO4" s="533"/>
      <c r="DP4" s="533"/>
      <c r="DQ4" s="534"/>
      <c r="DR4" s="530" t="s">
        <v>52</v>
      </c>
      <c r="DS4" s="532" t="s">
        <v>61</v>
      </c>
      <c r="DT4" s="533"/>
      <c r="DU4" s="534"/>
      <c r="DV4" s="535" t="s">
        <v>62</v>
      </c>
      <c r="DW4" s="533"/>
      <c r="DX4" s="533"/>
      <c r="DY4" s="533"/>
      <c r="DZ4" s="533"/>
      <c r="EA4" s="533"/>
      <c r="EB4" s="534"/>
      <c r="EC4" s="530" t="s">
        <v>52</v>
      </c>
      <c r="ED4" s="532" t="s">
        <v>61</v>
      </c>
      <c r="EE4" s="533"/>
      <c r="EF4" s="534"/>
      <c r="EG4" s="535" t="s">
        <v>62</v>
      </c>
      <c r="EH4" s="533"/>
      <c r="EI4" s="533"/>
      <c r="EJ4" s="533"/>
      <c r="EK4" s="533"/>
      <c r="EL4" s="533"/>
      <c r="EM4" s="534"/>
      <c r="EN4" s="530" t="s">
        <v>52</v>
      </c>
      <c r="EO4" s="532" t="s">
        <v>61</v>
      </c>
      <c r="EP4" s="533"/>
      <c r="EQ4" s="534"/>
      <c r="ER4" s="535" t="s">
        <v>62</v>
      </c>
      <c r="ES4" s="533"/>
      <c r="ET4" s="533"/>
      <c r="EU4" s="533"/>
      <c r="EV4" s="533"/>
      <c r="EW4" s="533"/>
      <c r="EX4" s="534"/>
      <c r="EY4" s="530" t="s">
        <v>52</v>
      </c>
    </row>
    <row r="5" spans="1:155" ht="34.5" customHeight="1" thickBot="1" x14ac:dyDescent="0.25">
      <c r="A5" s="539"/>
      <c r="B5" s="351" t="s">
        <v>43</v>
      </c>
      <c r="C5" s="260" t="s">
        <v>162</v>
      </c>
      <c r="D5" s="383" t="s">
        <v>45</v>
      </c>
      <c r="E5" s="268" t="s">
        <v>83</v>
      </c>
      <c r="F5" s="260" t="s">
        <v>47</v>
      </c>
      <c r="G5" s="260" t="s">
        <v>48</v>
      </c>
      <c r="H5" s="260" t="s">
        <v>49</v>
      </c>
      <c r="I5" s="260" t="s">
        <v>50</v>
      </c>
      <c r="J5" s="260" t="s">
        <v>51</v>
      </c>
      <c r="K5" s="269" t="s">
        <v>45</v>
      </c>
      <c r="L5" s="531"/>
      <c r="M5" s="351" t="s">
        <v>43</v>
      </c>
      <c r="N5" s="260" t="s">
        <v>44</v>
      </c>
      <c r="O5" s="266" t="s">
        <v>45</v>
      </c>
      <c r="P5" s="268" t="s">
        <v>83</v>
      </c>
      <c r="Q5" s="260" t="s">
        <v>47</v>
      </c>
      <c r="R5" s="260" t="s">
        <v>48</v>
      </c>
      <c r="S5" s="260" t="s">
        <v>49</v>
      </c>
      <c r="T5" s="260" t="s">
        <v>50</v>
      </c>
      <c r="U5" s="260" t="s">
        <v>51</v>
      </c>
      <c r="V5" s="266" t="s">
        <v>45</v>
      </c>
      <c r="W5" s="531"/>
      <c r="X5" s="351" t="s">
        <v>43</v>
      </c>
      <c r="Y5" s="260" t="s">
        <v>44</v>
      </c>
      <c r="Z5" s="266" t="s">
        <v>45</v>
      </c>
      <c r="AA5" s="268" t="s">
        <v>83</v>
      </c>
      <c r="AB5" s="260" t="s">
        <v>47</v>
      </c>
      <c r="AC5" s="260" t="s">
        <v>48</v>
      </c>
      <c r="AD5" s="260" t="s">
        <v>49</v>
      </c>
      <c r="AE5" s="260" t="s">
        <v>50</v>
      </c>
      <c r="AF5" s="260" t="s">
        <v>51</v>
      </c>
      <c r="AG5" s="266" t="s">
        <v>45</v>
      </c>
      <c r="AH5" s="531"/>
      <c r="AI5" s="351" t="s">
        <v>43</v>
      </c>
      <c r="AJ5" s="260" t="s">
        <v>44</v>
      </c>
      <c r="AK5" s="266" t="s">
        <v>45</v>
      </c>
      <c r="AL5" s="268" t="s">
        <v>83</v>
      </c>
      <c r="AM5" s="260" t="s">
        <v>47</v>
      </c>
      <c r="AN5" s="260" t="s">
        <v>48</v>
      </c>
      <c r="AO5" s="260" t="s">
        <v>49</v>
      </c>
      <c r="AP5" s="260" t="s">
        <v>50</v>
      </c>
      <c r="AQ5" s="260" t="s">
        <v>51</v>
      </c>
      <c r="AR5" s="266" t="s">
        <v>45</v>
      </c>
      <c r="AS5" s="531"/>
      <c r="AT5" s="351" t="s">
        <v>43</v>
      </c>
      <c r="AU5" s="260" t="s">
        <v>44</v>
      </c>
      <c r="AV5" s="266" t="s">
        <v>45</v>
      </c>
      <c r="AW5" s="268" t="s">
        <v>83</v>
      </c>
      <c r="AX5" s="260" t="s">
        <v>47</v>
      </c>
      <c r="AY5" s="260" t="s">
        <v>48</v>
      </c>
      <c r="AZ5" s="260" t="s">
        <v>49</v>
      </c>
      <c r="BA5" s="260" t="s">
        <v>50</v>
      </c>
      <c r="BB5" s="260" t="s">
        <v>51</v>
      </c>
      <c r="BC5" s="269" t="s">
        <v>45</v>
      </c>
      <c r="BD5" s="531"/>
      <c r="BE5" s="351" t="s">
        <v>43</v>
      </c>
      <c r="BF5" s="260" t="s">
        <v>44</v>
      </c>
      <c r="BG5" s="266" t="s">
        <v>45</v>
      </c>
      <c r="BH5" s="268" t="s">
        <v>83</v>
      </c>
      <c r="BI5" s="260" t="s">
        <v>47</v>
      </c>
      <c r="BJ5" s="260" t="s">
        <v>48</v>
      </c>
      <c r="BK5" s="260" t="s">
        <v>49</v>
      </c>
      <c r="BL5" s="260" t="s">
        <v>50</v>
      </c>
      <c r="BM5" s="260" t="s">
        <v>51</v>
      </c>
      <c r="BN5" s="266" t="s">
        <v>45</v>
      </c>
      <c r="BO5" s="531"/>
      <c r="BP5" s="351" t="s">
        <v>43</v>
      </c>
      <c r="BQ5" s="260" t="s">
        <v>44</v>
      </c>
      <c r="BR5" s="266" t="s">
        <v>45</v>
      </c>
      <c r="BS5" s="268" t="s">
        <v>83</v>
      </c>
      <c r="BT5" s="260" t="s">
        <v>47</v>
      </c>
      <c r="BU5" s="260" t="s">
        <v>48</v>
      </c>
      <c r="BV5" s="260" t="s">
        <v>49</v>
      </c>
      <c r="BW5" s="260" t="s">
        <v>50</v>
      </c>
      <c r="BX5" s="260" t="s">
        <v>51</v>
      </c>
      <c r="BY5" s="266" t="s">
        <v>45</v>
      </c>
      <c r="BZ5" s="531"/>
      <c r="CA5" s="351" t="s">
        <v>43</v>
      </c>
      <c r="CB5" s="260" t="s">
        <v>44</v>
      </c>
      <c r="CC5" s="266" t="s">
        <v>45</v>
      </c>
      <c r="CD5" s="268" t="s">
        <v>83</v>
      </c>
      <c r="CE5" s="260" t="s">
        <v>47</v>
      </c>
      <c r="CF5" s="260" t="s">
        <v>48</v>
      </c>
      <c r="CG5" s="260" t="s">
        <v>49</v>
      </c>
      <c r="CH5" s="260" t="s">
        <v>50</v>
      </c>
      <c r="CI5" s="260" t="s">
        <v>51</v>
      </c>
      <c r="CJ5" s="266" t="s">
        <v>45</v>
      </c>
      <c r="CK5" s="531"/>
      <c r="CL5" s="351" t="s">
        <v>43</v>
      </c>
      <c r="CM5" s="260" t="s">
        <v>44</v>
      </c>
      <c r="CN5" s="266" t="s">
        <v>45</v>
      </c>
      <c r="CO5" s="268" t="s">
        <v>83</v>
      </c>
      <c r="CP5" s="260" t="s">
        <v>47</v>
      </c>
      <c r="CQ5" s="260" t="s">
        <v>48</v>
      </c>
      <c r="CR5" s="260" t="s">
        <v>49</v>
      </c>
      <c r="CS5" s="260" t="s">
        <v>50</v>
      </c>
      <c r="CT5" s="260" t="s">
        <v>51</v>
      </c>
      <c r="CU5" s="266" t="s">
        <v>45</v>
      </c>
      <c r="CV5" s="531"/>
      <c r="CW5" s="351" t="s">
        <v>43</v>
      </c>
      <c r="CX5" s="260" t="s">
        <v>44</v>
      </c>
      <c r="CY5" s="266" t="s">
        <v>45</v>
      </c>
      <c r="CZ5" s="268" t="s">
        <v>83</v>
      </c>
      <c r="DA5" s="260" t="s">
        <v>47</v>
      </c>
      <c r="DB5" s="260" t="s">
        <v>48</v>
      </c>
      <c r="DC5" s="260" t="s">
        <v>49</v>
      </c>
      <c r="DD5" s="260" t="s">
        <v>50</v>
      </c>
      <c r="DE5" s="260" t="s">
        <v>51</v>
      </c>
      <c r="DF5" s="266" t="s">
        <v>45</v>
      </c>
      <c r="DG5" s="531"/>
      <c r="DH5" s="351" t="s">
        <v>43</v>
      </c>
      <c r="DI5" s="260" t="s">
        <v>44</v>
      </c>
      <c r="DJ5" s="266" t="s">
        <v>45</v>
      </c>
      <c r="DK5" s="268" t="s">
        <v>83</v>
      </c>
      <c r="DL5" s="260" t="s">
        <v>47</v>
      </c>
      <c r="DM5" s="260" t="s">
        <v>48</v>
      </c>
      <c r="DN5" s="260" t="s">
        <v>49</v>
      </c>
      <c r="DO5" s="260" t="s">
        <v>50</v>
      </c>
      <c r="DP5" s="260" t="s">
        <v>51</v>
      </c>
      <c r="DQ5" s="266" t="s">
        <v>45</v>
      </c>
      <c r="DR5" s="531"/>
      <c r="DS5" s="351" t="s">
        <v>43</v>
      </c>
      <c r="DT5" s="260" t="s">
        <v>44</v>
      </c>
      <c r="DU5" s="266" t="s">
        <v>45</v>
      </c>
      <c r="DV5" s="268" t="s">
        <v>83</v>
      </c>
      <c r="DW5" s="260" t="s">
        <v>47</v>
      </c>
      <c r="DX5" s="260" t="s">
        <v>48</v>
      </c>
      <c r="DY5" s="260" t="s">
        <v>49</v>
      </c>
      <c r="DZ5" s="260" t="s">
        <v>50</v>
      </c>
      <c r="EA5" s="260" t="s">
        <v>51</v>
      </c>
      <c r="EB5" s="266" t="s">
        <v>45</v>
      </c>
      <c r="EC5" s="531"/>
      <c r="ED5" s="351" t="s">
        <v>43</v>
      </c>
      <c r="EE5" s="260" t="s">
        <v>44</v>
      </c>
      <c r="EF5" s="266" t="s">
        <v>45</v>
      </c>
      <c r="EG5" s="268" t="s">
        <v>83</v>
      </c>
      <c r="EH5" s="260" t="s">
        <v>47</v>
      </c>
      <c r="EI5" s="260" t="s">
        <v>48</v>
      </c>
      <c r="EJ5" s="260" t="s">
        <v>49</v>
      </c>
      <c r="EK5" s="260" t="s">
        <v>50</v>
      </c>
      <c r="EL5" s="260" t="s">
        <v>51</v>
      </c>
      <c r="EM5" s="266" t="s">
        <v>45</v>
      </c>
      <c r="EN5" s="531"/>
      <c r="EO5" s="351" t="s">
        <v>43</v>
      </c>
      <c r="EP5" s="260" t="s">
        <v>44</v>
      </c>
      <c r="EQ5" s="266" t="s">
        <v>45</v>
      </c>
      <c r="ER5" s="268" t="s">
        <v>83</v>
      </c>
      <c r="ES5" s="260" t="s">
        <v>47</v>
      </c>
      <c r="ET5" s="260" t="s">
        <v>48</v>
      </c>
      <c r="EU5" s="260" t="s">
        <v>49</v>
      </c>
      <c r="EV5" s="260" t="s">
        <v>50</v>
      </c>
      <c r="EW5" s="260" t="s">
        <v>51</v>
      </c>
      <c r="EX5" s="266" t="s">
        <v>45</v>
      </c>
      <c r="EY5" s="531"/>
    </row>
    <row r="6" spans="1:155" ht="19.5" customHeight="1" x14ac:dyDescent="0.2">
      <c r="A6" s="261" t="s">
        <v>4</v>
      </c>
      <c r="B6" s="270">
        <v>1</v>
      </c>
      <c r="C6" s="274">
        <v>0</v>
      </c>
      <c r="D6" s="384">
        <v>1</v>
      </c>
      <c r="E6" s="273">
        <v>0</v>
      </c>
      <c r="F6" s="274">
        <v>1125</v>
      </c>
      <c r="G6" s="274">
        <v>1262</v>
      </c>
      <c r="H6" s="274">
        <v>649</v>
      </c>
      <c r="I6" s="274">
        <v>574</v>
      </c>
      <c r="J6" s="274">
        <v>437</v>
      </c>
      <c r="K6" s="275">
        <v>4047</v>
      </c>
      <c r="L6" s="276">
        <v>4048</v>
      </c>
      <c r="M6" s="270">
        <v>1</v>
      </c>
      <c r="N6" s="274">
        <v>3</v>
      </c>
      <c r="O6" s="271">
        <v>4</v>
      </c>
      <c r="P6" s="273">
        <v>0</v>
      </c>
      <c r="Q6" s="274">
        <v>7</v>
      </c>
      <c r="R6" s="274">
        <v>39</v>
      </c>
      <c r="S6" s="274">
        <v>53</v>
      </c>
      <c r="T6" s="274">
        <v>150</v>
      </c>
      <c r="U6" s="274">
        <v>224</v>
      </c>
      <c r="V6" s="271">
        <v>473</v>
      </c>
      <c r="W6" s="276">
        <v>477</v>
      </c>
      <c r="X6" s="270">
        <v>186</v>
      </c>
      <c r="Y6" s="274">
        <v>383</v>
      </c>
      <c r="Z6" s="271">
        <v>569</v>
      </c>
      <c r="AA6" s="273">
        <v>0</v>
      </c>
      <c r="AB6" s="274">
        <v>855</v>
      </c>
      <c r="AC6" s="274">
        <v>1128</v>
      </c>
      <c r="AD6" s="274">
        <v>641</v>
      </c>
      <c r="AE6" s="274">
        <v>575</v>
      </c>
      <c r="AF6" s="274">
        <v>449</v>
      </c>
      <c r="AG6" s="271">
        <v>3648</v>
      </c>
      <c r="AH6" s="276">
        <v>4217</v>
      </c>
      <c r="AI6" s="270">
        <v>16</v>
      </c>
      <c r="AJ6" s="274">
        <v>48</v>
      </c>
      <c r="AK6" s="271">
        <v>64</v>
      </c>
      <c r="AL6" s="273">
        <v>0</v>
      </c>
      <c r="AM6" s="274">
        <v>90</v>
      </c>
      <c r="AN6" s="274">
        <v>148</v>
      </c>
      <c r="AO6" s="274">
        <v>89</v>
      </c>
      <c r="AP6" s="274">
        <v>78</v>
      </c>
      <c r="AQ6" s="274">
        <v>44</v>
      </c>
      <c r="AR6" s="271">
        <v>449</v>
      </c>
      <c r="AS6" s="276">
        <v>513</v>
      </c>
      <c r="AT6" s="270">
        <v>319</v>
      </c>
      <c r="AU6" s="274">
        <v>329</v>
      </c>
      <c r="AV6" s="271">
        <v>648</v>
      </c>
      <c r="AW6" s="273">
        <v>0</v>
      </c>
      <c r="AX6" s="274">
        <v>1211</v>
      </c>
      <c r="AY6" s="274">
        <v>1514</v>
      </c>
      <c r="AZ6" s="274">
        <v>1243</v>
      </c>
      <c r="BA6" s="274">
        <v>1364</v>
      </c>
      <c r="BB6" s="274">
        <v>1033</v>
      </c>
      <c r="BC6" s="275">
        <v>6365</v>
      </c>
      <c r="BD6" s="276">
        <v>7013</v>
      </c>
      <c r="BE6" s="270">
        <v>0</v>
      </c>
      <c r="BF6" s="274">
        <v>0</v>
      </c>
      <c r="BG6" s="271">
        <v>0</v>
      </c>
      <c r="BH6" s="273">
        <v>0</v>
      </c>
      <c r="BI6" s="274">
        <v>1316</v>
      </c>
      <c r="BJ6" s="274">
        <v>1147</v>
      </c>
      <c r="BK6" s="274">
        <v>549</v>
      </c>
      <c r="BL6" s="274">
        <v>337</v>
      </c>
      <c r="BM6" s="274">
        <v>150</v>
      </c>
      <c r="BN6" s="271">
        <v>3499</v>
      </c>
      <c r="BO6" s="276">
        <v>3499</v>
      </c>
      <c r="BP6" s="270">
        <v>106</v>
      </c>
      <c r="BQ6" s="274">
        <v>153</v>
      </c>
      <c r="BR6" s="271">
        <v>259</v>
      </c>
      <c r="BS6" s="273">
        <v>0</v>
      </c>
      <c r="BT6" s="274">
        <v>300</v>
      </c>
      <c r="BU6" s="274">
        <v>440</v>
      </c>
      <c r="BV6" s="274">
        <v>256</v>
      </c>
      <c r="BW6" s="274">
        <v>193</v>
      </c>
      <c r="BX6" s="274">
        <v>66</v>
      </c>
      <c r="BY6" s="271">
        <v>1255</v>
      </c>
      <c r="BZ6" s="276">
        <v>1514</v>
      </c>
      <c r="CA6" s="270">
        <v>4</v>
      </c>
      <c r="CB6" s="274">
        <v>11</v>
      </c>
      <c r="CC6" s="271">
        <v>15</v>
      </c>
      <c r="CD6" s="273">
        <v>0</v>
      </c>
      <c r="CE6" s="274">
        <v>144</v>
      </c>
      <c r="CF6" s="274">
        <v>174</v>
      </c>
      <c r="CG6" s="274">
        <v>213</v>
      </c>
      <c r="CH6" s="274">
        <v>190</v>
      </c>
      <c r="CI6" s="274">
        <v>87</v>
      </c>
      <c r="CJ6" s="271">
        <v>808</v>
      </c>
      <c r="CK6" s="276">
        <v>823</v>
      </c>
      <c r="CL6" s="270">
        <v>0</v>
      </c>
      <c r="CM6" s="274">
        <v>3</v>
      </c>
      <c r="CN6" s="271">
        <v>3</v>
      </c>
      <c r="CO6" s="273">
        <v>0</v>
      </c>
      <c r="CP6" s="274">
        <v>16</v>
      </c>
      <c r="CQ6" s="274">
        <v>42</v>
      </c>
      <c r="CR6" s="274">
        <v>35</v>
      </c>
      <c r="CS6" s="274">
        <v>39</v>
      </c>
      <c r="CT6" s="274">
        <v>27</v>
      </c>
      <c r="CU6" s="271">
        <v>159</v>
      </c>
      <c r="CV6" s="276">
        <v>162</v>
      </c>
      <c r="CW6" s="270">
        <v>0</v>
      </c>
      <c r="CX6" s="274">
        <v>0</v>
      </c>
      <c r="CY6" s="271">
        <v>0</v>
      </c>
      <c r="CZ6" s="273">
        <v>0</v>
      </c>
      <c r="DA6" s="274">
        <v>0</v>
      </c>
      <c r="DB6" s="274">
        <v>0</v>
      </c>
      <c r="DC6" s="274">
        <v>0</v>
      </c>
      <c r="DD6" s="274">
        <v>0</v>
      </c>
      <c r="DE6" s="274">
        <v>0</v>
      </c>
      <c r="DF6" s="271">
        <v>0</v>
      </c>
      <c r="DG6" s="276">
        <v>0</v>
      </c>
      <c r="DH6" s="270">
        <v>0</v>
      </c>
      <c r="DI6" s="274">
        <v>0</v>
      </c>
      <c r="DJ6" s="271">
        <v>0</v>
      </c>
      <c r="DK6" s="273">
        <v>0</v>
      </c>
      <c r="DL6" s="274">
        <v>0</v>
      </c>
      <c r="DM6" s="274">
        <v>0</v>
      </c>
      <c r="DN6" s="274">
        <v>0</v>
      </c>
      <c r="DO6" s="274">
        <v>0</v>
      </c>
      <c r="DP6" s="274">
        <v>0</v>
      </c>
      <c r="DQ6" s="271">
        <v>0</v>
      </c>
      <c r="DR6" s="276">
        <v>0</v>
      </c>
      <c r="DS6" s="270">
        <v>574</v>
      </c>
      <c r="DT6" s="274">
        <v>1137</v>
      </c>
      <c r="DU6" s="271">
        <v>1711</v>
      </c>
      <c r="DV6" s="273">
        <v>0</v>
      </c>
      <c r="DW6" s="274">
        <v>1578</v>
      </c>
      <c r="DX6" s="274">
        <v>2677</v>
      </c>
      <c r="DY6" s="274">
        <v>1535</v>
      </c>
      <c r="DZ6" s="274">
        <v>1231</v>
      </c>
      <c r="EA6" s="274">
        <v>779</v>
      </c>
      <c r="EB6" s="271">
        <v>7800</v>
      </c>
      <c r="EC6" s="276">
        <v>9511</v>
      </c>
      <c r="ED6" s="270">
        <v>227</v>
      </c>
      <c r="EE6" s="274">
        <v>169</v>
      </c>
      <c r="EF6" s="271">
        <v>396</v>
      </c>
      <c r="EG6" s="273">
        <v>0</v>
      </c>
      <c r="EH6" s="274">
        <v>592</v>
      </c>
      <c r="EI6" s="274">
        <v>627</v>
      </c>
      <c r="EJ6" s="274">
        <v>536</v>
      </c>
      <c r="EK6" s="274">
        <v>606</v>
      </c>
      <c r="EL6" s="274">
        <v>389</v>
      </c>
      <c r="EM6" s="271">
        <v>2750</v>
      </c>
      <c r="EN6" s="276">
        <v>3146</v>
      </c>
      <c r="EO6" s="270">
        <v>819</v>
      </c>
      <c r="EP6" s="274">
        <v>1465</v>
      </c>
      <c r="EQ6" s="271">
        <v>2284</v>
      </c>
      <c r="ER6" s="273">
        <v>0</v>
      </c>
      <c r="ES6" s="274">
        <v>3665</v>
      </c>
      <c r="ET6" s="274">
        <v>3786</v>
      </c>
      <c r="EU6" s="274">
        <v>1844</v>
      </c>
      <c r="EV6" s="274">
        <v>1367</v>
      </c>
      <c r="EW6" s="274">
        <v>822</v>
      </c>
      <c r="EX6" s="271">
        <v>11484</v>
      </c>
      <c r="EY6" s="276">
        <v>13768</v>
      </c>
    </row>
    <row r="7" spans="1:155" ht="19.5" customHeight="1" x14ac:dyDescent="0.2">
      <c r="A7" s="262" t="s">
        <v>5</v>
      </c>
      <c r="B7" s="277">
        <v>0</v>
      </c>
      <c r="C7" s="281">
        <v>0</v>
      </c>
      <c r="D7" s="385">
        <v>0</v>
      </c>
      <c r="E7" s="280">
        <v>0</v>
      </c>
      <c r="F7" s="281">
        <v>434</v>
      </c>
      <c r="G7" s="281">
        <v>691</v>
      </c>
      <c r="H7" s="281">
        <v>278</v>
      </c>
      <c r="I7" s="281">
        <v>245</v>
      </c>
      <c r="J7" s="281">
        <v>191</v>
      </c>
      <c r="K7" s="282">
        <v>1839</v>
      </c>
      <c r="L7" s="283">
        <v>1839</v>
      </c>
      <c r="M7" s="277">
        <v>1</v>
      </c>
      <c r="N7" s="281">
        <v>2</v>
      </c>
      <c r="O7" s="278">
        <v>3</v>
      </c>
      <c r="P7" s="280">
        <v>0</v>
      </c>
      <c r="Q7" s="281">
        <v>1</v>
      </c>
      <c r="R7" s="281">
        <v>17</v>
      </c>
      <c r="S7" s="281">
        <v>26</v>
      </c>
      <c r="T7" s="281">
        <v>62</v>
      </c>
      <c r="U7" s="281">
        <v>89</v>
      </c>
      <c r="V7" s="278">
        <v>195</v>
      </c>
      <c r="W7" s="283">
        <v>198</v>
      </c>
      <c r="X7" s="277">
        <v>95</v>
      </c>
      <c r="Y7" s="281">
        <v>198</v>
      </c>
      <c r="Z7" s="278">
        <v>293</v>
      </c>
      <c r="AA7" s="280">
        <v>0</v>
      </c>
      <c r="AB7" s="281">
        <v>328</v>
      </c>
      <c r="AC7" s="281">
        <v>612</v>
      </c>
      <c r="AD7" s="281">
        <v>303</v>
      </c>
      <c r="AE7" s="281">
        <v>262</v>
      </c>
      <c r="AF7" s="281">
        <v>201</v>
      </c>
      <c r="AG7" s="278">
        <v>1706</v>
      </c>
      <c r="AH7" s="283">
        <v>1999</v>
      </c>
      <c r="AI7" s="277">
        <v>7</v>
      </c>
      <c r="AJ7" s="281">
        <v>30</v>
      </c>
      <c r="AK7" s="278">
        <v>37</v>
      </c>
      <c r="AL7" s="280">
        <v>0</v>
      </c>
      <c r="AM7" s="281">
        <v>32</v>
      </c>
      <c r="AN7" s="281">
        <v>76</v>
      </c>
      <c r="AO7" s="281">
        <v>34</v>
      </c>
      <c r="AP7" s="281">
        <v>35</v>
      </c>
      <c r="AQ7" s="281">
        <v>17</v>
      </c>
      <c r="AR7" s="278">
        <v>194</v>
      </c>
      <c r="AS7" s="283">
        <v>231</v>
      </c>
      <c r="AT7" s="277">
        <v>141</v>
      </c>
      <c r="AU7" s="281">
        <v>174</v>
      </c>
      <c r="AV7" s="278">
        <v>315</v>
      </c>
      <c r="AW7" s="280">
        <v>0</v>
      </c>
      <c r="AX7" s="281">
        <v>484</v>
      </c>
      <c r="AY7" s="281">
        <v>727</v>
      </c>
      <c r="AZ7" s="281">
        <v>562</v>
      </c>
      <c r="BA7" s="281">
        <v>569</v>
      </c>
      <c r="BB7" s="281">
        <v>448</v>
      </c>
      <c r="BC7" s="282">
        <v>2790</v>
      </c>
      <c r="BD7" s="283">
        <v>3105</v>
      </c>
      <c r="BE7" s="277">
        <v>0</v>
      </c>
      <c r="BF7" s="281">
        <v>0</v>
      </c>
      <c r="BG7" s="278">
        <v>0</v>
      </c>
      <c r="BH7" s="280">
        <v>0</v>
      </c>
      <c r="BI7" s="281">
        <v>446</v>
      </c>
      <c r="BJ7" s="281">
        <v>509</v>
      </c>
      <c r="BK7" s="281">
        <v>228</v>
      </c>
      <c r="BL7" s="281">
        <v>130</v>
      </c>
      <c r="BM7" s="281">
        <v>63</v>
      </c>
      <c r="BN7" s="278">
        <v>1376</v>
      </c>
      <c r="BO7" s="283">
        <v>1376</v>
      </c>
      <c r="BP7" s="277">
        <v>56</v>
      </c>
      <c r="BQ7" s="281">
        <v>74</v>
      </c>
      <c r="BR7" s="278">
        <v>130</v>
      </c>
      <c r="BS7" s="280">
        <v>0</v>
      </c>
      <c r="BT7" s="281">
        <v>106</v>
      </c>
      <c r="BU7" s="281">
        <v>234</v>
      </c>
      <c r="BV7" s="281">
        <v>127</v>
      </c>
      <c r="BW7" s="281">
        <v>83</v>
      </c>
      <c r="BX7" s="281">
        <v>34</v>
      </c>
      <c r="BY7" s="278">
        <v>584</v>
      </c>
      <c r="BZ7" s="283">
        <v>714</v>
      </c>
      <c r="CA7" s="277">
        <v>1</v>
      </c>
      <c r="CB7" s="281">
        <v>7</v>
      </c>
      <c r="CC7" s="278">
        <v>8</v>
      </c>
      <c r="CD7" s="280">
        <v>0</v>
      </c>
      <c r="CE7" s="281">
        <v>50</v>
      </c>
      <c r="CF7" s="281">
        <v>73</v>
      </c>
      <c r="CG7" s="281">
        <v>83</v>
      </c>
      <c r="CH7" s="281">
        <v>72</v>
      </c>
      <c r="CI7" s="281">
        <v>34</v>
      </c>
      <c r="CJ7" s="278">
        <v>312</v>
      </c>
      <c r="CK7" s="283">
        <v>320</v>
      </c>
      <c r="CL7" s="277">
        <v>0</v>
      </c>
      <c r="CM7" s="281">
        <v>3</v>
      </c>
      <c r="CN7" s="278">
        <v>3</v>
      </c>
      <c r="CO7" s="280">
        <v>0</v>
      </c>
      <c r="CP7" s="281">
        <v>10</v>
      </c>
      <c r="CQ7" s="281">
        <v>24</v>
      </c>
      <c r="CR7" s="281">
        <v>20</v>
      </c>
      <c r="CS7" s="281">
        <v>24</v>
      </c>
      <c r="CT7" s="281">
        <v>17</v>
      </c>
      <c r="CU7" s="278">
        <v>95</v>
      </c>
      <c r="CV7" s="283">
        <v>98</v>
      </c>
      <c r="CW7" s="277">
        <v>0</v>
      </c>
      <c r="CX7" s="281">
        <v>0</v>
      </c>
      <c r="CY7" s="278">
        <v>0</v>
      </c>
      <c r="CZ7" s="280">
        <v>0</v>
      </c>
      <c r="DA7" s="281">
        <v>0</v>
      </c>
      <c r="DB7" s="281">
        <v>0</v>
      </c>
      <c r="DC7" s="281">
        <v>0</v>
      </c>
      <c r="DD7" s="281">
        <v>0</v>
      </c>
      <c r="DE7" s="281">
        <v>0</v>
      </c>
      <c r="DF7" s="278">
        <v>0</v>
      </c>
      <c r="DG7" s="283">
        <v>0</v>
      </c>
      <c r="DH7" s="277">
        <v>0</v>
      </c>
      <c r="DI7" s="281">
        <v>0</v>
      </c>
      <c r="DJ7" s="278">
        <v>0</v>
      </c>
      <c r="DK7" s="280">
        <v>0</v>
      </c>
      <c r="DL7" s="281">
        <v>0</v>
      </c>
      <c r="DM7" s="281">
        <v>0</v>
      </c>
      <c r="DN7" s="281">
        <v>0</v>
      </c>
      <c r="DO7" s="281">
        <v>0</v>
      </c>
      <c r="DP7" s="281">
        <v>0</v>
      </c>
      <c r="DQ7" s="278">
        <v>0</v>
      </c>
      <c r="DR7" s="283">
        <v>0</v>
      </c>
      <c r="DS7" s="277">
        <v>212</v>
      </c>
      <c r="DT7" s="281">
        <v>515</v>
      </c>
      <c r="DU7" s="278">
        <v>727</v>
      </c>
      <c r="DV7" s="280">
        <v>0</v>
      </c>
      <c r="DW7" s="281">
        <v>491</v>
      </c>
      <c r="DX7" s="281">
        <v>1297</v>
      </c>
      <c r="DY7" s="281">
        <v>648</v>
      </c>
      <c r="DZ7" s="281">
        <v>507</v>
      </c>
      <c r="EA7" s="281">
        <v>333</v>
      </c>
      <c r="EB7" s="278">
        <v>3276</v>
      </c>
      <c r="EC7" s="283">
        <v>4003</v>
      </c>
      <c r="ED7" s="277">
        <v>95</v>
      </c>
      <c r="EE7" s="281">
        <v>79</v>
      </c>
      <c r="EF7" s="278">
        <v>174</v>
      </c>
      <c r="EG7" s="280">
        <v>0</v>
      </c>
      <c r="EH7" s="281">
        <v>250</v>
      </c>
      <c r="EI7" s="281">
        <v>317</v>
      </c>
      <c r="EJ7" s="281">
        <v>258</v>
      </c>
      <c r="EK7" s="281">
        <v>255</v>
      </c>
      <c r="EL7" s="281">
        <v>173</v>
      </c>
      <c r="EM7" s="278">
        <v>1253</v>
      </c>
      <c r="EN7" s="283">
        <v>1427</v>
      </c>
      <c r="EO7" s="277">
        <v>342</v>
      </c>
      <c r="EP7" s="281">
        <v>694</v>
      </c>
      <c r="EQ7" s="278">
        <v>1036</v>
      </c>
      <c r="ER7" s="280">
        <v>0</v>
      </c>
      <c r="ES7" s="281">
        <v>1314</v>
      </c>
      <c r="ET7" s="281">
        <v>1890</v>
      </c>
      <c r="EU7" s="281">
        <v>784</v>
      </c>
      <c r="EV7" s="281">
        <v>589</v>
      </c>
      <c r="EW7" s="281">
        <v>362</v>
      </c>
      <c r="EX7" s="278">
        <v>4939</v>
      </c>
      <c r="EY7" s="283">
        <v>5975</v>
      </c>
    </row>
    <row r="8" spans="1:155" ht="19.5" customHeight="1" x14ac:dyDescent="0.2">
      <c r="A8" s="262" t="s">
        <v>6</v>
      </c>
      <c r="B8" s="277">
        <v>0</v>
      </c>
      <c r="C8" s="281">
        <v>0</v>
      </c>
      <c r="D8" s="385">
        <v>0</v>
      </c>
      <c r="E8" s="280">
        <v>0</v>
      </c>
      <c r="F8" s="281">
        <v>220</v>
      </c>
      <c r="G8" s="281">
        <v>172</v>
      </c>
      <c r="H8" s="281">
        <v>109</v>
      </c>
      <c r="I8" s="281">
        <v>108</v>
      </c>
      <c r="J8" s="281">
        <v>65</v>
      </c>
      <c r="K8" s="282">
        <v>674</v>
      </c>
      <c r="L8" s="283">
        <v>674</v>
      </c>
      <c r="M8" s="277">
        <v>0</v>
      </c>
      <c r="N8" s="281">
        <v>1</v>
      </c>
      <c r="O8" s="278">
        <v>1</v>
      </c>
      <c r="P8" s="280">
        <v>0</v>
      </c>
      <c r="Q8" s="281">
        <v>0</v>
      </c>
      <c r="R8" s="281">
        <v>5</v>
      </c>
      <c r="S8" s="281">
        <v>10</v>
      </c>
      <c r="T8" s="281">
        <v>30</v>
      </c>
      <c r="U8" s="281">
        <v>33</v>
      </c>
      <c r="V8" s="278">
        <v>78</v>
      </c>
      <c r="W8" s="283">
        <v>79</v>
      </c>
      <c r="X8" s="277">
        <v>26</v>
      </c>
      <c r="Y8" s="281">
        <v>61</v>
      </c>
      <c r="Z8" s="278">
        <v>87</v>
      </c>
      <c r="AA8" s="280">
        <v>0</v>
      </c>
      <c r="AB8" s="281">
        <v>192</v>
      </c>
      <c r="AC8" s="281">
        <v>160</v>
      </c>
      <c r="AD8" s="281">
        <v>108</v>
      </c>
      <c r="AE8" s="281">
        <v>100</v>
      </c>
      <c r="AF8" s="281">
        <v>68</v>
      </c>
      <c r="AG8" s="278">
        <v>628</v>
      </c>
      <c r="AH8" s="283">
        <v>715</v>
      </c>
      <c r="AI8" s="277">
        <v>2</v>
      </c>
      <c r="AJ8" s="281">
        <v>3</v>
      </c>
      <c r="AK8" s="278">
        <v>5</v>
      </c>
      <c r="AL8" s="280">
        <v>0</v>
      </c>
      <c r="AM8" s="281">
        <v>18</v>
      </c>
      <c r="AN8" s="281">
        <v>18</v>
      </c>
      <c r="AO8" s="281">
        <v>9</v>
      </c>
      <c r="AP8" s="281">
        <v>13</v>
      </c>
      <c r="AQ8" s="281">
        <v>6</v>
      </c>
      <c r="AR8" s="278">
        <v>64</v>
      </c>
      <c r="AS8" s="283">
        <v>69</v>
      </c>
      <c r="AT8" s="277">
        <v>54</v>
      </c>
      <c r="AU8" s="281">
        <v>52</v>
      </c>
      <c r="AV8" s="278">
        <v>106</v>
      </c>
      <c r="AW8" s="280">
        <v>0</v>
      </c>
      <c r="AX8" s="281">
        <v>243</v>
      </c>
      <c r="AY8" s="281">
        <v>272</v>
      </c>
      <c r="AZ8" s="281">
        <v>233</v>
      </c>
      <c r="BA8" s="281">
        <v>264</v>
      </c>
      <c r="BB8" s="281">
        <v>193</v>
      </c>
      <c r="BC8" s="282">
        <v>1205</v>
      </c>
      <c r="BD8" s="283">
        <v>1311</v>
      </c>
      <c r="BE8" s="277">
        <v>0</v>
      </c>
      <c r="BF8" s="281">
        <v>0</v>
      </c>
      <c r="BG8" s="278">
        <v>0</v>
      </c>
      <c r="BH8" s="280">
        <v>0</v>
      </c>
      <c r="BI8" s="281">
        <v>257</v>
      </c>
      <c r="BJ8" s="281">
        <v>156</v>
      </c>
      <c r="BK8" s="281">
        <v>85</v>
      </c>
      <c r="BL8" s="281">
        <v>61</v>
      </c>
      <c r="BM8" s="281">
        <v>26</v>
      </c>
      <c r="BN8" s="278">
        <v>585</v>
      </c>
      <c r="BO8" s="283">
        <v>585</v>
      </c>
      <c r="BP8" s="277">
        <v>5</v>
      </c>
      <c r="BQ8" s="281">
        <v>15</v>
      </c>
      <c r="BR8" s="278">
        <v>20</v>
      </c>
      <c r="BS8" s="280">
        <v>0</v>
      </c>
      <c r="BT8" s="281">
        <v>49</v>
      </c>
      <c r="BU8" s="281">
        <v>55</v>
      </c>
      <c r="BV8" s="281">
        <v>27</v>
      </c>
      <c r="BW8" s="281">
        <v>40</v>
      </c>
      <c r="BX8" s="281">
        <v>6</v>
      </c>
      <c r="BY8" s="278">
        <v>177</v>
      </c>
      <c r="BZ8" s="283">
        <v>197</v>
      </c>
      <c r="CA8" s="277">
        <v>0</v>
      </c>
      <c r="CB8" s="281">
        <v>1</v>
      </c>
      <c r="CC8" s="278">
        <v>1</v>
      </c>
      <c r="CD8" s="280">
        <v>0</v>
      </c>
      <c r="CE8" s="281">
        <v>21</v>
      </c>
      <c r="CF8" s="281">
        <v>18</v>
      </c>
      <c r="CG8" s="281">
        <v>29</v>
      </c>
      <c r="CH8" s="281">
        <v>27</v>
      </c>
      <c r="CI8" s="281">
        <v>13</v>
      </c>
      <c r="CJ8" s="278">
        <v>108</v>
      </c>
      <c r="CK8" s="283">
        <v>109</v>
      </c>
      <c r="CL8" s="277">
        <v>0</v>
      </c>
      <c r="CM8" s="281">
        <v>0</v>
      </c>
      <c r="CN8" s="278">
        <v>0</v>
      </c>
      <c r="CO8" s="280">
        <v>0</v>
      </c>
      <c r="CP8" s="281">
        <v>2</v>
      </c>
      <c r="CQ8" s="281">
        <v>8</v>
      </c>
      <c r="CR8" s="281">
        <v>5</v>
      </c>
      <c r="CS8" s="281">
        <v>7</v>
      </c>
      <c r="CT8" s="281">
        <v>4</v>
      </c>
      <c r="CU8" s="278">
        <v>26</v>
      </c>
      <c r="CV8" s="283">
        <v>26</v>
      </c>
      <c r="CW8" s="277">
        <v>0</v>
      </c>
      <c r="CX8" s="281">
        <v>0</v>
      </c>
      <c r="CY8" s="278">
        <v>0</v>
      </c>
      <c r="CZ8" s="280">
        <v>0</v>
      </c>
      <c r="DA8" s="281">
        <v>0</v>
      </c>
      <c r="DB8" s="281">
        <v>0</v>
      </c>
      <c r="DC8" s="281">
        <v>0</v>
      </c>
      <c r="DD8" s="281">
        <v>0</v>
      </c>
      <c r="DE8" s="281">
        <v>0</v>
      </c>
      <c r="DF8" s="278">
        <v>0</v>
      </c>
      <c r="DG8" s="283">
        <v>0</v>
      </c>
      <c r="DH8" s="277">
        <v>0</v>
      </c>
      <c r="DI8" s="281">
        <v>0</v>
      </c>
      <c r="DJ8" s="278">
        <v>0</v>
      </c>
      <c r="DK8" s="280">
        <v>0</v>
      </c>
      <c r="DL8" s="281">
        <v>0</v>
      </c>
      <c r="DM8" s="281">
        <v>0</v>
      </c>
      <c r="DN8" s="281">
        <v>0</v>
      </c>
      <c r="DO8" s="281">
        <v>0</v>
      </c>
      <c r="DP8" s="281">
        <v>0</v>
      </c>
      <c r="DQ8" s="278">
        <v>0</v>
      </c>
      <c r="DR8" s="283">
        <v>0</v>
      </c>
      <c r="DS8" s="277">
        <v>96</v>
      </c>
      <c r="DT8" s="281">
        <v>162</v>
      </c>
      <c r="DU8" s="278">
        <v>258</v>
      </c>
      <c r="DV8" s="280">
        <v>0</v>
      </c>
      <c r="DW8" s="281">
        <v>337</v>
      </c>
      <c r="DX8" s="281">
        <v>406</v>
      </c>
      <c r="DY8" s="281">
        <v>263</v>
      </c>
      <c r="DZ8" s="281">
        <v>226</v>
      </c>
      <c r="EA8" s="281">
        <v>115</v>
      </c>
      <c r="EB8" s="278">
        <v>1347</v>
      </c>
      <c r="EC8" s="283">
        <v>1605</v>
      </c>
      <c r="ED8" s="277">
        <v>32</v>
      </c>
      <c r="EE8" s="281">
        <v>20</v>
      </c>
      <c r="EF8" s="278">
        <v>52</v>
      </c>
      <c r="EG8" s="280">
        <v>0</v>
      </c>
      <c r="EH8" s="281">
        <v>99</v>
      </c>
      <c r="EI8" s="281">
        <v>95</v>
      </c>
      <c r="EJ8" s="281">
        <v>87</v>
      </c>
      <c r="EK8" s="281">
        <v>114</v>
      </c>
      <c r="EL8" s="281">
        <v>76</v>
      </c>
      <c r="EM8" s="278">
        <v>471</v>
      </c>
      <c r="EN8" s="283">
        <v>523</v>
      </c>
      <c r="EO8" s="277">
        <v>121</v>
      </c>
      <c r="EP8" s="281">
        <v>204</v>
      </c>
      <c r="EQ8" s="278">
        <v>325</v>
      </c>
      <c r="ER8" s="280">
        <v>0</v>
      </c>
      <c r="ES8" s="281">
        <v>735</v>
      </c>
      <c r="ET8" s="281">
        <v>541</v>
      </c>
      <c r="EU8" s="281">
        <v>304</v>
      </c>
      <c r="EV8" s="281">
        <v>248</v>
      </c>
      <c r="EW8" s="281">
        <v>125</v>
      </c>
      <c r="EX8" s="278">
        <v>1953</v>
      </c>
      <c r="EY8" s="283">
        <v>2278</v>
      </c>
    </row>
    <row r="9" spans="1:155" ht="19.5" customHeight="1" x14ac:dyDescent="0.2">
      <c r="A9" s="262" t="s">
        <v>14</v>
      </c>
      <c r="B9" s="277">
        <v>0</v>
      </c>
      <c r="C9" s="281">
        <v>0</v>
      </c>
      <c r="D9" s="385">
        <v>0</v>
      </c>
      <c r="E9" s="280">
        <v>0</v>
      </c>
      <c r="F9" s="281">
        <v>59</v>
      </c>
      <c r="G9" s="281">
        <v>49</v>
      </c>
      <c r="H9" s="281">
        <v>44</v>
      </c>
      <c r="I9" s="281">
        <v>31</v>
      </c>
      <c r="J9" s="281">
        <v>26</v>
      </c>
      <c r="K9" s="282">
        <v>209</v>
      </c>
      <c r="L9" s="283">
        <v>209</v>
      </c>
      <c r="M9" s="277">
        <v>0</v>
      </c>
      <c r="N9" s="281">
        <v>0</v>
      </c>
      <c r="O9" s="278">
        <v>0</v>
      </c>
      <c r="P9" s="280">
        <v>0</v>
      </c>
      <c r="Q9" s="281">
        <v>0</v>
      </c>
      <c r="R9" s="281">
        <v>1</v>
      </c>
      <c r="S9" s="281">
        <v>2</v>
      </c>
      <c r="T9" s="281">
        <v>14</v>
      </c>
      <c r="U9" s="281">
        <v>20</v>
      </c>
      <c r="V9" s="278">
        <v>37</v>
      </c>
      <c r="W9" s="283">
        <v>37</v>
      </c>
      <c r="X9" s="277">
        <v>6</v>
      </c>
      <c r="Y9" s="281">
        <v>22</v>
      </c>
      <c r="Z9" s="278">
        <v>28</v>
      </c>
      <c r="AA9" s="280">
        <v>0</v>
      </c>
      <c r="AB9" s="281">
        <v>36</v>
      </c>
      <c r="AC9" s="281">
        <v>61</v>
      </c>
      <c r="AD9" s="281">
        <v>38</v>
      </c>
      <c r="AE9" s="281">
        <v>44</v>
      </c>
      <c r="AF9" s="281">
        <v>37</v>
      </c>
      <c r="AG9" s="278">
        <v>216</v>
      </c>
      <c r="AH9" s="283">
        <v>244</v>
      </c>
      <c r="AI9" s="277">
        <v>0</v>
      </c>
      <c r="AJ9" s="281">
        <v>2</v>
      </c>
      <c r="AK9" s="278">
        <v>2</v>
      </c>
      <c r="AL9" s="280">
        <v>0</v>
      </c>
      <c r="AM9" s="281">
        <v>1</v>
      </c>
      <c r="AN9" s="281">
        <v>3</v>
      </c>
      <c r="AO9" s="281">
        <v>4</v>
      </c>
      <c r="AP9" s="281">
        <v>3</v>
      </c>
      <c r="AQ9" s="281">
        <v>0</v>
      </c>
      <c r="AR9" s="278">
        <v>11</v>
      </c>
      <c r="AS9" s="283">
        <v>13</v>
      </c>
      <c r="AT9" s="277">
        <v>11</v>
      </c>
      <c r="AU9" s="281">
        <v>29</v>
      </c>
      <c r="AV9" s="278">
        <v>40</v>
      </c>
      <c r="AW9" s="280">
        <v>0</v>
      </c>
      <c r="AX9" s="281">
        <v>73</v>
      </c>
      <c r="AY9" s="281">
        <v>78</v>
      </c>
      <c r="AZ9" s="281">
        <v>73</v>
      </c>
      <c r="BA9" s="281">
        <v>84</v>
      </c>
      <c r="BB9" s="281">
        <v>61</v>
      </c>
      <c r="BC9" s="282">
        <v>369</v>
      </c>
      <c r="BD9" s="283">
        <v>409</v>
      </c>
      <c r="BE9" s="277">
        <v>0</v>
      </c>
      <c r="BF9" s="281">
        <v>0</v>
      </c>
      <c r="BG9" s="278">
        <v>0</v>
      </c>
      <c r="BH9" s="280">
        <v>0</v>
      </c>
      <c r="BI9" s="281">
        <v>87</v>
      </c>
      <c r="BJ9" s="281">
        <v>67</v>
      </c>
      <c r="BK9" s="281">
        <v>50</v>
      </c>
      <c r="BL9" s="281">
        <v>26</v>
      </c>
      <c r="BM9" s="281">
        <v>16</v>
      </c>
      <c r="BN9" s="278">
        <v>246</v>
      </c>
      <c r="BO9" s="283">
        <v>246</v>
      </c>
      <c r="BP9" s="277">
        <v>2</v>
      </c>
      <c r="BQ9" s="281">
        <v>3</v>
      </c>
      <c r="BR9" s="278">
        <v>5</v>
      </c>
      <c r="BS9" s="280">
        <v>0</v>
      </c>
      <c r="BT9" s="281">
        <v>9</v>
      </c>
      <c r="BU9" s="281">
        <v>14</v>
      </c>
      <c r="BV9" s="281">
        <v>10</v>
      </c>
      <c r="BW9" s="281">
        <v>9</v>
      </c>
      <c r="BX9" s="281">
        <v>3</v>
      </c>
      <c r="BY9" s="278">
        <v>45</v>
      </c>
      <c r="BZ9" s="283">
        <v>50</v>
      </c>
      <c r="CA9" s="277">
        <v>1</v>
      </c>
      <c r="CB9" s="281">
        <v>0</v>
      </c>
      <c r="CC9" s="278">
        <v>1</v>
      </c>
      <c r="CD9" s="280">
        <v>0</v>
      </c>
      <c r="CE9" s="281">
        <v>10</v>
      </c>
      <c r="CF9" s="281">
        <v>15</v>
      </c>
      <c r="CG9" s="281">
        <v>14</v>
      </c>
      <c r="CH9" s="281">
        <v>15</v>
      </c>
      <c r="CI9" s="281">
        <v>9</v>
      </c>
      <c r="CJ9" s="278">
        <v>63</v>
      </c>
      <c r="CK9" s="283">
        <v>64</v>
      </c>
      <c r="CL9" s="277">
        <v>0</v>
      </c>
      <c r="CM9" s="281">
        <v>0</v>
      </c>
      <c r="CN9" s="278">
        <v>0</v>
      </c>
      <c r="CO9" s="280">
        <v>0</v>
      </c>
      <c r="CP9" s="281">
        <v>0</v>
      </c>
      <c r="CQ9" s="281">
        <v>1</v>
      </c>
      <c r="CR9" s="281">
        <v>1</v>
      </c>
      <c r="CS9" s="281">
        <v>1</v>
      </c>
      <c r="CT9" s="281">
        <v>0</v>
      </c>
      <c r="CU9" s="278">
        <v>3</v>
      </c>
      <c r="CV9" s="283">
        <v>3</v>
      </c>
      <c r="CW9" s="277">
        <v>0</v>
      </c>
      <c r="CX9" s="281">
        <v>0</v>
      </c>
      <c r="CY9" s="278">
        <v>0</v>
      </c>
      <c r="CZ9" s="280">
        <v>0</v>
      </c>
      <c r="DA9" s="281">
        <v>0</v>
      </c>
      <c r="DB9" s="281">
        <v>0</v>
      </c>
      <c r="DC9" s="281">
        <v>0</v>
      </c>
      <c r="DD9" s="281">
        <v>0</v>
      </c>
      <c r="DE9" s="281">
        <v>0</v>
      </c>
      <c r="DF9" s="278">
        <v>0</v>
      </c>
      <c r="DG9" s="283">
        <v>0</v>
      </c>
      <c r="DH9" s="277">
        <v>0</v>
      </c>
      <c r="DI9" s="281">
        <v>0</v>
      </c>
      <c r="DJ9" s="278">
        <v>0</v>
      </c>
      <c r="DK9" s="280">
        <v>0</v>
      </c>
      <c r="DL9" s="281">
        <v>0</v>
      </c>
      <c r="DM9" s="281">
        <v>0</v>
      </c>
      <c r="DN9" s="281">
        <v>0</v>
      </c>
      <c r="DO9" s="281">
        <v>0</v>
      </c>
      <c r="DP9" s="281">
        <v>0</v>
      </c>
      <c r="DQ9" s="278">
        <v>0</v>
      </c>
      <c r="DR9" s="283">
        <v>0</v>
      </c>
      <c r="DS9" s="277">
        <v>25</v>
      </c>
      <c r="DT9" s="281">
        <v>80</v>
      </c>
      <c r="DU9" s="278">
        <v>105</v>
      </c>
      <c r="DV9" s="280">
        <v>0</v>
      </c>
      <c r="DW9" s="281">
        <v>85</v>
      </c>
      <c r="DX9" s="281">
        <v>141</v>
      </c>
      <c r="DY9" s="281">
        <v>102</v>
      </c>
      <c r="DZ9" s="281">
        <v>81</v>
      </c>
      <c r="EA9" s="281">
        <v>59</v>
      </c>
      <c r="EB9" s="278">
        <v>468</v>
      </c>
      <c r="EC9" s="283">
        <v>573</v>
      </c>
      <c r="ED9" s="277">
        <v>10</v>
      </c>
      <c r="EE9" s="281">
        <v>18</v>
      </c>
      <c r="EF9" s="278">
        <v>28</v>
      </c>
      <c r="EG9" s="280">
        <v>0</v>
      </c>
      <c r="EH9" s="281">
        <v>26</v>
      </c>
      <c r="EI9" s="281">
        <v>34</v>
      </c>
      <c r="EJ9" s="281">
        <v>35</v>
      </c>
      <c r="EK9" s="281">
        <v>33</v>
      </c>
      <c r="EL9" s="281">
        <v>14</v>
      </c>
      <c r="EM9" s="278">
        <v>142</v>
      </c>
      <c r="EN9" s="283">
        <v>170</v>
      </c>
      <c r="EO9" s="277">
        <v>34</v>
      </c>
      <c r="EP9" s="281">
        <v>91</v>
      </c>
      <c r="EQ9" s="278">
        <v>125</v>
      </c>
      <c r="ER9" s="280">
        <v>0</v>
      </c>
      <c r="ES9" s="281">
        <v>206</v>
      </c>
      <c r="ET9" s="281">
        <v>199</v>
      </c>
      <c r="EU9" s="281">
        <v>124</v>
      </c>
      <c r="EV9" s="281">
        <v>90</v>
      </c>
      <c r="EW9" s="281">
        <v>63</v>
      </c>
      <c r="EX9" s="278">
        <v>682</v>
      </c>
      <c r="EY9" s="283">
        <v>807</v>
      </c>
    </row>
    <row r="10" spans="1:155" ht="19.5" customHeight="1" x14ac:dyDescent="0.2">
      <c r="A10" s="262" t="s">
        <v>7</v>
      </c>
      <c r="B10" s="277">
        <v>0</v>
      </c>
      <c r="C10" s="281">
        <v>0</v>
      </c>
      <c r="D10" s="385">
        <v>0</v>
      </c>
      <c r="E10" s="280">
        <v>0</v>
      </c>
      <c r="F10" s="281">
        <v>51</v>
      </c>
      <c r="G10" s="281">
        <v>43</v>
      </c>
      <c r="H10" s="281">
        <v>20</v>
      </c>
      <c r="I10" s="281">
        <v>10</v>
      </c>
      <c r="J10" s="281">
        <v>18</v>
      </c>
      <c r="K10" s="282">
        <v>142</v>
      </c>
      <c r="L10" s="283">
        <v>142</v>
      </c>
      <c r="M10" s="277">
        <v>0</v>
      </c>
      <c r="N10" s="281">
        <v>0</v>
      </c>
      <c r="O10" s="278">
        <v>0</v>
      </c>
      <c r="P10" s="280">
        <v>0</v>
      </c>
      <c r="Q10" s="281">
        <v>2</v>
      </c>
      <c r="R10" s="281">
        <v>3</v>
      </c>
      <c r="S10" s="281">
        <v>0</v>
      </c>
      <c r="T10" s="281">
        <v>2</v>
      </c>
      <c r="U10" s="281">
        <v>6</v>
      </c>
      <c r="V10" s="278">
        <v>13</v>
      </c>
      <c r="W10" s="283">
        <v>13</v>
      </c>
      <c r="X10" s="277">
        <v>0</v>
      </c>
      <c r="Y10" s="281">
        <v>3</v>
      </c>
      <c r="Z10" s="278">
        <v>3</v>
      </c>
      <c r="AA10" s="280">
        <v>0</v>
      </c>
      <c r="AB10" s="281">
        <v>29</v>
      </c>
      <c r="AC10" s="281">
        <v>33</v>
      </c>
      <c r="AD10" s="281">
        <v>14</v>
      </c>
      <c r="AE10" s="281">
        <v>9</v>
      </c>
      <c r="AF10" s="281">
        <v>16</v>
      </c>
      <c r="AG10" s="278">
        <v>101</v>
      </c>
      <c r="AH10" s="283">
        <v>104</v>
      </c>
      <c r="AI10" s="277">
        <v>0</v>
      </c>
      <c r="AJ10" s="281">
        <v>0</v>
      </c>
      <c r="AK10" s="278">
        <v>0</v>
      </c>
      <c r="AL10" s="280">
        <v>0</v>
      </c>
      <c r="AM10" s="281">
        <v>3</v>
      </c>
      <c r="AN10" s="281">
        <v>4</v>
      </c>
      <c r="AO10" s="281">
        <v>5</v>
      </c>
      <c r="AP10" s="281">
        <v>1</v>
      </c>
      <c r="AQ10" s="281">
        <v>0</v>
      </c>
      <c r="AR10" s="278">
        <v>13</v>
      </c>
      <c r="AS10" s="283">
        <v>13</v>
      </c>
      <c r="AT10" s="277">
        <v>13</v>
      </c>
      <c r="AU10" s="281">
        <v>5</v>
      </c>
      <c r="AV10" s="278">
        <v>18</v>
      </c>
      <c r="AW10" s="280">
        <v>0</v>
      </c>
      <c r="AX10" s="281">
        <v>58</v>
      </c>
      <c r="AY10" s="281">
        <v>54</v>
      </c>
      <c r="AZ10" s="281">
        <v>33</v>
      </c>
      <c r="BA10" s="281">
        <v>31</v>
      </c>
      <c r="BB10" s="281">
        <v>30</v>
      </c>
      <c r="BC10" s="282">
        <v>206</v>
      </c>
      <c r="BD10" s="283">
        <v>224</v>
      </c>
      <c r="BE10" s="277">
        <v>0</v>
      </c>
      <c r="BF10" s="281">
        <v>0</v>
      </c>
      <c r="BG10" s="278">
        <v>0</v>
      </c>
      <c r="BH10" s="280">
        <v>0</v>
      </c>
      <c r="BI10" s="281">
        <v>63</v>
      </c>
      <c r="BJ10" s="281">
        <v>39</v>
      </c>
      <c r="BK10" s="281">
        <v>10</v>
      </c>
      <c r="BL10" s="281">
        <v>5</v>
      </c>
      <c r="BM10" s="281">
        <v>8</v>
      </c>
      <c r="BN10" s="278">
        <v>125</v>
      </c>
      <c r="BO10" s="283">
        <v>125</v>
      </c>
      <c r="BP10" s="277">
        <v>2</v>
      </c>
      <c r="BQ10" s="281">
        <v>3</v>
      </c>
      <c r="BR10" s="278">
        <v>5</v>
      </c>
      <c r="BS10" s="280">
        <v>0</v>
      </c>
      <c r="BT10" s="281">
        <v>19</v>
      </c>
      <c r="BU10" s="281">
        <v>12</v>
      </c>
      <c r="BV10" s="281">
        <v>10</v>
      </c>
      <c r="BW10" s="281">
        <v>1</v>
      </c>
      <c r="BX10" s="281">
        <v>2</v>
      </c>
      <c r="BY10" s="278">
        <v>44</v>
      </c>
      <c r="BZ10" s="283">
        <v>49</v>
      </c>
      <c r="CA10" s="277">
        <v>0</v>
      </c>
      <c r="CB10" s="281">
        <v>0</v>
      </c>
      <c r="CC10" s="278">
        <v>0</v>
      </c>
      <c r="CD10" s="280">
        <v>0</v>
      </c>
      <c r="CE10" s="281">
        <v>6</v>
      </c>
      <c r="CF10" s="281">
        <v>8</v>
      </c>
      <c r="CG10" s="281">
        <v>8</v>
      </c>
      <c r="CH10" s="281">
        <v>5</v>
      </c>
      <c r="CI10" s="281">
        <v>3</v>
      </c>
      <c r="CJ10" s="278">
        <v>30</v>
      </c>
      <c r="CK10" s="283">
        <v>30</v>
      </c>
      <c r="CL10" s="277">
        <v>0</v>
      </c>
      <c r="CM10" s="281">
        <v>0</v>
      </c>
      <c r="CN10" s="278">
        <v>0</v>
      </c>
      <c r="CO10" s="280">
        <v>0</v>
      </c>
      <c r="CP10" s="281">
        <v>0</v>
      </c>
      <c r="CQ10" s="281">
        <v>0</v>
      </c>
      <c r="CR10" s="281">
        <v>0</v>
      </c>
      <c r="CS10" s="281">
        <v>0</v>
      </c>
      <c r="CT10" s="281">
        <v>2</v>
      </c>
      <c r="CU10" s="278">
        <v>2</v>
      </c>
      <c r="CV10" s="283">
        <v>2</v>
      </c>
      <c r="CW10" s="277">
        <v>0</v>
      </c>
      <c r="CX10" s="281">
        <v>0</v>
      </c>
      <c r="CY10" s="278">
        <v>0</v>
      </c>
      <c r="CZ10" s="280">
        <v>0</v>
      </c>
      <c r="DA10" s="281">
        <v>0</v>
      </c>
      <c r="DB10" s="281">
        <v>0</v>
      </c>
      <c r="DC10" s="281">
        <v>0</v>
      </c>
      <c r="DD10" s="281">
        <v>0</v>
      </c>
      <c r="DE10" s="281">
        <v>0</v>
      </c>
      <c r="DF10" s="278">
        <v>0</v>
      </c>
      <c r="DG10" s="283">
        <v>0</v>
      </c>
      <c r="DH10" s="277">
        <v>0</v>
      </c>
      <c r="DI10" s="281">
        <v>0</v>
      </c>
      <c r="DJ10" s="278">
        <v>0</v>
      </c>
      <c r="DK10" s="280">
        <v>0</v>
      </c>
      <c r="DL10" s="281">
        <v>0</v>
      </c>
      <c r="DM10" s="281">
        <v>0</v>
      </c>
      <c r="DN10" s="281">
        <v>0</v>
      </c>
      <c r="DO10" s="281">
        <v>0</v>
      </c>
      <c r="DP10" s="281">
        <v>0</v>
      </c>
      <c r="DQ10" s="278">
        <v>0</v>
      </c>
      <c r="DR10" s="283">
        <v>0</v>
      </c>
      <c r="DS10" s="277">
        <v>16</v>
      </c>
      <c r="DT10" s="281">
        <v>20</v>
      </c>
      <c r="DU10" s="278">
        <v>36</v>
      </c>
      <c r="DV10" s="280">
        <v>0</v>
      </c>
      <c r="DW10" s="281">
        <v>79</v>
      </c>
      <c r="DX10" s="281">
        <v>102</v>
      </c>
      <c r="DY10" s="281">
        <v>52</v>
      </c>
      <c r="DZ10" s="281">
        <v>23</v>
      </c>
      <c r="EA10" s="281">
        <v>27</v>
      </c>
      <c r="EB10" s="278">
        <v>283</v>
      </c>
      <c r="EC10" s="283">
        <v>319</v>
      </c>
      <c r="ED10" s="277">
        <v>11</v>
      </c>
      <c r="EE10" s="281">
        <v>5</v>
      </c>
      <c r="EF10" s="278">
        <v>16</v>
      </c>
      <c r="EG10" s="280">
        <v>0</v>
      </c>
      <c r="EH10" s="281">
        <v>28</v>
      </c>
      <c r="EI10" s="281">
        <v>26</v>
      </c>
      <c r="EJ10" s="281">
        <v>17</v>
      </c>
      <c r="EK10" s="281">
        <v>19</v>
      </c>
      <c r="EL10" s="281">
        <v>8</v>
      </c>
      <c r="EM10" s="278">
        <v>98</v>
      </c>
      <c r="EN10" s="283">
        <v>114</v>
      </c>
      <c r="EO10" s="277">
        <v>17</v>
      </c>
      <c r="EP10" s="281">
        <v>23</v>
      </c>
      <c r="EQ10" s="278">
        <v>40</v>
      </c>
      <c r="ER10" s="280">
        <v>0</v>
      </c>
      <c r="ES10" s="281">
        <v>163</v>
      </c>
      <c r="ET10" s="281">
        <v>133</v>
      </c>
      <c r="EU10" s="281">
        <v>66</v>
      </c>
      <c r="EV10" s="281">
        <v>28</v>
      </c>
      <c r="EW10" s="281">
        <v>29</v>
      </c>
      <c r="EX10" s="278">
        <v>419</v>
      </c>
      <c r="EY10" s="283">
        <v>459</v>
      </c>
    </row>
    <row r="11" spans="1:155" ht="19.5" customHeight="1" x14ac:dyDescent="0.2">
      <c r="A11" s="262" t="s">
        <v>8</v>
      </c>
      <c r="B11" s="277">
        <v>0</v>
      </c>
      <c r="C11" s="281">
        <v>0</v>
      </c>
      <c r="D11" s="385">
        <v>0</v>
      </c>
      <c r="E11" s="280">
        <v>0</v>
      </c>
      <c r="F11" s="281">
        <v>20</v>
      </c>
      <c r="G11" s="281">
        <v>28</v>
      </c>
      <c r="H11" s="281">
        <v>8</v>
      </c>
      <c r="I11" s="281">
        <v>13</v>
      </c>
      <c r="J11" s="281">
        <v>6</v>
      </c>
      <c r="K11" s="282">
        <v>75</v>
      </c>
      <c r="L11" s="283">
        <v>75</v>
      </c>
      <c r="M11" s="277">
        <v>0</v>
      </c>
      <c r="N11" s="281">
        <v>0</v>
      </c>
      <c r="O11" s="278">
        <v>0</v>
      </c>
      <c r="P11" s="280">
        <v>0</v>
      </c>
      <c r="Q11" s="281">
        <v>0</v>
      </c>
      <c r="R11" s="281">
        <v>2</v>
      </c>
      <c r="S11" s="281">
        <v>0</v>
      </c>
      <c r="T11" s="281">
        <v>7</v>
      </c>
      <c r="U11" s="281">
        <v>2</v>
      </c>
      <c r="V11" s="278">
        <v>11</v>
      </c>
      <c r="W11" s="283">
        <v>11</v>
      </c>
      <c r="X11" s="277">
        <v>1</v>
      </c>
      <c r="Y11" s="281">
        <v>2</v>
      </c>
      <c r="Z11" s="278">
        <v>3</v>
      </c>
      <c r="AA11" s="280">
        <v>0</v>
      </c>
      <c r="AB11" s="281">
        <v>12</v>
      </c>
      <c r="AC11" s="281">
        <v>13</v>
      </c>
      <c r="AD11" s="281">
        <v>5</v>
      </c>
      <c r="AE11" s="281">
        <v>13</v>
      </c>
      <c r="AF11" s="281">
        <v>2</v>
      </c>
      <c r="AG11" s="278">
        <v>45</v>
      </c>
      <c r="AH11" s="283">
        <v>48</v>
      </c>
      <c r="AI11" s="277">
        <v>0</v>
      </c>
      <c r="AJ11" s="281">
        <v>1</v>
      </c>
      <c r="AK11" s="278">
        <v>1</v>
      </c>
      <c r="AL11" s="280">
        <v>0</v>
      </c>
      <c r="AM11" s="281">
        <v>2</v>
      </c>
      <c r="AN11" s="281">
        <v>6</v>
      </c>
      <c r="AO11" s="281">
        <v>6</v>
      </c>
      <c r="AP11" s="281">
        <v>4</v>
      </c>
      <c r="AQ11" s="281">
        <v>2</v>
      </c>
      <c r="AR11" s="278">
        <v>20</v>
      </c>
      <c r="AS11" s="283">
        <v>21</v>
      </c>
      <c r="AT11" s="277">
        <v>6</v>
      </c>
      <c r="AU11" s="281">
        <v>2</v>
      </c>
      <c r="AV11" s="278">
        <v>8</v>
      </c>
      <c r="AW11" s="280">
        <v>0</v>
      </c>
      <c r="AX11" s="281">
        <v>11</v>
      </c>
      <c r="AY11" s="281">
        <v>25</v>
      </c>
      <c r="AZ11" s="281">
        <v>17</v>
      </c>
      <c r="BA11" s="281">
        <v>31</v>
      </c>
      <c r="BB11" s="281">
        <v>12</v>
      </c>
      <c r="BC11" s="282">
        <v>96</v>
      </c>
      <c r="BD11" s="283">
        <v>104</v>
      </c>
      <c r="BE11" s="277">
        <v>0</v>
      </c>
      <c r="BF11" s="281">
        <v>0</v>
      </c>
      <c r="BG11" s="278">
        <v>0</v>
      </c>
      <c r="BH11" s="280">
        <v>0</v>
      </c>
      <c r="BI11" s="281">
        <v>23</v>
      </c>
      <c r="BJ11" s="281">
        <v>29</v>
      </c>
      <c r="BK11" s="281">
        <v>7</v>
      </c>
      <c r="BL11" s="281">
        <v>11</v>
      </c>
      <c r="BM11" s="281">
        <v>3</v>
      </c>
      <c r="BN11" s="278">
        <v>73</v>
      </c>
      <c r="BO11" s="283">
        <v>73</v>
      </c>
      <c r="BP11" s="277">
        <v>1</v>
      </c>
      <c r="BQ11" s="281">
        <v>3</v>
      </c>
      <c r="BR11" s="278">
        <v>4</v>
      </c>
      <c r="BS11" s="280">
        <v>0</v>
      </c>
      <c r="BT11" s="281">
        <v>14</v>
      </c>
      <c r="BU11" s="281">
        <v>8</v>
      </c>
      <c r="BV11" s="281">
        <v>5</v>
      </c>
      <c r="BW11" s="281">
        <v>6</v>
      </c>
      <c r="BX11" s="281">
        <v>2</v>
      </c>
      <c r="BY11" s="278">
        <v>35</v>
      </c>
      <c r="BZ11" s="283">
        <v>39</v>
      </c>
      <c r="CA11" s="277">
        <v>0</v>
      </c>
      <c r="CB11" s="281">
        <v>0</v>
      </c>
      <c r="CC11" s="278">
        <v>0</v>
      </c>
      <c r="CD11" s="280">
        <v>0</v>
      </c>
      <c r="CE11" s="281">
        <v>2</v>
      </c>
      <c r="CF11" s="281">
        <v>8</v>
      </c>
      <c r="CG11" s="281">
        <v>2</v>
      </c>
      <c r="CH11" s="281">
        <v>4</v>
      </c>
      <c r="CI11" s="281">
        <v>1</v>
      </c>
      <c r="CJ11" s="278">
        <v>17</v>
      </c>
      <c r="CK11" s="283">
        <v>17</v>
      </c>
      <c r="CL11" s="277">
        <v>0</v>
      </c>
      <c r="CM11" s="281">
        <v>0</v>
      </c>
      <c r="CN11" s="278">
        <v>0</v>
      </c>
      <c r="CO11" s="280">
        <v>0</v>
      </c>
      <c r="CP11" s="281">
        <v>0</v>
      </c>
      <c r="CQ11" s="281">
        <v>0</v>
      </c>
      <c r="CR11" s="281">
        <v>0</v>
      </c>
      <c r="CS11" s="281">
        <v>0</v>
      </c>
      <c r="CT11" s="281">
        <v>0</v>
      </c>
      <c r="CU11" s="278">
        <v>0</v>
      </c>
      <c r="CV11" s="283">
        <v>0</v>
      </c>
      <c r="CW11" s="277">
        <v>0</v>
      </c>
      <c r="CX11" s="281">
        <v>0</v>
      </c>
      <c r="CY11" s="278">
        <v>0</v>
      </c>
      <c r="CZ11" s="280">
        <v>0</v>
      </c>
      <c r="DA11" s="281">
        <v>0</v>
      </c>
      <c r="DB11" s="281">
        <v>0</v>
      </c>
      <c r="DC11" s="281">
        <v>0</v>
      </c>
      <c r="DD11" s="281">
        <v>0</v>
      </c>
      <c r="DE11" s="281">
        <v>0</v>
      </c>
      <c r="DF11" s="278">
        <v>0</v>
      </c>
      <c r="DG11" s="283">
        <v>0</v>
      </c>
      <c r="DH11" s="277">
        <v>0</v>
      </c>
      <c r="DI11" s="281">
        <v>0</v>
      </c>
      <c r="DJ11" s="278">
        <v>0</v>
      </c>
      <c r="DK11" s="280">
        <v>0</v>
      </c>
      <c r="DL11" s="281">
        <v>0</v>
      </c>
      <c r="DM11" s="281">
        <v>0</v>
      </c>
      <c r="DN11" s="281">
        <v>0</v>
      </c>
      <c r="DO11" s="281">
        <v>0</v>
      </c>
      <c r="DP11" s="281">
        <v>0</v>
      </c>
      <c r="DQ11" s="278">
        <v>0</v>
      </c>
      <c r="DR11" s="283">
        <v>0</v>
      </c>
      <c r="DS11" s="277">
        <v>9</v>
      </c>
      <c r="DT11" s="281">
        <v>15</v>
      </c>
      <c r="DU11" s="278">
        <v>24</v>
      </c>
      <c r="DV11" s="280">
        <v>0</v>
      </c>
      <c r="DW11" s="281">
        <v>46</v>
      </c>
      <c r="DX11" s="281">
        <v>63</v>
      </c>
      <c r="DY11" s="281">
        <v>25</v>
      </c>
      <c r="DZ11" s="281">
        <v>31</v>
      </c>
      <c r="EA11" s="281">
        <v>9</v>
      </c>
      <c r="EB11" s="278">
        <v>174</v>
      </c>
      <c r="EC11" s="283">
        <v>198</v>
      </c>
      <c r="ED11" s="277">
        <v>6</v>
      </c>
      <c r="EE11" s="281">
        <v>0</v>
      </c>
      <c r="EF11" s="278">
        <v>6</v>
      </c>
      <c r="EG11" s="280">
        <v>0</v>
      </c>
      <c r="EH11" s="281">
        <v>9</v>
      </c>
      <c r="EI11" s="281">
        <v>11</v>
      </c>
      <c r="EJ11" s="281">
        <v>11</v>
      </c>
      <c r="EK11" s="281">
        <v>7</v>
      </c>
      <c r="EL11" s="281">
        <v>8</v>
      </c>
      <c r="EM11" s="278">
        <v>46</v>
      </c>
      <c r="EN11" s="283">
        <v>52</v>
      </c>
      <c r="EO11" s="277">
        <v>11</v>
      </c>
      <c r="EP11" s="281">
        <v>19</v>
      </c>
      <c r="EQ11" s="278">
        <v>30</v>
      </c>
      <c r="ER11" s="280">
        <v>0</v>
      </c>
      <c r="ES11" s="281">
        <v>92</v>
      </c>
      <c r="ET11" s="281">
        <v>87</v>
      </c>
      <c r="EU11" s="281">
        <v>28</v>
      </c>
      <c r="EV11" s="281">
        <v>34</v>
      </c>
      <c r="EW11" s="281">
        <v>8</v>
      </c>
      <c r="EX11" s="278">
        <v>249</v>
      </c>
      <c r="EY11" s="283">
        <v>279</v>
      </c>
    </row>
    <row r="12" spans="1:155" ht="19.5" customHeight="1" x14ac:dyDescent="0.2">
      <c r="A12" s="262" t="s">
        <v>9</v>
      </c>
      <c r="B12" s="277">
        <v>0</v>
      </c>
      <c r="C12" s="281">
        <v>0</v>
      </c>
      <c r="D12" s="385">
        <v>0</v>
      </c>
      <c r="E12" s="280">
        <v>0</v>
      </c>
      <c r="F12" s="281">
        <v>71</v>
      </c>
      <c r="G12" s="281">
        <v>44</v>
      </c>
      <c r="H12" s="281">
        <v>36</v>
      </c>
      <c r="I12" s="281">
        <v>43</v>
      </c>
      <c r="J12" s="281">
        <v>33</v>
      </c>
      <c r="K12" s="282">
        <v>227</v>
      </c>
      <c r="L12" s="283">
        <v>227</v>
      </c>
      <c r="M12" s="277">
        <v>0</v>
      </c>
      <c r="N12" s="281">
        <v>0</v>
      </c>
      <c r="O12" s="278">
        <v>0</v>
      </c>
      <c r="P12" s="280">
        <v>0</v>
      </c>
      <c r="Q12" s="281">
        <v>2</v>
      </c>
      <c r="R12" s="281">
        <v>0</v>
      </c>
      <c r="S12" s="281">
        <v>3</v>
      </c>
      <c r="T12" s="281">
        <v>6</v>
      </c>
      <c r="U12" s="281">
        <v>15</v>
      </c>
      <c r="V12" s="278">
        <v>26</v>
      </c>
      <c r="W12" s="283">
        <v>26</v>
      </c>
      <c r="X12" s="277">
        <v>4</v>
      </c>
      <c r="Y12" s="281">
        <v>13</v>
      </c>
      <c r="Z12" s="278">
        <v>17</v>
      </c>
      <c r="AA12" s="280">
        <v>0</v>
      </c>
      <c r="AB12" s="281">
        <v>51</v>
      </c>
      <c r="AC12" s="281">
        <v>30</v>
      </c>
      <c r="AD12" s="281">
        <v>25</v>
      </c>
      <c r="AE12" s="281">
        <v>34</v>
      </c>
      <c r="AF12" s="281">
        <v>17</v>
      </c>
      <c r="AG12" s="278">
        <v>157</v>
      </c>
      <c r="AH12" s="283">
        <v>174</v>
      </c>
      <c r="AI12" s="277">
        <v>1</v>
      </c>
      <c r="AJ12" s="281">
        <v>1</v>
      </c>
      <c r="AK12" s="278">
        <v>2</v>
      </c>
      <c r="AL12" s="280">
        <v>0</v>
      </c>
      <c r="AM12" s="281">
        <v>10</v>
      </c>
      <c r="AN12" s="281">
        <v>10</v>
      </c>
      <c r="AO12" s="281">
        <v>9</v>
      </c>
      <c r="AP12" s="281">
        <v>8</v>
      </c>
      <c r="AQ12" s="281">
        <v>5</v>
      </c>
      <c r="AR12" s="278">
        <v>42</v>
      </c>
      <c r="AS12" s="283">
        <v>44</v>
      </c>
      <c r="AT12" s="277">
        <v>16</v>
      </c>
      <c r="AU12" s="281">
        <v>7</v>
      </c>
      <c r="AV12" s="278">
        <v>23</v>
      </c>
      <c r="AW12" s="280">
        <v>0</v>
      </c>
      <c r="AX12" s="281">
        <v>51</v>
      </c>
      <c r="AY12" s="281">
        <v>65</v>
      </c>
      <c r="AZ12" s="281">
        <v>61</v>
      </c>
      <c r="BA12" s="281">
        <v>71</v>
      </c>
      <c r="BB12" s="281">
        <v>49</v>
      </c>
      <c r="BC12" s="282">
        <v>297</v>
      </c>
      <c r="BD12" s="283">
        <v>320</v>
      </c>
      <c r="BE12" s="277">
        <v>0</v>
      </c>
      <c r="BF12" s="281">
        <v>0</v>
      </c>
      <c r="BG12" s="278">
        <v>0</v>
      </c>
      <c r="BH12" s="280">
        <v>0</v>
      </c>
      <c r="BI12" s="281">
        <v>54</v>
      </c>
      <c r="BJ12" s="281">
        <v>42</v>
      </c>
      <c r="BK12" s="281">
        <v>25</v>
      </c>
      <c r="BL12" s="281">
        <v>11</v>
      </c>
      <c r="BM12" s="281">
        <v>4</v>
      </c>
      <c r="BN12" s="278">
        <v>136</v>
      </c>
      <c r="BO12" s="283">
        <v>136</v>
      </c>
      <c r="BP12" s="277">
        <v>4</v>
      </c>
      <c r="BQ12" s="281">
        <v>7</v>
      </c>
      <c r="BR12" s="278">
        <v>11</v>
      </c>
      <c r="BS12" s="280">
        <v>0</v>
      </c>
      <c r="BT12" s="281">
        <v>11</v>
      </c>
      <c r="BU12" s="281">
        <v>11</v>
      </c>
      <c r="BV12" s="281">
        <v>5</v>
      </c>
      <c r="BW12" s="281">
        <v>6</v>
      </c>
      <c r="BX12" s="281">
        <v>1</v>
      </c>
      <c r="BY12" s="278">
        <v>34</v>
      </c>
      <c r="BZ12" s="283">
        <v>45</v>
      </c>
      <c r="CA12" s="277">
        <v>0</v>
      </c>
      <c r="CB12" s="281">
        <v>0</v>
      </c>
      <c r="CC12" s="278">
        <v>0</v>
      </c>
      <c r="CD12" s="280">
        <v>0</v>
      </c>
      <c r="CE12" s="281">
        <v>5</v>
      </c>
      <c r="CF12" s="281">
        <v>8</v>
      </c>
      <c r="CG12" s="281">
        <v>8</v>
      </c>
      <c r="CH12" s="281">
        <v>12</v>
      </c>
      <c r="CI12" s="281">
        <v>6</v>
      </c>
      <c r="CJ12" s="278">
        <v>39</v>
      </c>
      <c r="CK12" s="283">
        <v>39</v>
      </c>
      <c r="CL12" s="277">
        <v>0</v>
      </c>
      <c r="CM12" s="281">
        <v>0</v>
      </c>
      <c r="CN12" s="278">
        <v>0</v>
      </c>
      <c r="CO12" s="280">
        <v>0</v>
      </c>
      <c r="CP12" s="281">
        <v>0</v>
      </c>
      <c r="CQ12" s="281">
        <v>1</v>
      </c>
      <c r="CR12" s="281">
        <v>3</v>
      </c>
      <c r="CS12" s="281">
        <v>0</v>
      </c>
      <c r="CT12" s="281">
        <v>1</v>
      </c>
      <c r="CU12" s="278">
        <v>5</v>
      </c>
      <c r="CV12" s="283">
        <v>5</v>
      </c>
      <c r="CW12" s="277">
        <v>0</v>
      </c>
      <c r="CX12" s="281">
        <v>0</v>
      </c>
      <c r="CY12" s="278">
        <v>0</v>
      </c>
      <c r="CZ12" s="280">
        <v>0</v>
      </c>
      <c r="DA12" s="281">
        <v>0</v>
      </c>
      <c r="DB12" s="281">
        <v>0</v>
      </c>
      <c r="DC12" s="281">
        <v>0</v>
      </c>
      <c r="DD12" s="281">
        <v>0</v>
      </c>
      <c r="DE12" s="281">
        <v>0</v>
      </c>
      <c r="DF12" s="278">
        <v>0</v>
      </c>
      <c r="DG12" s="283">
        <v>0</v>
      </c>
      <c r="DH12" s="277">
        <v>0</v>
      </c>
      <c r="DI12" s="281">
        <v>0</v>
      </c>
      <c r="DJ12" s="278">
        <v>0</v>
      </c>
      <c r="DK12" s="280">
        <v>0</v>
      </c>
      <c r="DL12" s="281">
        <v>0</v>
      </c>
      <c r="DM12" s="281">
        <v>0</v>
      </c>
      <c r="DN12" s="281">
        <v>0</v>
      </c>
      <c r="DO12" s="281">
        <v>0</v>
      </c>
      <c r="DP12" s="281">
        <v>0</v>
      </c>
      <c r="DQ12" s="278">
        <v>0</v>
      </c>
      <c r="DR12" s="283">
        <v>0</v>
      </c>
      <c r="DS12" s="277">
        <v>31</v>
      </c>
      <c r="DT12" s="281">
        <v>43</v>
      </c>
      <c r="DU12" s="278">
        <v>74</v>
      </c>
      <c r="DV12" s="280">
        <v>0</v>
      </c>
      <c r="DW12" s="281">
        <v>99</v>
      </c>
      <c r="DX12" s="281">
        <v>102</v>
      </c>
      <c r="DY12" s="281">
        <v>68</v>
      </c>
      <c r="DZ12" s="281">
        <v>62</v>
      </c>
      <c r="EA12" s="281">
        <v>43</v>
      </c>
      <c r="EB12" s="278">
        <v>374</v>
      </c>
      <c r="EC12" s="283">
        <v>448</v>
      </c>
      <c r="ED12" s="277">
        <v>14</v>
      </c>
      <c r="EE12" s="281">
        <v>7</v>
      </c>
      <c r="EF12" s="278">
        <v>21</v>
      </c>
      <c r="EG12" s="280">
        <v>0</v>
      </c>
      <c r="EH12" s="281">
        <v>30</v>
      </c>
      <c r="EI12" s="281">
        <v>24</v>
      </c>
      <c r="EJ12" s="281">
        <v>21</v>
      </c>
      <c r="EK12" s="281">
        <v>30</v>
      </c>
      <c r="EL12" s="281">
        <v>15</v>
      </c>
      <c r="EM12" s="278">
        <v>120</v>
      </c>
      <c r="EN12" s="283">
        <v>141</v>
      </c>
      <c r="EO12" s="277">
        <v>36</v>
      </c>
      <c r="EP12" s="281">
        <v>54</v>
      </c>
      <c r="EQ12" s="278">
        <v>90</v>
      </c>
      <c r="ER12" s="280">
        <v>0</v>
      </c>
      <c r="ES12" s="281">
        <v>182</v>
      </c>
      <c r="ET12" s="281">
        <v>129</v>
      </c>
      <c r="EU12" s="281">
        <v>86</v>
      </c>
      <c r="EV12" s="281">
        <v>64</v>
      </c>
      <c r="EW12" s="281">
        <v>43</v>
      </c>
      <c r="EX12" s="278">
        <v>504</v>
      </c>
      <c r="EY12" s="283">
        <v>594</v>
      </c>
    </row>
    <row r="13" spans="1:155" ht="19.5" customHeight="1" x14ac:dyDescent="0.2">
      <c r="A13" s="262" t="s">
        <v>10</v>
      </c>
      <c r="B13" s="277">
        <v>1</v>
      </c>
      <c r="C13" s="281">
        <v>0</v>
      </c>
      <c r="D13" s="385">
        <v>1</v>
      </c>
      <c r="E13" s="280">
        <v>0</v>
      </c>
      <c r="F13" s="281">
        <v>90</v>
      </c>
      <c r="G13" s="281">
        <v>57</v>
      </c>
      <c r="H13" s="281">
        <v>28</v>
      </c>
      <c r="I13" s="281">
        <v>30</v>
      </c>
      <c r="J13" s="281">
        <v>26</v>
      </c>
      <c r="K13" s="282">
        <v>231</v>
      </c>
      <c r="L13" s="283">
        <v>232</v>
      </c>
      <c r="M13" s="277">
        <v>0</v>
      </c>
      <c r="N13" s="281">
        <v>0</v>
      </c>
      <c r="O13" s="278">
        <v>0</v>
      </c>
      <c r="P13" s="280">
        <v>0</v>
      </c>
      <c r="Q13" s="281">
        <v>2</v>
      </c>
      <c r="R13" s="281">
        <v>0</v>
      </c>
      <c r="S13" s="281">
        <v>0</v>
      </c>
      <c r="T13" s="281">
        <v>3</v>
      </c>
      <c r="U13" s="281">
        <v>14</v>
      </c>
      <c r="V13" s="278">
        <v>19</v>
      </c>
      <c r="W13" s="283">
        <v>19</v>
      </c>
      <c r="X13" s="277">
        <v>12</v>
      </c>
      <c r="Y13" s="281">
        <v>25</v>
      </c>
      <c r="Z13" s="278">
        <v>37</v>
      </c>
      <c r="AA13" s="280">
        <v>0</v>
      </c>
      <c r="AB13" s="281">
        <v>59</v>
      </c>
      <c r="AC13" s="281">
        <v>40</v>
      </c>
      <c r="AD13" s="281">
        <v>24</v>
      </c>
      <c r="AE13" s="281">
        <v>16</v>
      </c>
      <c r="AF13" s="281">
        <v>20</v>
      </c>
      <c r="AG13" s="278">
        <v>159</v>
      </c>
      <c r="AH13" s="283">
        <v>196</v>
      </c>
      <c r="AI13" s="277">
        <v>2</v>
      </c>
      <c r="AJ13" s="281">
        <v>4</v>
      </c>
      <c r="AK13" s="278">
        <v>6</v>
      </c>
      <c r="AL13" s="280">
        <v>0</v>
      </c>
      <c r="AM13" s="281">
        <v>7</v>
      </c>
      <c r="AN13" s="281">
        <v>6</v>
      </c>
      <c r="AO13" s="281">
        <v>7</v>
      </c>
      <c r="AP13" s="281">
        <v>7</v>
      </c>
      <c r="AQ13" s="281">
        <v>3</v>
      </c>
      <c r="AR13" s="278">
        <v>30</v>
      </c>
      <c r="AS13" s="283">
        <v>36</v>
      </c>
      <c r="AT13" s="277">
        <v>20</v>
      </c>
      <c r="AU13" s="281">
        <v>21</v>
      </c>
      <c r="AV13" s="278">
        <v>41</v>
      </c>
      <c r="AW13" s="280">
        <v>0</v>
      </c>
      <c r="AX13" s="281">
        <v>96</v>
      </c>
      <c r="AY13" s="281">
        <v>83</v>
      </c>
      <c r="AZ13" s="281">
        <v>70</v>
      </c>
      <c r="BA13" s="281">
        <v>72</v>
      </c>
      <c r="BB13" s="281">
        <v>74</v>
      </c>
      <c r="BC13" s="282">
        <v>395</v>
      </c>
      <c r="BD13" s="283">
        <v>436</v>
      </c>
      <c r="BE13" s="277">
        <v>0</v>
      </c>
      <c r="BF13" s="281">
        <v>0</v>
      </c>
      <c r="BG13" s="278">
        <v>0</v>
      </c>
      <c r="BH13" s="280">
        <v>0</v>
      </c>
      <c r="BI13" s="281">
        <v>121</v>
      </c>
      <c r="BJ13" s="281">
        <v>67</v>
      </c>
      <c r="BK13" s="281">
        <v>26</v>
      </c>
      <c r="BL13" s="281">
        <v>12</v>
      </c>
      <c r="BM13" s="281">
        <v>3</v>
      </c>
      <c r="BN13" s="278">
        <v>229</v>
      </c>
      <c r="BO13" s="283">
        <v>229</v>
      </c>
      <c r="BP13" s="277">
        <v>4</v>
      </c>
      <c r="BQ13" s="281">
        <v>4</v>
      </c>
      <c r="BR13" s="278">
        <v>8</v>
      </c>
      <c r="BS13" s="280">
        <v>0</v>
      </c>
      <c r="BT13" s="281">
        <v>18</v>
      </c>
      <c r="BU13" s="281">
        <v>9</v>
      </c>
      <c r="BV13" s="281">
        <v>10</v>
      </c>
      <c r="BW13" s="281">
        <v>5</v>
      </c>
      <c r="BX13" s="281">
        <v>1</v>
      </c>
      <c r="BY13" s="278">
        <v>43</v>
      </c>
      <c r="BZ13" s="283">
        <v>51</v>
      </c>
      <c r="CA13" s="277">
        <v>1</v>
      </c>
      <c r="CB13" s="281">
        <v>3</v>
      </c>
      <c r="CC13" s="278">
        <v>4</v>
      </c>
      <c r="CD13" s="280">
        <v>0</v>
      </c>
      <c r="CE13" s="281">
        <v>16</v>
      </c>
      <c r="CF13" s="281">
        <v>7</v>
      </c>
      <c r="CG13" s="281">
        <v>13</v>
      </c>
      <c r="CH13" s="281">
        <v>8</v>
      </c>
      <c r="CI13" s="281">
        <v>4</v>
      </c>
      <c r="CJ13" s="278">
        <v>48</v>
      </c>
      <c r="CK13" s="283">
        <v>52</v>
      </c>
      <c r="CL13" s="277">
        <v>0</v>
      </c>
      <c r="CM13" s="281">
        <v>0</v>
      </c>
      <c r="CN13" s="278">
        <v>0</v>
      </c>
      <c r="CO13" s="280">
        <v>0</v>
      </c>
      <c r="CP13" s="281">
        <v>0</v>
      </c>
      <c r="CQ13" s="281">
        <v>2</v>
      </c>
      <c r="CR13" s="281">
        <v>2</v>
      </c>
      <c r="CS13" s="281">
        <v>1</v>
      </c>
      <c r="CT13" s="281">
        <v>0</v>
      </c>
      <c r="CU13" s="278">
        <v>5</v>
      </c>
      <c r="CV13" s="283">
        <v>5</v>
      </c>
      <c r="CW13" s="277">
        <v>0</v>
      </c>
      <c r="CX13" s="281">
        <v>0</v>
      </c>
      <c r="CY13" s="278">
        <v>0</v>
      </c>
      <c r="CZ13" s="280">
        <v>0</v>
      </c>
      <c r="DA13" s="281">
        <v>0</v>
      </c>
      <c r="DB13" s="281">
        <v>0</v>
      </c>
      <c r="DC13" s="281">
        <v>0</v>
      </c>
      <c r="DD13" s="281">
        <v>0</v>
      </c>
      <c r="DE13" s="281">
        <v>0</v>
      </c>
      <c r="DF13" s="278">
        <v>0</v>
      </c>
      <c r="DG13" s="283">
        <v>0</v>
      </c>
      <c r="DH13" s="277">
        <v>0</v>
      </c>
      <c r="DI13" s="281">
        <v>0</v>
      </c>
      <c r="DJ13" s="278">
        <v>0</v>
      </c>
      <c r="DK13" s="280">
        <v>0</v>
      </c>
      <c r="DL13" s="281">
        <v>0</v>
      </c>
      <c r="DM13" s="281">
        <v>0</v>
      </c>
      <c r="DN13" s="281">
        <v>0</v>
      </c>
      <c r="DO13" s="281">
        <v>0</v>
      </c>
      <c r="DP13" s="281">
        <v>0</v>
      </c>
      <c r="DQ13" s="278">
        <v>0</v>
      </c>
      <c r="DR13" s="283">
        <v>0</v>
      </c>
      <c r="DS13" s="277">
        <v>49</v>
      </c>
      <c r="DT13" s="281">
        <v>75</v>
      </c>
      <c r="DU13" s="278">
        <v>124</v>
      </c>
      <c r="DV13" s="280">
        <v>0</v>
      </c>
      <c r="DW13" s="281">
        <v>135</v>
      </c>
      <c r="DX13" s="281">
        <v>105</v>
      </c>
      <c r="DY13" s="281">
        <v>64</v>
      </c>
      <c r="DZ13" s="281">
        <v>56</v>
      </c>
      <c r="EA13" s="281">
        <v>44</v>
      </c>
      <c r="EB13" s="278">
        <v>404</v>
      </c>
      <c r="EC13" s="283">
        <v>528</v>
      </c>
      <c r="ED13" s="277">
        <v>11</v>
      </c>
      <c r="EE13" s="281">
        <v>7</v>
      </c>
      <c r="EF13" s="278">
        <v>18</v>
      </c>
      <c r="EG13" s="280">
        <v>0</v>
      </c>
      <c r="EH13" s="281">
        <v>30</v>
      </c>
      <c r="EI13" s="281">
        <v>29</v>
      </c>
      <c r="EJ13" s="281">
        <v>24</v>
      </c>
      <c r="EK13" s="281">
        <v>28</v>
      </c>
      <c r="EL13" s="281">
        <v>22</v>
      </c>
      <c r="EM13" s="278">
        <v>133</v>
      </c>
      <c r="EN13" s="283">
        <v>151</v>
      </c>
      <c r="EO13" s="277">
        <v>63</v>
      </c>
      <c r="EP13" s="281">
        <v>91</v>
      </c>
      <c r="EQ13" s="278">
        <v>154</v>
      </c>
      <c r="ER13" s="280">
        <v>0</v>
      </c>
      <c r="ES13" s="281">
        <v>252</v>
      </c>
      <c r="ET13" s="281">
        <v>145</v>
      </c>
      <c r="EU13" s="281">
        <v>76</v>
      </c>
      <c r="EV13" s="281">
        <v>60</v>
      </c>
      <c r="EW13" s="281">
        <v>43</v>
      </c>
      <c r="EX13" s="278">
        <v>576</v>
      </c>
      <c r="EY13" s="283">
        <v>730</v>
      </c>
    </row>
    <row r="14" spans="1:155" ht="19.5" customHeight="1" x14ac:dyDescent="0.2">
      <c r="A14" s="262" t="s">
        <v>11</v>
      </c>
      <c r="B14" s="277">
        <v>0</v>
      </c>
      <c r="C14" s="281">
        <v>0</v>
      </c>
      <c r="D14" s="385">
        <v>0</v>
      </c>
      <c r="E14" s="280">
        <v>0</v>
      </c>
      <c r="F14" s="281">
        <v>12</v>
      </c>
      <c r="G14" s="281">
        <v>6</v>
      </c>
      <c r="H14" s="281">
        <v>9</v>
      </c>
      <c r="I14" s="281">
        <v>9</v>
      </c>
      <c r="J14" s="281">
        <v>10</v>
      </c>
      <c r="K14" s="282">
        <v>46</v>
      </c>
      <c r="L14" s="283">
        <v>46</v>
      </c>
      <c r="M14" s="277">
        <v>0</v>
      </c>
      <c r="N14" s="281">
        <v>0</v>
      </c>
      <c r="O14" s="278">
        <v>0</v>
      </c>
      <c r="P14" s="280">
        <v>0</v>
      </c>
      <c r="Q14" s="281">
        <v>0</v>
      </c>
      <c r="R14" s="281">
        <v>0</v>
      </c>
      <c r="S14" s="281">
        <v>0</v>
      </c>
      <c r="T14" s="281">
        <v>4</v>
      </c>
      <c r="U14" s="281">
        <v>3</v>
      </c>
      <c r="V14" s="278">
        <v>7</v>
      </c>
      <c r="W14" s="283">
        <v>7</v>
      </c>
      <c r="X14" s="277">
        <v>5</v>
      </c>
      <c r="Y14" s="281">
        <v>3</v>
      </c>
      <c r="Z14" s="278">
        <v>8</v>
      </c>
      <c r="AA14" s="280">
        <v>0</v>
      </c>
      <c r="AB14" s="281">
        <v>20</v>
      </c>
      <c r="AC14" s="281">
        <v>10</v>
      </c>
      <c r="AD14" s="281">
        <v>10</v>
      </c>
      <c r="AE14" s="281">
        <v>11</v>
      </c>
      <c r="AF14" s="281">
        <v>10</v>
      </c>
      <c r="AG14" s="278">
        <v>61</v>
      </c>
      <c r="AH14" s="283">
        <v>69</v>
      </c>
      <c r="AI14" s="277">
        <v>0</v>
      </c>
      <c r="AJ14" s="281">
        <v>1</v>
      </c>
      <c r="AK14" s="278">
        <v>1</v>
      </c>
      <c r="AL14" s="280">
        <v>0</v>
      </c>
      <c r="AM14" s="281">
        <v>3</v>
      </c>
      <c r="AN14" s="281">
        <v>2</v>
      </c>
      <c r="AO14" s="281">
        <v>0</v>
      </c>
      <c r="AP14" s="281">
        <v>1</v>
      </c>
      <c r="AQ14" s="281">
        <v>1</v>
      </c>
      <c r="AR14" s="278">
        <v>7</v>
      </c>
      <c r="AS14" s="283">
        <v>8</v>
      </c>
      <c r="AT14" s="277">
        <v>3</v>
      </c>
      <c r="AU14" s="281">
        <v>1</v>
      </c>
      <c r="AV14" s="278">
        <v>4</v>
      </c>
      <c r="AW14" s="280">
        <v>0</v>
      </c>
      <c r="AX14" s="281">
        <v>22</v>
      </c>
      <c r="AY14" s="281">
        <v>10</v>
      </c>
      <c r="AZ14" s="281">
        <v>18</v>
      </c>
      <c r="BA14" s="281">
        <v>23</v>
      </c>
      <c r="BB14" s="281">
        <v>20</v>
      </c>
      <c r="BC14" s="282">
        <v>93</v>
      </c>
      <c r="BD14" s="283">
        <v>97</v>
      </c>
      <c r="BE14" s="277">
        <v>0</v>
      </c>
      <c r="BF14" s="281">
        <v>0</v>
      </c>
      <c r="BG14" s="278">
        <v>0</v>
      </c>
      <c r="BH14" s="280">
        <v>0</v>
      </c>
      <c r="BI14" s="281">
        <v>22</v>
      </c>
      <c r="BJ14" s="281">
        <v>14</v>
      </c>
      <c r="BK14" s="281">
        <v>10</v>
      </c>
      <c r="BL14" s="281">
        <v>9</v>
      </c>
      <c r="BM14" s="281">
        <v>5</v>
      </c>
      <c r="BN14" s="278">
        <v>60</v>
      </c>
      <c r="BO14" s="283">
        <v>60</v>
      </c>
      <c r="BP14" s="277">
        <v>2</v>
      </c>
      <c r="BQ14" s="281">
        <v>3</v>
      </c>
      <c r="BR14" s="278">
        <v>5</v>
      </c>
      <c r="BS14" s="280">
        <v>0</v>
      </c>
      <c r="BT14" s="281">
        <v>10</v>
      </c>
      <c r="BU14" s="281">
        <v>3</v>
      </c>
      <c r="BV14" s="281">
        <v>5</v>
      </c>
      <c r="BW14" s="281">
        <v>4</v>
      </c>
      <c r="BX14" s="281">
        <v>1</v>
      </c>
      <c r="BY14" s="278">
        <v>23</v>
      </c>
      <c r="BZ14" s="283">
        <v>28</v>
      </c>
      <c r="CA14" s="277">
        <v>0</v>
      </c>
      <c r="CB14" s="281">
        <v>0</v>
      </c>
      <c r="CC14" s="278">
        <v>0</v>
      </c>
      <c r="CD14" s="280">
        <v>0</v>
      </c>
      <c r="CE14" s="281">
        <v>3</v>
      </c>
      <c r="CF14" s="281">
        <v>4</v>
      </c>
      <c r="CG14" s="281">
        <v>5</v>
      </c>
      <c r="CH14" s="281">
        <v>5</v>
      </c>
      <c r="CI14" s="281">
        <v>2</v>
      </c>
      <c r="CJ14" s="278">
        <v>19</v>
      </c>
      <c r="CK14" s="283">
        <v>19</v>
      </c>
      <c r="CL14" s="277">
        <v>0</v>
      </c>
      <c r="CM14" s="281">
        <v>0</v>
      </c>
      <c r="CN14" s="278">
        <v>0</v>
      </c>
      <c r="CO14" s="280">
        <v>0</v>
      </c>
      <c r="CP14" s="281">
        <v>0</v>
      </c>
      <c r="CQ14" s="281">
        <v>0</v>
      </c>
      <c r="CR14" s="281">
        <v>2</v>
      </c>
      <c r="CS14" s="281">
        <v>2</v>
      </c>
      <c r="CT14" s="281">
        <v>0</v>
      </c>
      <c r="CU14" s="278">
        <v>4</v>
      </c>
      <c r="CV14" s="283">
        <v>4</v>
      </c>
      <c r="CW14" s="277">
        <v>0</v>
      </c>
      <c r="CX14" s="281">
        <v>0</v>
      </c>
      <c r="CY14" s="278">
        <v>0</v>
      </c>
      <c r="CZ14" s="280">
        <v>0</v>
      </c>
      <c r="DA14" s="281">
        <v>0</v>
      </c>
      <c r="DB14" s="281">
        <v>0</v>
      </c>
      <c r="DC14" s="281">
        <v>0</v>
      </c>
      <c r="DD14" s="281">
        <v>0</v>
      </c>
      <c r="DE14" s="281">
        <v>0</v>
      </c>
      <c r="DF14" s="278">
        <v>0</v>
      </c>
      <c r="DG14" s="283">
        <v>0</v>
      </c>
      <c r="DH14" s="277">
        <v>0</v>
      </c>
      <c r="DI14" s="281">
        <v>0</v>
      </c>
      <c r="DJ14" s="278">
        <v>0</v>
      </c>
      <c r="DK14" s="280">
        <v>0</v>
      </c>
      <c r="DL14" s="281">
        <v>0</v>
      </c>
      <c r="DM14" s="281">
        <v>0</v>
      </c>
      <c r="DN14" s="281">
        <v>0</v>
      </c>
      <c r="DO14" s="281">
        <v>0</v>
      </c>
      <c r="DP14" s="281">
        <v>0</v>
      </c>
      <c r="DQ14" s="278">
        <v>0</v>
      </c>
      <c r="DR14" s="283">
        <v>0</v>
      </c>
      <c r="DS14" s="277">
        <v>13</v>
      </c>
      <c r="DT14" s="281">
        <v>19</v>
      </c>
      <c r="DU14" s="278">
        <v>32</v>
      </c>
      <c r="DV14" s="280">
        <v>0</v>
      </c>
      <c r="DW14" s="281">
        <v>43</v>
      </c>
      <c r="DX14" s="281">
        <v>25</v>
      </c>
      <c r="DY14" s="281">
        <v>29</v>
      </c>
      <c r="DZ14" s="281">
        <v>27</v>
      </c>
      <c r="EA14" s="281">
        <v>15</v>
      </c>
      <c r="EB14" s="278">
        <v>139</v>
      </c>
      <c r="EC14" s="283">
        <v>171</v>
      </c>
      <c r="ED14" s="277">
        <v>4</v>
      </c>
      <c r="EE14" s="281">
        <v>3</v>
      </c>
      <c r="EF14" s="278">
        <v>7</v>
      </c>
      <c r="EG14" s="280">
        <v>0</v>
      </c>
      <c r="EH14" s="281">
        <v>20</v>
      </c>
      <c r="EI14" s="281">
        <v>4</v>
      </c>
      <c r="EJ14" s="281">
        <v>9</v>
      </c>
      <c r="EK14" s="281">
        <v>15</v>
      </c>
      <c r="EL14" s="281">
        <v>11</v>
      </c>
      <c r="EM14" s="278">
        <v>59</v>
      </c>
      <c r="EN14" s="283">
        <v>66</v>
      </c>
      <c r="EO14" s="277">
        <v>18</v>
      </c>
      <c r="EP14" s="281">
        <v>23</v>
      </c>
      <c r="EQ14" s="278">
        <v>41</v>
      </c>
      <c r="ER14" s="280">
        <v>0</v>
      </c>
      <c r="ES14" s="281">
        <v>79</v>
      </c>
      <c r="ET14" s="281">
        <v>36</v>
      </c>
      <c r="EU14" s="281">
        <v>33</v>
      </c>
      <c r="EV14" s="281">
        <v>27</v>
      </c>
      <c r="EW14" s="281">
        <v>15</v>
      </c>
      <c r="EX14" s="278">
        <v>190</v>
      </c>
      <c r="EY14" s="283">
        <v>231</v>
      </c>
    </row>
    <row r="15" spans="1:155" ht="19.5" customHeight="1" x14ac:dyDescent="0.2">
      <c r="A15" s="262" t="s">
        <v>12</v>
      </c>
      <c r="B15" s="277">
        <v>0</v>
      </c>
      <c r="C15" s="281">
        <v>0</v>
      </c>
      <c r="D15" s="385">
        <v>0</v>
      </c>
      <c r="E15" s="280">
        <v>0</v>
      </c>
      <c r="F15" s="281">
        <v>38</v>
      </c>
      <c r="G15" s="281">
        <v>17</v>
      </c>
      <c r="H15" s="281">
        <v>17</v>
      </c>
      <c r="I15" s="281">
        <v>18</v>
      </c>
      <c r="J15" s="281">
        <v>10</v>
      </c>
      <c r="K15" s="282">
        <v>100</v>
      </c>
      <c r="L15" s="283">
        <v>100</v>
      </c>
      <c r="M15" s="277">
        <v>0</v>
      </c>
      <c r="N15" s="281">
        <v>0</v>
      </c>
      <c r="O15" s="278">
        <v>0</v>
      </c>
      <c r="P15" s="280">
        <v>0</v>
      </c>
      <c r="Q15" s="281">
        <v>0</v>
      </c>
      <c r="R15" s="281">
        <v>1</v>
      </c>
      <c r="S15" s="281">
        <v>0</v>
      </c>
      <c r="T15" s="281">
        <v>3</v>
      </c>
      <c r="U15" s="281">
        <v>8</v>
      </c>
      <c r="V15" s="278">
        <v>12</v>
      </c>
      <c r="W15" s="283">
        <v>12</v>
      </c>
      <c r="X15" s="277">
        <v>9</v>
      </c>
      <c r="Y15" s="281">
        <v>12</v>
      </c>
      <c r="Z15" s="278">
        <v>21</v>
      </c>
      <c r="AA15" s="280">
        <v>0</v>
      </c>
      <c r="AB15" s="281">
        <v>15</v>
      </c>
      <c r="AC15" s="281">
        <v>17</v>
      </c>
      <c r="AD15" s="281">
        <v>18</v>
      </c>
      <c r="AE15" s="281">
        <v>10</v>
      </c>
      <c r="AF15" s="281">
        <v>12</v>
      </c>
      <c r="AG15" s="278">
        <v>72</v>
      </c>
      <c r="AH15" s="283">
        <v>93</v>
      </c>
      <c r="AI15" s="277">
        <v>0</v>
      </c>
      <c r="AJ15" s="281">
        <v>0</v>
      </c>
      <c r="AK15" s="278">
        <v>0</v>
      </c>
      <c r="AL15" s="280">
        <v>0</v>
      </c>
      <c r="AM15" s="281">
        <v>1</v>
      </c>
      <c r="AN15" s="281">
        <v>1</v>
      </c>
      <c r="AO15" s="281">
        <v>1</v>
      </c>
      <c r="AP15" s="281">
        <v>0</v>
      </c>
      <c r="AQ15" s="281">
        <v>2</v>
      </c>
      <c r="AR15" s="278">
        <v>5</v>
      </c>
      <c r="AS15" s="283">
        <v>5</v>
      </c>
      <c r="AT15" s="277">
        <v>11</v>
      </c>
      <c r="AU15" s="281">
        <v>8</v>
      </c>
      <c r="AV15" s="278">
        <v>19</v>
      </c>
      <c r="AW15" s="280">
        <v>0</v>
      </c>
      <c r="AX15" s="281">
        <v>19</v>
      </c>
      <c r="AY15" s="281">
        <v>17</v>
      </c>
      <c r="AZ15" s="281">
        <v>28</v>
      </c>
      <c r="BA15" s="281">
        <v>28</v>
      </c>
      <c r="BB15" s="281">
        <v>15</v>
      </c>
      <c r="BC15" s="282">
        <v>107</v>
      </c>
      <c r="BD15" s="283">
        <v>126</v>
      </c>
      <c r="BE15" s="277">
        <v>0</v>
      </c>
      <c r="BF15" s="281">
        <v>0</v>
      </c>
      <c r="BG15" s="278">
        <v>0</v>
      </c>
      <c r="BH15" s="280">
        <v>0</v>
      </c>
      <c r="BI15" s="281">
        <v>37</v>
      </c>
      <c r="BJ15" s="281">
        <v>19</v>
      </c>
      <c r="BK15" s="281">
        <v>10</v>
      </c>
      <c r="BL15" s="281">
        <v>15</v>
      </c>
      <c r="BM15" s="281">
        <v>4</v>
      </c>
      <c r="BN15" s="278">
        <v>85</v>
      </c>
      <c r="BO15" s="283">
        <v>85</v>
      </c>
      <c r="BP15" s="277">
        <v>10</v>
      </c>
      <c r="BQ15" s="281">
        <v>9</v>
      </c>
      <c r="BR15" s="278">
        <v>19</v>
      </c>
      <c r="BS15" s="280">
        <v>0</v>
      </c>
      <c r="BT15" s="281">
        <v>9</v>
      </c>
      <c r="BU15" s="281">
        <v>11</v>
      </c>
      <c r="BV15" s="281">
        <v>7</v>
      </c>
      <c r="BW15" s="281">
        <v>9</v>
      </c>
      <c r="BX15" s="281">
        <v>2</v>
      </c>
      <c r="BY15" s="278">
        <v>38</v>
      </c>
      <c r="BZ15" s="283">
        <v>57</v>
      </c>
      <c r="CA15" s="277">
        <v>0</v>
      </c>
      <c r="CB15" s="281">
        <v>0</v>
      </c>
      <c r="CC15" s="278">
        <v>0</v>
      </c>
      <c r="CD15" s="280">
        <v>0</v>
      </c>
      <c r="CE15" s="281">
        <v>7</v>
      </c>
      <c r="CF15" s="281">
        <v>2</v>
      </c>
      <c r="CG15" s="281">
        <v>8</v>
      </c>
      <c r="CH15" s="281">
        <v>9</v>
      </c>
      <c r="CI15" s="281">
        <v>2</v>
      </c>
      <c r="CJ15" s="278">
        <v>28</v>
      </c>
      <c r="CK15" s="283">
        <v>28</v>
      </c>
      <c r="CL15" s="277">
        <v>0</v>
      </c>
      <c r="CM15" s="281">
        <v>0</v>
      </c>
      <c r="CN15" s="278">
        <v>0</v>
      </c>
      <c r="CO15" s="280">
        <v>0</v>
      </c>
      <c r="CP15" s="281">
        <v>0</v>
      </c>
      <c r="CQ15" s="281">
        <v>0</v>
      </c>
      <c r="CR15" s="281">
        <v>0</v>
      </c>
      <c r="CS15" s="281">
        <v>0</v>
      </c>
      <c r="CT15" s="281">
        <v>1</v>
      </c>
      <c r="CU15" s="278">
        <v>1</v>
      </c>
      <c r="CV15" s="283">
        <v>1</v>
      </c>
      <c r="CW15" s="277">
        <v>0</v>
      </c>
      <c r="CX15" s="281">
        <v>0</v>
      </c>
      <c r="CY15" s="278">
        <v>0</v>
      </c>
      <c r="CZ15" s="280">
        <v>0</v>
      </c>
      <c r="DA15" s="281">
        <v>0</v>
      </c>
      <c r="DB15" s="281">
        <v>0</v>
      </c>
      <c r="DC15" s="281">
        <v>0</v>
      </c>
      <c r="DD15" s="281">
        <v>0</v>
      </c>
      <c r="DE15" s="281">
        <v>0</v>
      </c>
      <c r="DF15" s="278">
        <v>0</v>
      </c>
      <c r="DG15" s="283">
        <v>0</v>
      </c>
      <c r="DH15" s="277">
        <v>0</v>
      </c>
      <c r="DI15" s="281">
        <v>0</v>
      </c>
      <c r="DJ15" s="278">
        <v>0</v>
      </c>
      <c r="DK15" s="280">
        <v>0</v>
      </c>
      <c r="DL15" s="281">
        <v>0</v>
      </c>
      <c r="DM15" s="281">
        <v>0</v>
      </c>
      <c r="DN15" s="281">
        <v>0</v>
      </c>
      <c r="DO15" s="281">
        <v>0</v>
      </c>
      <c r="DP15" s="281">
        <v>0</v>
      </c>
      <c r="DQ15" s="278">
        <v>0</v>
      </c>
      <c r="DR15" s="283">
        <v>0</v>
      </c>
      <c r="DS15" s="277">
        <v>32</v>
      </c>
      <c r="DT15" s="281">
        <v>41</v>
      </c>
      <c r="DU15" s="278">
        <v>73</v>
      </c>
      <c r="DV15" s="280">
        <v>0</v>
      </c>
      <c r="DW15" s="281">
        <v>33</v>
      </c>
      <c r="DX15" s="281">
        <v>44</v>
      </c>
      <c r="DY15" s="281">
        <v>41</v>
      </c>
      <c r="DZ15" s="281">
        <v>40</v>
      </c>
      <c r="EA15" s="281">
        <v>21</v>
      </c>
      <c r="EB15" s="278">
        <v>179</v>
      </c>
      <c r="EC15" s="283">
        <v>252</v>
      </c>
      <c r="ED15" s="277">
        <v>8</v>
      </c>
      <c r="EE15" s="281">
        <v>5</v>
      </c>
      <c r="EF15" s="278">
        <v>13</v>
      </c>
      <c r="EG15" s="280">
        <v>0</v>
      </c>
      <c r="EH15" s="281">
        <v>5</v>
      </c>
      <c r="EI15" s="281">
        <v>7</v>
      </c>
      <c r="EJ15" s="281">
        <v>13</v>
      </c>
      <c r="EK15" s="281">
        <v>8</v>
      </c>
      <c r="EL15" s="281">
        <v>7</v>
      </c>
      <c r="EM15" s="278">
        <v>40</v>
      </c>
      <c r="EN15" s="283">
        <v>53</v>
      </c>
      <c r="EO15" s="277">
        <v>47</v>
      </c>
      <c r="EP15" s="281">
        <v>53</v>
      </c>
      <c r="EQ15" s="278">
        <v>100</v>
      </c>
      <c r="ER15" s="280">
        <v>0</v>
      </c>
      <c r="ES15" s="281">
        <v>98</v>
      </c>
      <c r="ET15" s="281">
        <v>64</v>
      </c>
      <c r="EU15" s="281">
        <v>51</v>
      </c>
      <c r="EV15" s="281">
        <v>40</v>
      </c>
      <c r="EW15" s="281">
        <v>20</v>
      </c>
      <c r="EX15" s="278">
        <v>273</v>
      </c>
      <c r="EY15" s="283">
        <v>373</v>
      </c>
    </row>
    <row r="16" spans="1:155" ht="19.5" customHeight="1" x14ac:dyDescent="0.2">
      <c r="A16" s="262" t="s">
        <v>13</v>
      </c>
      <c r="B16" s="277">
        <v>0</v>
      </c>
      <c r="C16" s="281">
        <v>0</v>
      </c>
      <c r="D16" s="385">
        <v>0</v>
      </c>
      <c r="E16" s="280">
        <v>0</v>
      </c>
      <c r="F16" s="281">
        <v>13</v>
      </c>
      <c r="G16" s="281">
        <v>22</v>
      </c>
      <c r="H16" s="281">
        <v>18</v>
      </c>
      <c r="I16" s="281">
        <v>14</v>
      </c>
      <c r="J16" s="281">
        <v>10</v>
      </c>
      <c r="K16" s="282">
        <v>77</v>
      </c>
      <c r="L16" s="283">
        <v>77</v>
      </c>
      <c r="M16" s="277">
        <v>0</v>
      </c>
      <c r="N16" s="281">
        <v>0</v>
      </c>
      <c r="O16" s="278">
        <v>0</v>
      </c>
      <c r="P16" s="280">
        <v>0</v>
      </c>
      <c r="Q16" s="281">
        <v>0</v>
      </c>
      <c r="R16" s="281">
        <v>0</v>
      </c>
      <c r="S16" s="281">
        <v>2</v>
      </c>
      <c r="T16" s="281">
        <v>2</v>
      </c>
      <c r="U16" s="281">
        <v>0</v>
      </c>
      <c r="V16" s="278">
        <v>4</v>
      </c>
      <c r="W16" s="283">
        <v>4</v>
      </c>
      <c r="X16" s="277">
        <v>1</v>
      </c>
      <c r="Y16" s="281">
        <v>4</v>
      </c>
      <c r="Z16" s="278">
        <v>5</v>
      </c>
      <c r="AA16" s="280">
        <v>0</v>
      </c>
      <c r="AB16" s="281">
        <v>10</v>
      </c>
      <c r="AC16" s="281">
        <v>11</v>
      </c>
      <c r="AD16" s="281">
        <v>14</v>
      </c>
      <c r="AE16" s="281">
        <v>8</v>
      </c>
      <c r="AF16" s="281">
        <v>8</v>
      </c>
      <c r="AG16" s="278">
        <v>51</v>
      </c>
      <c r="AH16" s="283">
        <v>56</v>
      </c>
      <c r="AI16" s="277">
        <v>0</v>
      </c>
      <c r="AJ16" s="281">
        <v>0</v>
      </c>
      <c r="AK16" s="278">
        <v>0</v>
      </c>
      <c r="AL16" s="280">
        <v>0</v>
      </c>
      <c r="AM16" s="281">
        <v>0</v>
      </c>
      <c r="AN16" s="281">
        <v>4</v>
      </c>
      <c r="AO16" s="281">
        <v>2</v>
      </c>
      <c r="AP16" s="281">
        <v>0</v>
      </c>
      <c r="AQ16" s="281">
        <v>2</v>
      </c>
      <c r="AR16" s="278">
        <v>8</v>
      </c>
      <c r="AS16" s="283">
        <v>8</v>
      </c>
      <c r="AT16" s="277">
        <v>9</v>
      </c>
      <c r="AU16" s="281">
        <v>6</v>
      </c>
      <c r="AV16" s="278">
        <v>15</v>
      </c>
      <c r="AW16" s="280">
        <v>0</v>
      </c>
      <c r="AX16" s="281">
        <v>14</v>
      </c>
      <c r="AY16" s="281">
        <v>21</v>
      </c>
      <c r="AZ16" s="281">
        <v>24</v>
      </c>
      <c r="BA16" s="281">
        <v>18</v>
      </c>
      <c r="BB16" s="281">
        <v>14</v>
      </c>
      <c r="BC16" s="282">
        <v>91</v>
      </c>
      <c r="BD16" s="283">
        <v>106</v>
      </c>
      <c r="BE16" s="277">
        <v>0</v>
      </c>
      <c r="BF16" s="281">
        <v>0</v>
      </c>
      <c r="BG16" s="278">
        <v>0</v>
      </c>
      <c r="BH16" s="280">
        <v>0</v>
      </c>
      <c r="BI16" s="281">
        <v>14</v>
      </c>
      <c r="BJ16" s="281">
        <v>20</v>
      </c>
      <c r="BK16" s="281">
        <v>15</v>
      </c>
      <c r="BL16" s="281">
        <v>4</v>
      </c>
      <c r="BM16" s="281">
        <v>2</v>
      </c>
      <c r="BN16" s="278">
        <v>55</v>
      </c>
      <c r="BO16" s="283">
        <v>55</v>
      </c>
      <c r="BP16" s="277">
        <v>0</v>
      </c>
      <c r="BQ16" s="281">
        <v>1</v>
      </c>
      <c r="BR16" s="278">
        <v>1</v>
      </c>
      <c r="BS16" s="280">
        <v>0</v>
      </c>
      <c r="BT16" s="281">
        <v>2</v>
      </c>
      <c r="BU16" s="281">
        <v>3</v>
      </c>
      <c r="BV16" s="281">
        <v>5</v>
      </c>
      <c r="BW16" s="281">
        <v>1</v>
      </c>
      <c r="BX16" s="281">
        <v>1</v>
      </c>
      <c r="BY16" s="278">
        <v>12</v>
      </c>
      <c r="BZ16" s="283">
        <v>13</v>
      </c>
      <c r="CA16" s="277">
        <v>0</v>
      </c>
      <c r="CB16" s="281">
        <v>0</v>
      </c>
      <c r="CC16" s="278">
        <v>0</v>
      </c>
      <c r="CD16" s="280">
        <v>0</v>
      </c>
      <c r="CE16" s="281">
        <v>2</v>
      </c>
      <c r="CF16" s="281">
        <v>1</v>
      </c>
      <c r="CG16" s="281">
        <v>7</v>
      </c>
      <c r="CH16" s="281">
        <v>1</v>
      </c>
      <c r="CI16" s="281">
        <v>2</v>
      </c>
      <c r="CJ16" s="278">
        <v>13</v>
      </c>
      <c r="CK16" s="283">
        <v>13</v>
      </c>
      <c r="CL16" s="277">
        <v>0</v>
      </c>
      <c r="CM16" s="281">
        <v>0</v>
      </c>
      <c r="CN16" s="278">
        <v>0</v>
      </c>
      <c r="CO16" s="280">
        <v>0</v>
      </c>
      <c r="CP16" s="281">
        <v>0</v>
      </c>
      <c r="CQ16" s="281">
        <v>0</v>
      </c>
      <c r="CR16" s="281">
        <v>0</v>
      </c>
      <c r="CS16" s="281">
        <v>0</v>
      </c>
      <c r="CT16" s="281">
        <v>0</v>
      </c>
      <c r="CU16" s="278">
        <v>0</v>
      </c>
      <c r="CV16" s="283">
        <v>0</v>
      </c>
      <c r="CW16" s="277">
        <v>0</v>
      </c>
      <c r="CX16" s="281">
        <v>0</v>
      </c>
      <c r="CY16" s="278">
        <v>0</v>
      </c>
      <c r="CZ16" s="280">
        <v>0</v>
      </c>
      <c r="DA16" s="281">
        <v>0</v>
      </c>
      <c r="DB16" s="281">
        <v>0</v>
      </c>
      <c r="DC16" s="281">
        <v>0</v>
      </c>
      <c r="DD16" s="281">
        <v>0</v>
      </c>
      <c r="DE16" s="281">
        <v>0</v>
      </c>
      <c r="DF16" s="278">
        <v>0</v>
      </c>
      <c r="DG16" s="283">
        <v>0</v>
      </c>
      <c r="DH16" s="277">
        <v>0</v>
      </c>
      <c r="DI16" s="281">
        <v>0</v>
      </c>
      <c r="DJ16" s="278">
        <v>0</v>
      </c>
      <c r="DK16" s="280">
        <v>0</v>
      </c>
      <c r="DL16" s="281">
        <v>0</v>
      </c>
      <c r="DM16" s="281">
        <v>0</v>
      </c>
      <c r="DN16" s="281">
        <v>0</v>
      </c>
      <c r="DO16" s="281">
        <v>0</v>
      </c>
      <c r="DP16" s="281">
        <v>0</v>
      </c>
      <c r="DQ16" s="278">
        <v>0</v>
      </c>
      <c r="DR16" s="283">
        <v>0</v>
      </c>
      <c r="DS16" s="277">
        <v>6</v>
      </c>
      <c r="DT16" s="281">
        <v>17</v>
      </c>
      <c r="DU16" s="278">
        <v>23</v>
      </c>
      <c r="DV16" s="280">
        <v>0</v>
      </c>
      <c r="DW16" s="281">
        <v>12</v>
      </c>
      <c r="DX16" s="281">
        <v>36</v>
      </c>
      <c r="DY16" s="281">
        <v>24</v>
      </c>
      <c r="DZ16" s="281">
        <v>15</v>
      </c>
      <c r="EA16" s="281">
        <v>15</v>
      </c>
      <c r="EB16" s="278">
        <v>102</v>
      </c>
      <c r="EC16" s="283">
        <v>125</v>
      </c>
      <c r="ED16" s="277">
        <v>6</v>
      </c>
      <c r="EE16" s="281">
        <v>3</v>
      </c>
      <c r="EF16" s="278">
        <v>9</v>
      </c>
      <c r="EG16" s="280">
        <v>0</v>
      </c>
      <c r="EH16" s="281">
        <v>12</v>
      </c>
      <c r="EI16" s="281">
        <v>9</v>
      </c>
      <c r="EJ16" s="281">
        <v>8</v>
      </c>
      <c r="EK16" s="281">
        <v>6</v>
      </c>
      <c r="EL16" s="281">
        <v>7</v>
      </c>
      <c r="EM16" s="278">
        <v>42</v>
      </c>
      <c r="EN16" s="283">
        <v>51</v>
      </c>
      <c r="EO16" s="277">
        <v>7</v>
      </c>
      <c r="EP16" s="281">
        <v>19</v>
      </c>
      <c r="EQ16" s="278">
        <v>26</v>
      </c>
      <c r="ER16" s="280">
        <v>0</v>
      </c>
      <c r="ES16" s="281">
        <v>44</v>
      </c>
      <c r="ET16" s="281">
        <v>55</v>
      </c>
      <c r="EU16" s="281">
        <v>38</v>
      </c>
      <c r="EV16" s="281">
        <v>17</v>
      </c>
      <c r="EW16" s="281">
        <v>16</v>
      </c>
      <c r="EX16" s="278">
        <v>170</v>
      </c>
      <c r="EY16" s="283">
        <v>196</v>
      </c>
    </row>
    <row r="17" spans="1:155" ht="19.5" customHeight="1" x14ac:dyDescent="0.2">
      <c r="A17" s="262" t="s">
        <v>15</v>
      </c>
      <c r="B17" s="277">
        <v>0</v>
      </c>
      <c r="C17" s="281">
        <v>0</v>
      </c>
      <c r="D17" s="385">
        <v>0</v>
      </c>
      <c r="E17" s="280">
        <v>0</v>
      </c>
      <c r="F17" s="281">
        <v>4</v>
      </c>
      <c r="G17" s="281">
        <v>5</v>
      </c>
      <c r="H17" s="281">
        <v>1</v>
      </c>
      <c r="I17" s="281">
        <v>0</v>
      </c>
      <c r="J17" s="281">
        <v>3</v>
      </c>
      <c r="K17" s="282">
        <v>13</v>
      </c>
      <c r="L17" s="283">
        <v>13</v>
      </c>
      <c r="M17" s="277">
        <v>0</v>
      </c>
      <c r="N17" s="281">
        <v>0</v>
      </c>
      <c r="O17" s="278">
        <v>0</v>
      </c>
      <c r="P17" s="280">
        <v>0</v>
      </c>
      <c r="Q17" s="281">
        <v>0</v>
      </c>
      <c r="R17" s="281">
        <v>0</v>
      </c>
      <c r="S17" s="281">
        <v>0</v>
      </c>
      <c r="T17" s="281">
        <v>0</v>
      </c>
      <c r="U17" s="281">
        <v>3</v>
      </c>
      <c r="V17" s="278">
        <v>3</v>
      </c>
      <c r="W17" s="283">
        <v>3</v>
      </c>
      <c r="X17" s="277">
        <v>0</v>
      </c>
      <c r="Y17" s="281">
        <v>0</v>
      </c>
      <c r="Z17" s="278">
        <v>0</v>
      </c>
      <c r="AA17" s="280">
        <v>0</v>
      </c>
      <c r="AB17" s="281">
        <v>1</v>
      </c>
      <c r="AC17" s="281">
        <v>2</v>
      </c>
      <c r="AD17" s="281">
        <v>3</v>
      </c>
      <c r="AE17" s="281">
        <v>4</v>
      </c>
      <c r="AF17" s="281">
        <v>4</v>
      </c>
      <c r="AG17" s="278">
        <v>14</v>
      </c>
      <c r="AH17" s="283">
        <v>14</v>
      </c>
      <c r="AI17" s="277">
        <v>0</v>
      </c>
      <c r="AJ17" s="281">
        <v>0</v>
      </c>
      <c r="AK17" s="278">
        <v>0</v>
      </c>
      <c r="AL17" s="280">
        <v>0</v>
      </c>
      <c r="AM17" s="281">
        <v>0</v>
      </c>
      <c r="AN17" s="281">
        <v>0</v>
      </c>
      <c r="AO17" s="281">
        <v>0</v>
      </c>
      <c r="AP17" s="281">
        <v>0</v>
      </c>
      <c r="AQ17" s="281">
        <v>0</v>
      </c>
      <c r="AR17" s="278">
        <v>0</v>
      </c>
      <c r="AS17" s="283">
        <v>0</v>
      </c>
      <c r="AT17" s="277">
        <v>0</v>
      </c>
      <c r="AU17" s="281">
        <v>1</v>
      </c>
      <c r="AV17" s="278">
        <v>1</v>
      </c>
      <c r="AW17" s="280">
        <v>0</v>
      </c>
      <c r="AX17" s="281">
        <v>5</v>
      </c>
      <c r="AY17" s="281">
        <v>8</v>
      </c>
      <c r="AZ17" s="281">
        <v>4</v>
      </c>
      <c r="BA17" s="281">
        <v>1</v>
      </c>
      <c r="BB17" s="281">
        <v>4</v>
      </c>
      <c r="BC17" s="282">
        <v>22</v>
      </c>
      <c r="BD17" s="283">
        <v>23</v>
      </c>
      <c r="BE17" s="277">
        <v>0</v>
      </c>
      <c r="BF17" s="281">
        <v>0</v>
      </c>
      <c r="BG17" s="278">
        <v>0</v>
      </c>
      <c r="BH17" s="280">
        <v>0</v>
      </c>
      <c r="BI17" s="281">
        <v>4</v>
      </c>
      <c r="BJ17" s="281">
        <v>2</v>
      </c>
      <c r="BK17" s="281">
        <v>4</v>
      </c>
      <c r="BL17" s="281">
        <v>3</v>
      </c>
      <c r="BM17" s="281">
        <v>0</v>
      </c>
      <c r="BN17" s="278">
        <v>13</v>
      </c>
      <c r="BO17" s="283">
        <v>13</v>
      </c>
      <c r="BP17" s="277">
        <v>0</v>
      </c>
      <c r="BQ17" s="281">
        <v>1</v>
      </c>
      <c r="BR17" s="278">
        <v>1</v>
      </c>
      <c r="BS17" s="280">
        <v>0</v>
      </c>
      <c r="BT17" s="281">
        <v>3</v>
      </c>
      <c r="BU17" s="281">
        <v>2</v>
      </c>
      <c r="BV17" s="281">
        <v>3</v>
      </c>
      <c r="BW17" s="281">
        <v>2</v>
      </c>
      <c r="BX17" s="281">
        <v>2</v>
      </c>
      <c r="BY17" s="278">
        <v>12</v>
      </c>
      <c r="BZ17" s="283">
        <v>13</v>
      </c>
      <c r="CA17" s="277">
        <v>0</v>
      </c>
      <c r="CB17" s="281">
        <v>0</v>
      </c>
      <c r="CC17" s="278">
        <v>0</v>
      </c>
      <c r="CD17" s="280">
        <v>0</v>
      </c>
      <c r="CE17" s="281">
        <v>0</v>
      </c>
      <c r="CF17" s="281">
        <v>1</v>
      </c>
      <c r="CG17" s="281">
        <v>1</v>
      </c>
      <c r="CH17" s="281">
        <v>5</v>
      </c>
      <c r="CI17" s="281">
        <v>1</v>
      </c>
      <c r="CJ17" s="278">
        <v>8</v>
      </c>
      <c r="CK17" s="283">
        <v>8</v>
      </c>
      <c r="CL17" s="277">
        <v>0</v>
      </c>
      <c r="CM17" s="281">
        <v>0</v>
      </c>
      <c r="CN17" s="278">
        <v>0</v>
      </c>
      <c r="CO17" s="280">
        <v>0</v>
      </c>
      <c r="CP17" s="281">
        <v>0</v>
      </c>
      <c r="CQ17" s="281">
        <v>1</v>
      </c>
      <c r="CR17" s="281">
        <v>0</v>
      </c>
      <c r="CS17" s="281">
        <v>0</v>
      </c>
      <c r="CT17" s="281">
        <v>0</v>
      </c>
      <c r="CU17" s="278">
        <v>1</v>
      </c>
      <c r="CV17" s="283">
        <v>1</v>
      </c>
      <c r="CW17" s="277">
        <v>0</v>
      </c>
      <c r="CX17" s="281">
        <v>0</v>
      </c>
      <c r="CY17" s="278">
        <v>0</v>
      </c>
      <c r="CZ17" s="280">
        <v>0</v>
      </c>
      <c r="DA17" s="281">
        <v>0</v>
      </c>
      <c r="DB17" s="281">
        <v>0</v>
      </c>
      <c r="DC17" s="281">
        <v>0</v>
      </c>
      <c r="DD17" s="281">
        <v>0</v>
      </c>
      <c r="DE17" s="281">
        <v>0</v>
      </c>
      <c r="DF17" s="278">
        <v>0</v>
      </c>
      <c r="DG17" s="283">
        <v>0</v>
      </c>
      <c r="DH17" s="277">
        <v>0</v>
      </c>
      <c r="DI17" s="281">
        <v>0</v>
      </c>
      <c r="DJ17" s="278">
        <v>0</v>
      </c>
      <c r="DK17" s="280">
        <v>0</v>
      </c>
      <c r="DL17" s="281">
        <v>0</v>
      </c>
      <c r="DM17" s="281">
        <v>0</v>
      </c>
      <c r="DN17" s="281">
        <v>0</v>
      </c>
      <c r="DO17" s="281">
        <v>0</v>
      </c>
      <c r="DP17" s="281">
        <v>0</v>
      </c>
      <c r="DQ17" s="278">
        <v>0</v>
      </c>
      <c r="DR17" s="283">
        <v>0</v>
      </c>
      <c r="DS17" s="277">
        <v>0</v>
      </c>
      <c r="DT17" s="281">
        <v>4</v>
      </c>
      <c r="DU17" s="278">
        <v>4</v>
      </c>
      <c r="DV17" s="280">
        <v>0</v>
      </c>
      <c r="DW17" s="281">
        <v>4</v>
      </c>
      <c r="DX17" s="281">
        <v>13</v>
      </c>
      <c r="DY17" s="281">
        <v>6</v>
      </c>
      <c r="DZ17" s="281">
        <v>8</v>
      </c>
      <c r="EA17" s="281">
        <v>5</v>
      </c>
      <c r="EB17" s="278">
        <v>36</v>
      </c>
      <c r="EC17" s="283">
        <v>40</v>
      </c>
      <c r="ED17" s="277">
        <v>2</v>
      </c>
      <c r="EE17" s="281">
        <v>2</v>
      </c>
      <c r="EF17" s="278">
        <v>4</v>
      </c>
      <c r="EG17" s="280">
        <v>0</v>
      </c>
      <c r="EH17" s="281">
        <v>6</v>
      </c>
      <c r="EI17" s="281">
        <v>4</v>
      </c>
      <c r="EJ17" s="281">
        <v>3</v>
      </c>
      <c r="EK17" s="281">
        <v>0</v>
      </c>
      <c r="EL17" s="281">
        <v>0</v>
      </c>
      <c r="EM17" s="278">
        <v>13</v>
      </c>
      <c r="EN17" s="283">
        <v>17</v>
      </c>
      <c r="EO17" s="277">
        <v>0</v>
      </c>
      <c r="EP17" s="281">
        <v>4</v>
      </c>
      <c r="EQ17" s="278">
        <v>4</v>
      </c>
      <c r="ER17" s="280">
        <v>0</v>
      </c>
      <c r="ES17" s="281">
        <v>15</v>
      </c>
      <c r="ET17" s="281">
        <v>15</v>
      </c>
      <c r="EU17" s="281">
        <v>9</v>
      </c>
      <c r="EV17" s="281">
        <v>9</v>
      </c>
      <c r="EW17" s="281">
        <v>6</v>
      </c>
      <c r="EX17" s="278">
        <v>54</v>
      </c>
      <c r="EY17" s="283">
        <v>58</v>
      </c>
    </row>
    <row r="18" spans="1:155" ht="19.5" customHeight="1" x14ac:dyDescent="0.2">
      <c r="A18" s="262" t="s">
        <v>16</v>
      </c>
      <c r="B18" s="277">
        <v>0</v>
      </c>
      <c r="C18" s="281">
        <v>0</v>
      </c>
      <c r="D18" s="385">
        <v>0</v>
      </c>
      <c r="E18" s="280">
        <v>0</v>
      </c>
      <c r="F18" s="281">
        <v>8</v>
      </c>
      <c r="G18" s="281">
        <v>16</v>
      </c>
      <c r="H18" s="281">
        <v>7</v>
      </c>
      <c r="I18" s="281">
        <v>4</v>
      </c>
      <c r="J18" s="281">
        <v>3</v>
      </c>
      <c r="K18" s="282">
        <v>38</v>
      </c>
      <c r="L18" s="283">
        <v>38</v>
      </c>
      <c r="M18" s="277">
        <v>0</v>
      </c>
      <c r="N18" s="281">
        <v>0</v>
      </c>
      <c r="O18" s="278">
        <v>0</v>
      </c>
      <c r="P18" s="280">
        <v>0</v>
      </c>
      <c r="Q18" s="281">
        <v>0</v>
      </c>
      <c r="R18" s="281">
        <v>1</v>
      </c>
      <c r="S18" s="281">
        <v>2</v>
      </c>
      <c r="T18" s="281">
        <v>0</v>
      </c>
      <c r="U18" s="281">
        <v>3</v>
      </c>
      <c r="V18" s="278">
        <v>6</v>
      </c>
      <c r="W18" s="283">
        <v>6</v>
      </c>
      <c r="X18" s="277">
        <v>2</v>
      </c>
      <c r="Y18" s="281">
        <v>3</v>
      </c>
      <c r="Z18" s="278">
        <v>5</v>
      </c>
      <c r="AA18" s="280">
        <v>0</v>
      </c>
      <c r="AB18" s="281">
        <v>7</v>
      </c>
      <c r="AC18" s="281">
        <v>16</v>
      </c>
      <c r="AD18" s="281">
        <v>9</v>
      </c>
      <c r="AE18" s="281">
        <v>4</v>
      </c>
      <c r="AF18" s="281">
        <v>5</v>
      </c>
      <c r="AG18" s="278">
        <v>41</v>
      </c>
      <c r="AH18" s="283">
        <v>46</v>
      </c>
      <c r="AI18" s="277">
        <v>0</v>
      </c>
      <c r="AJ18" s="281">
        <v>0</v>
      </c>
      <c r="AK18" s="278">
        <v>0</v>
      </c>
      <c r="AL18" s="280">
        <v>0</v>
      </c>
      <c r="AM18" s="281">
        <v>0</v>
      </c>
      <c r="AN18" s="281">
        <v>0</v>
      </c>
      <c r="AO18" s="281">
        <v>2</v>
      </c>
      <c r="AP18" s="281">
        <v>0</v>
      </c>
      <c r="AQ18" s="281">
        <v>1</v>
      </c>
      <c r="AR18" s="278">
        <v>3</v>
      </c>
      <c r="AS18" s="283">
        <v>3</v>
      </c>
      <c r="AT18" s="277">
        <v>4</v>
      </c>
      <c r="AU18" s="281">
        <v>0</v>
      </c>
      <c r="AV18" s="278">
        <v>4</v>
      </c>
      <c r="AW18" s="280">
        <v>0</v>
      </c>
      <c r="AX18" s="281">
        <v>16</v>
      </c>
      <c r="AY18" s="281">
        <v>14</v>
      </c>
      <c r="AZ18" s="281">
        <v>11</v>
      </c>
      <c r="BA18" s="281">
        <v>16</v>
      </c>
      <c r="BB18" s="281">
        <v>11</v>
      </c>
      <c r="BC18" s="282">
        <v>68</v>
      </c>
      <c r="BD18" s="283">
        <v>72</v>
      </c>
      <c r="BE18" s="277">
        <v>0</v>
      </c>
      <c r="BF18" s="281">
        <v>0</v>
      </c>
      <c r="BG18" s="278">
        <v>0</v>
      </c>
      <c r="BH18" s="280">
        <v>0</v>
      </c>
      <c r="BI18" s="281">
        <v>16</v>
      </c>
      <c r="BJ18" s="281">
        <v>20</v>
      </c>
      <c r="BK18" s="281">
        <v>8</v>
      </c>
      <c r="BL18" s="281">
        <v>3</v>
      </c>
      <c r="BM18" s="281">
        <v>2</v>
      </c>
      <c r="BN18" s="278">
        <v>49</v>
      </c>
      <c r="BO18" s="283">
        <v>49</v>
      </c>
      <c r="BP18" s="277">
        <v>5</v>
      </c>
      <c r="BQ18" s="281">
        <v>5</v>
      </c>
      <c r="BR18" s="278">
        <v>10</v>
      </c>
      <c r="BS18" s="280">
        <v>0</v>
      </c>
      <c r="BT18" s="281">
        <v>9</v>
      </c>
      <c r="BU18" s="281">
        <v>15</v>
      </c>
      <c r="BV18" s="281">
        <v>6</v>
      </c>
      <c r="BW18" s="281">
        <v>0</v>
      </c>
      <c r="BX18" s="281">
        <v>0</v>
      </c>
      <c r="BY18" s="278">
        <v>30</v>
      </c>
      <c r="BZ18" s="283">
        <v>40</v>
      </c>
      <c r="CA18" s="277">
        <v>0</v>
      </c>
      <c r="CB18" s="281">
        <v>0</v>
      </c>
      <c r="CC18" s="278">
        <v>0</v>
      </c>
      <c r="CD18" s="280">
        <v>0</v>
      </c>
      <c r="CE18" s="281">
        <v>3</v>
      </c>
      <c r="CF18" s="281">
        <v>3</v>
      </c>
      <c r="CG18" s="281">
        <v>3</v>
      </c>
      <c r="CH18" s="281">
        <v>1</v>
      </c>
      <c r="CI18" s="281">
        <v>1</v>
      </c>
      <c r="CJ18" s="278">
        <v>11</v>
      </c>
      <c r="CK18" s="283">
        <v>11</v>
      </c>
      <c r="CL18" s="277">
        <v>0</v>
      </c>
      <c r="CM18" s="281">
        <v>0</v>
      </c>
      <c r="CN18" s="278">
        <v>0</v>
      </c>
      <c r="CO18" s="280">
        <v>0</v>
      </c>
      <c r="CP18" s="281">
        <v>2</v>
      </c>
      <c r="CQ18" s="281">
        <v>0</v>
      </c>
      <c r="CR18" s="281">
        <v>0</v>
      </c>
      <c r="CS18" s="281">
        <v>0</v>
      </c>
      <c r="CT18" s="281">
        <v>0</v>
      </c>
      <c r="CU18" s="278">
        <v>2</v>
      </c>
      <c r="CV18" s="283">
        <v>2</v>
      </c>
      <c r="CW18" s="277">
        <v>0</v>
      </c>
      <c r="CX18" s="281">
        <v>0</v>
      </c>
      <c r="CY18" s="278">
        <v>0</v>
      </c>
      <c r="CZ18" s="280">
        <v>0</v>
      </c>
      <c r="DA18" s="281">
        <v>0</v>
      </c>
      <c r="DB18" s="281">
        <v>0</v>
      </c>
      <c r="DC18" s="281">
        <v>0</v>
      </c>
      <c r="DD18" s="281">
        <v>0</v>
      </c>
      <c r="DE18" s="281">
        <v>0</v>
      </c>
      <c r="DF18" s="278">
        <v>0</v>
      </c>
      <c r="DG18" s="283">
        <v>0</v>
      </c>
      <c r="DH18" s="277">
        <v>0</v>
      </c>
      <c r="DI18" s="281">
        <v>0</v>
      </c>
      <c r="DJ18" s="278">
        <v>0</v>
      </c>
      <c r="DK18" s="280">
        <v>0</v>
      </c>
      <c r="DL18" s="281">
        <v>0</v>
      </c>
      <c r="DM18" s="281">
        <v>0</v>
      </c>
      <c r="DN18" s="281">
        <v>0</v>
      </c>
      <c r="DO18" s="281">
        <v>0</v>
      </c>
      <c r="DP18" s="281">
        <v>0</v>
      </c>
      <c r="DQ18" s="278">
        <v>0</v>
      </c>
      <c r="DR18" s="283">
        <v>0</v>
      </c>
      <c r="DS18" s="277">
        <v>8</v>
      </c>
      <c r="DT18" s="281">
        <v>15</v>
      </c>
      <c r="DU18" s="278">
        <v>23</v>
      </c>
      <c r="DV18" s="280">
        <v>0</v>
      </c>
      <c r="DW18" s="281">
        <v>16</v>
      </c>
      <c r="DX18" s="281">
        <v>40</v>
      </c>
      <c r="DY18" s="281">
        <v>23</v>
      </c>
      <c r="DZ18" s="281">
        <v>10</v>
      </c>
      <c r="EA18" s="281">
        <v>8</v>
      </c>
      <c r="EB18" s="278">
        <v>97</v>
      </c>
      <c r="EC18" s="283">
        <v>120</v>
      </c>
      <c r="ED18" s="277">
        <v>5</v>
      </c>
      <c r="EE18" s="281">
        <v>0</v>
      </c>
      <c r="EF18" s="278">
        <v>5</v>
      </c>
      <c r="EG18" s="280">
        <v>0</v>
      </c>
      <c r="EH18" s="281">
        <v>13</v>
      </c>
      <c r="EI18" s="281">
        <v>11</v>
      </c>
      <c r="EJ18" s="281">
        <v>3</v>
      </c>
      <c r="EK18" s="281">
        <v>13</v>
      </c>
      <c r="EL18" s="281">
        <v>7</v>
      </c>
      <c r="EM18" s="278">
        <v>47</v>
      </c>
      <c r="EN18" s="283">
        <v>52</v>
      </c>
      <c r="EO18" s="277">
        <v>13</v>
      </c>
      <c r="EP18" s="281">
        <v>21</v>
      </c>
      <c r="EQ18" s="278">
        <v>34</v>
      </c>
      <c r="ER18" s="280">
        <v>0</v>
      </c>
      <c r="ES18" s="281">
        <v>42</v>
      </c>
      <c r="ET18" s="281">
        <v>59</v>
      </c>
      <c r="EU18" s="281">
        <v>25</v>
      </c>
      <c r="EV18" s="281">
        <v>10</v>
      </c>
      <c r="EW18" s="281">
        <v>8</v>
      </c>
      <c r="EX18" s="278">
        <v>144</v>
      </c>
      <c r="EY18" s="283">
        <v>178</v>
      </c>
    </row>
    <row r="19" spans="1:155" ht="19.5" customHeight="1" x14ac:dyDescent="0.2">
      <c r="A19" s="262" t="s">
        <v>17</v>
      </c>
      <c r="B19" s="277">
        <v>0</v>
      </c>
      <c r="C19" s="281">
        <v>0</v>
      </c>
      <c r="D19" s="385">
        <v>0</v>
      </c>
      <c r="E19" s="280">
        <v>0</v>
      </c>
      <c r="F19" s="281">
        <v>8</v>
      </c>
      <c r="G19" s="281">
        <v>19</v>
      </c>
      <c r="H19" s="281">
        <v>19</v>
      </c>
      <c r="I19" s="281">
        <v>5</v>
      </c>
      <c r="J19" s="281">
        <v>5</v>
      </c>
      <c r="K19" s="282">
        <v>56</v>
      </c>
      <c r="L19" s="283">
        <v>56</v>
      </c>
      <c r="M19" s="277">
        <v>0</v>
      </c>
      <c r="N19" s="281">
        <v>0</v>
      </c>
      <c r="O19" s="278">
        <v>0</v>
      </c>
      <c r="P19" s="280">
        <v>0</v>
      </c>
      <c r="Q19" s="281">
        <v>0</v>
      </c>
      <c r="R19" s="281">
        <v>3</v>
      </c>
      <c r="S19" s="281">
        <v>1</v>
      </c>
      <c r="T19" s="281">
        <v>4</v>
      </c>
      <c r="U19" s="281">
        <v>4</v>
      </c>
      <c r="V19" s="278">
        <v>12</v>
      </c>
      <c r="W19" s="283">
        <v>12</v>
      </c>
      <c r="X19" s="277">
        <v>4</v>
      </c>
      <c r="Y19" s="281">
        <v>9</v>
      </c>
      <c r="Z19" s="278">
        <v>13</v>
      </c>
      <c r="AA19" s="280">
        <v>0</v>
      </c>
      <c r="AB19" s="281">
        <v>12</v>
      </c>
      <c r="AC19" s="281">
        <v>18</v>
      </c>
      <c r="AD19" s="281">
        <v>14</v>
      </c>
      <c r="AE19" s="281">
        <v>7</v>
      </c>
      <c r="AF19" s="281">
        <v>9</v>
      </c>
      <c r="AG19" s="278">
        <v>60</v>
      </c>
      <c r="AH19" s="283">
        <v>73</v>
      </c>
      <c r="AI19" s="277">
        <v>0</v>
      </c>
      <c r="AJ19" s="281">
        <v>0</v>
      </c>
      <c r="AK19" s="278">
        <v>0</v>
      </c>
      <c r="AL19" s="280">
        <v>0</v>
      </c>
      <c r="AM19" s="281">
        <v>0</v>
      </c>
      <c r="AN19" s="281">
        <v>1</v>
      </c>
      <c r="AO19" s="281">
        <v>2</v>
      </c>
      <c r="AP19" s="281">
        <v>1</v>
      </c>
      <c r="AQ19" s="281">
        <v>0</v>
      </c>
      <c r="AR19" s="278">
        <v>4</v>
      </c>
      <c r="AS19" s="283">
        <v>4</v>
      </c>
      <c r="AT19" s="277">
        <v>1</v>
      </c>
      <c r="AU19" s="281">
        <v>8</v>
      </c>
      <c r="AV19" s="278">
        <v>9</v>
      </c>
      <c r="AW19" s="280">
        <v>0</v>
      </c>
      <c r="AX19" s="281">
        <v>15</v>
      </c>
      <c r="AY19" s="281">
        <v>25</v>
      </c>
      <c r="AZ19" s="281">
        <v>21</v>
      </c>
      <c r="BA19" s="281">
        <v>25</v>
      </c>
      <c r="BB19" s="281">
        <v>20</v>
      </c>
      <c r="BC19" s="282">
        <v>106</v>
      </c>
      <c r="BD19" s="283">
        <v>115</v>
      </c>
      <c r="BE19" s="277">
        <v>0</v>
      </c>
      <c r="BF19" s="281">
        <v>0</v>
      </c>
      <c r="BG19" s="278">
        <v>0</v>
      </c>
      <c r="BH19" s="280">
        <v>0</v>
      </c>
      <c r="BI19" s="281">
        <v>24</v>
      </c>
      <c r="BJ19" s="281">
        <v>33</v>
      </c>
      <c r="BK19" s="281">
        <v>17</v>
      </c>
      <c r="BL19" s="281">
        <v>6</v>
      </c>
      <c r="BM19" s="281">
        <v>1</v>
      </c>
      <c r="BN19" s="278">
        <v>81</v>
      </c>
      <c r="BO19" s="283">
        <v>81</v>
      </c>
      <c r="BP19" s="277">
        <v>3</v>
      </c>
      <c r="BQ19" s="281">
        <v>6</v>
      </c>
      <c r="BR19" s="278">
        <v>9</v>
      </c>
      <c r="BS19" s="280">
        <v>0</v>
      </c>
      <c r="BT19" s="281">
        <v>7</v>
      </c>
      <c r="BU19" s="281">
        <v>3</v>
      </c>
      <c r="BV19" s="281">
        <v>3</v>
      </c>
      <c r="BW19" s="281">
        <v>2</v>
      </c>
      <c r="BX19" s="281">
        <v>2</v>
      </c>
      <c r="BY19" s="278">
        <v>17</v>
      </c>
      <c r="BZ19" s="283">
        <v>26</v>
      </c>
      <c r="CA19" s="277">
        <v>0</v>
      </c>
      <c r="CB19" s="281">
        <v>0</v>
      </c>
      <c r="CC19" s="278">
        <v>0</v>
      </c>
      <c r="CD19" s="280">
        <v>0</v>
      </c>
      <c r="CE19" s="281">
        <v>5</v>
      </c>
      <c r="CF19" s="281">
        <v>4</v>
      </c>
      <c r="CG19" s="281">
        <v>7</v>
      </c>
      <c r="CH19" s="281">
        <v>6</v>
      </c>
      <c r="CI19" s="281">
        <v>1</v>
      </c>
      <c r="CJ19" s="278">
        <v>23</v>
      </c>
      <c r="CK19" s="283">
        <v>23</v>
      </c>
      <c r="CL19" s="277">
        <v>0</v>
      </c>
      <c r="CM19" s="281">
        <v>0</v>
      </c>
      <c r="CN19" s="278">
        <v>0</v>
      </c>
      <c r="CO19" s="280">
        <v>0</v>
      </c>
      <c r="CP19" s="281">
        <v>1</v>
      </c>
      <c r="CQ19" s="281">
        <v>0</v>
      </c>
      <c r="CR19" s="281">
        <v>0</v>
      </c>
      <c r="CS19" s="281">
        <v>0</v>
      </c>
      <c r="CT19" s="281">
        <v>0</v>
      </c>
      <c r="CU19" s="278">
        <v>1</v>
      </c>
      <c r="CV19" s="283">
        <v>1</v>
      </c>
      <c r="CW19" s="277">
        <v>0</v>
      </c>
      <c r="CX19" s="281">
        <v>0</v>
      </c>
      <c r="CY19" s="278">
        <v>0</v>
      </c>
      <c r="CZ19" s="280">
        <v>0</v>
      </c>
      <c r="DA19" s="281">
        <v>0</v>
      </c>
      <c r="DB19" s="281">
        <v>0</v>
      </c>
      <c r="DC19" s="281">
        <v>0</v>
      </c>
      <c r="DD19" s="281">
        <v>0</v>
      </c>
      <c r="DE19" s="281">
        <v>0</v>
      </c>
      <c r="DF19" s="278">
        <v>0</v>
      </c>
      <c r="DG19" s="283">
        <v>0</v>
      </c>
      <c r="DH19" s="277">
        <v>0</v>
      </c>
      <c r="DI19" s="281">
        <v>0</v>
      </c>
      <c r="DJ19" s="278">
        <v>0</v>
      </c>
      <c r="DK19" s="280">
        <v>0</v>
      </c>
      <c r="DL19" s="281">
        <v>0</v>
      </c>
      <c r="DM19" s="281">
        <v>0</v>
      </c>
      <c r="DN19" s="281">
        <v>0</v>
      </c>
      <c r="DO19" s="281">
        <v>0</v>
      </c>
      <c r="DP19" s="281">
        <v>0</v>
      </c>
      <c r="DQ19" s="278">
        <v>0</v>
      </c>
      <c r="DR19" s="283">
        <v>0</v>
      </c>
      <c r="DS19" s="277">
        <v>17</v>
      </c>
      <c r="DT19" s="281">
        <v>21</v>
      </c>
      <c r="DU19" s="278">
        <v>38</v>
      </c>
      <c r="DV19" s="280">
        <v>0</v>
      </c>
      <c r="DW19" s="281">
        <v>22</v>
      </c>
      <c r="DX19" s="281">
        <v>59</v>
      </c>
      <c r="DY19" s="281">
        <v>45</v>
      </c>
      <c r="DZ19" s="281">
        <v>21</v>
      </c>
      <c r="EA19" s="281">
        <v>14</v>
      </c>
      <c r="EB19" s="278">
        <v>161</v>
      </c>
      <c r="EC19" s="283">
        <v>199</v>
      </c>
      <c r="ED19" s="277">
        <v>2</v>
      </c>
      <c r="EE19" s="281">
        <v>4</v>
      </c>
      <c r="EF19" s="278">
        <v>6</v>
      </c>
      <c r="EG19" s="280">
        <v>0</v>
      </c>
      <c r="EH19" s="281">
        <v>9</v>
      </c>
      <c r="EI19" s="281">
        <v>7</v>
      </c>
      <c r="EJ19" s="281">
        <v>4</v>
      </c>
      <c r="EK19" s="281">
        <v>16</v>
      </c>
      <c r="EL19" s="281">
        <v>8</v>
      </c>
      <c r="EM19" s="278">
        <v>44</v>
      </c>
      <c r="EN19" s="283">
        <v>50</v>
      </c>
      <c r="EO19" s="277">
        <v>20</v>
      </c>
      <c r="EP19" s="281">
        <v>27</v>
      </c>
      <c r="EQ19" s="278">
        <v>47</v>
      </c>
      <c r="ER19" s="280">
        <v>0</v>
      </c>
      <c r="ES19" s="281">
        <v>58</v>
      </c>
      <c r="ET19" s="281">
        <v>80</v>
      </c>
      <c r="EU19" s="281">
        <v>49</v>
      </c>
      <c r="EV19" s="281">
        <v>24</v>
      </c>
      <c r="EW19" s="281">
        <v>15</v>
      </c>
      <c r="EX19" s="278">
        <v>226</v>
      </c>
      <c r="EY19" s="283">
        <v>273</v>
      </c>
    </row>
    <row r="20" spans="1:155" ht="19.5" customHeight="1" x14ac:dyDescent="0.2">
      <c r="A20" s="262" t="s">
        <v>18</v>
      </c>
      <c r="B20" s="277">
        <v>0</v>
      </c>
      <c r="C20" s="281">
        <v>0</v>
      </c>
      <c r="D20" s="385">
        <v>0</v>
      </c>
      <c r="E20" s="280">
        <v>0</v>
      </c>
      <c r="F20" s="281">
        <v>24</v>
      </c>
      <c r="G20" s="281">
        <v>33</v>
      </c>
      <c r="H20" s="281">
        <v>18</v>
      </c>
      <c r="I20" s="281">
        <v>15</v>
      </c>
      <c r="J20" s="281">
        <v>7</v>
      </c>
      <c r="K20" s="282">
        <v>97</v>
      </c>
      <c r="L20" s="283">
        <v>97</v>
      </c>
      <c r="M20" s="277">
        <v>0</v>
      </c>
      <c r="N20" s="281">
        <v>0</v>
      </c>
      <c r="O20" s="278">
        <v>0</v>
      </c>
      <c r="P20" s="280">
        <v>0</v>
      </c>
      <c r="Q20" s="281">
        <v>0</v>
      </c>
      <c r="R20" s="281">
        <v>1</v>
      </c>
      <c r="S20" s="281">
        <v>2</v>
      </c>
      <c r="T20" s="281">
        <v>5</v>
      </c>
      <c r="U20" s="281">
        <v>4</v>
      </c>
      <c r="V20" s="278">
        <v>12</v>
      </c>
      <c r="W20" s="283">
        <v>12</v>
      </c>
      <c r="X20" s="277">
        <v>6</v>
      </c>
      <c r="Y20" s="281">
        <v>6</v>
      </c>
      <c r="Z20" s="278">
        <v>12</v>
      </c>
      <c r="AA20" s="280">
        <v>0</v>
      </c>
      <c r="AB20" s="281">
        <v>16</v>
      </c>
      <c r="AC20" s="281">
        <v>34</v>
      </c>
      <c r="AD20" s="281">
        <v>16</v>
      </c>
      <c r="AE20" s="281">
        <v>22</v>
      </c>
      <c r="AF20" s="281">
        <v>7</v>
      </c>
      <c r="AG20" s="278">
        <v>95</v>
      </c>
      <c r="AH20" s="283">
        <v>107</v>
      </c>
      <c r="AI20" s="277">
        <v>1</v>
      </c>
      <c r="AJ20" s="281">
        <v>0</v>
      </c>
      <c r="AK20" s="278">
        <v>1</v>
      </c>
      <c r="AL20" s="280">
        <v>0</v>
      </c>
      <c r="AM20" s="281">
        <v>2</v>
      </c>
      <c r="AN20" s="281">
        <v>3</v>
      </c>
      <c r="AO20" s="281">
        <v>2</v>
      </c>
      <c r="AP20" s="281">
        <v>2</v>
      </c>
      <c r="AQ20" s="281">
        <v>1</v>
      </c>
      <c r="AR20" s="278">
        <v>10</v>
      </c>
      <c r="AS20" s="283">
        <v>11</v>
      </c>
      <c r="AT20" s="277">
        <v>7</v>
      </c>
      <c r="AU20" s="281">
        <v>2</v>
      </c>
      <c r="AV20" s="278">
        <v>9</v>
      </c>
      <c r="AW20" s="280">
        <v>0</v>
      </c>
      <c r="AX20" s="281">
        <v>26</v>
      </c>
      <c r="AY20" s="281">
        <v>37</v>
      </c>
      <c r="AZ20" s="281">
        <v>18</v>
      </c>
      <c r="BA20" s="281">
        <v>33</v>
      </c>
      <c r="BB20" s="281">
        <v>29</v>
      </c>
      <c r="BC20" s="282">
        <v>143</v>
      </c>
      <c r="BD20" s="283">
        <v>152</v>
      </c>
      <c r="BE20" s="277">
        <v>0</v>
      </c>
      <c r="BF20" s="281">
        <v>0</v>
      </c>
      <c r="BG20" s="278">
        <v>0</v>
      </c>
      <c r="BH20" s="280">
        <v>0</v>
      </c>
      <c r="BI20" s="281">
        <v>38</v>
      </c>
      <c r="BJ20" s="281">
        <v>49</v>
      </c>
      <c r="BK20" s="281">
        <v>15</v>
      </c>
      <c r="BL20" s="281">
        <v>12</v>
      </c>
      <c r="BM20" s="281">
        <v>3</v>
      </c>
      <c r="BN20" s="278">
        <v>117</v>
      </c>
      <c r="BO20" s="283">
        <v>117</v>
      </c>
      <c r="BP20" s="277">
        <v>4</v>
      </c>
      <c r="BQ20" s="281">
        <v>4</v>
      </c>
      <c r="BR20" s="278">
        <v>8</v>
      </c>
      <c r="BS20" s="280">
        <v>0</v>
      </c>
      <c r="BT20" s="281">
        <v>10</v>
      </c>
      <c r="BU20" s="281">
        <v>13</v>
      </c>
      <c r="BV20" s="281">
        <v>7</v>
      </c>
      <c r="BW20" s="281">
        <v>8</v>
      </c>
      <c r="BX20" s="281">
        <v>1</v>
      </c>
      <c r="BY20" s="278">
        <v>39</v>
      </c>
      <c r="BZ20" s="283">
        <v>47</v>
      </c>
      <c r="CA20" s="277">
        <v>0</v>
      </c>
      <c r="CB20" s="281">
        <v>0</v>
      </c>
      <c r="CC20" s="278">
        <v>0</v>
      </c>
      <c r="CD20" s="280">
        <v>0</v>
      </c>
      <c r="CE20" s="281">
        <v>1</v>
      </c>
      <c r="CF20" s="281">
        <v>8</v>
      </c>
      <c r="CG20" s="281">
        <v>12</v>
      </c>
      <c r="CH20" s="281">
        <v>8</v>
      </c>
      <c r="CI20" s="281">
        <v>2</v>
      </c>
      <c r="CJ20" s="278">
        <v>31</v>
      </c>
      <c r="CK20" s="283">
        <v>31</v>
      </c>
      <c r="CL20" s="277">
        <v>0</v>
      </c>
      <c r="CM20" s="281">
        <v>0</v>
      </c>
      <c r="CN20" s="278">
        <v>0</v>
      </c>
      <c r="CO20" s="280">
        <v>0</v>
      </c>
      <c r="CP20" s="281">
        <v>0</v>
      </c>
      <c r="CQ20" s="281">
        <v>0</v>
      </c>
      <c r="CR20" s="281">
        <v>0</v>
      </c>
      <c r="CS20" s="281">
        <v>0</v>
      </c>
      <c r="CT20" s="281">
        <v>1</v>
      </c>
      <c r="CU20" s="278">
        <v>1</v>
      </c>
      <c r="CV20" s="283">
        <v>1</v>
      </c>
      <c r="CW20" s="277">
        <v>0</v>
      </c>
      <c r="CX20" s="281">
        <v>0</v>
      </c>
      <c r="CY20" s="278">
        <v>0</v>
      </c>
      <c r="CZ20" s="280">
        <v>0</v>
      </c>
      <c r="DA20" s="281">
        <v>0</v>
      </c>
      <c r="DB20" s="281">
        <v>0</v>
      </c>
      <c r="DC20" s="281">
        <v>0</v>
      </c>
      <c r="DD20" s="281">
        <v>0</v>
      </c>
      <c r="DE20" s="281">
        <v>0</v>
      </c>
      <c r="DF20" s="278">
        <v>0</v>
      </c>
      <c r="DG20" s="283">
        <v>0</v>
      </c>
      <c r="DH20" s="277">
        <v>0</v>
      </c>
      <c r="DI20" s="281">
        <v>0</v>
      </c>
      <c r="DJ20" s="278">
        <v>0</v>
      </c>
      <c r="DK20" s="280">
        <v>0</v>
      </c>
      <c r="DL20" s="281">
        <v>0</v>
      </c>
      <c r="DM20" s="281">
        <v>0</v>
      </c>
      <c r="DN20" s="281">
        <v>0</v>
      </c>
      <c r="DO20" s="281">
        <v>0</v>
      </c>
      <c r="DP20" s="281">
        <v>0</v>
      </c>
      <c r="DQ20" s="278">
        <v>0</v>
      </c>
      <c r="DR20" s="283">
        <v>0</v>
      </c>
      <c r="DS20" s="277">
        <v>12</v>
      </c>
      <c r="DT20" s="281">
        <v>22</v>
      </c>
      <c r="DU20" s="278">
        <v>34</v>
      </c>
      <c r="DV20" s="280">
        <v>0</v>
      </c>
      <c r="DW20" s="281">
        <v>40</v>
      </c>
      <c r="DX20" s="281">
        <v>68</v>
      </c>
      <c r="DY20" s="281">
        <v>37</v>
      </c>
      <c r="DZ20" s="281">
        <v>42</v>
      </c>
      <c r="EA20" s="281">
        <v>17</v>
      </c>
      <c r="EB20" s="278">
        <v>204</v>
      </c>
      <c r="EC20" s="283">
        <v>238</v>
      </c>
      <c r="ED20" s="277">
        <v>5</v>
      </c>
      <c r="EE20" s="281">
        <v>1</v>
      </c>
      <c r="EF20" s="278">
        <v>6</v>
      </c>
      <c r="EG20" s="280">
        <v>0</v>
      </c>
      <c r="EH20" s="281">
        <v>13</v>
      </c>
      <c r="EI20" s="281">
        <v>12</v>
      </c>
      <c r="EJ20" s="281">
        <v>5</v>
      </c>
      <c r="EK20" s="281">
        <v>11</v>
      </c>
      <c r="EL20" s="281">
        <v>13</v>
      </c>
      <c r="EM20" s="278">
        <v>54</v>
      </c>
      <c r="EN20" s="283">
        <v>60</v>
      </c>
      <c r="EO20" s="277">
        <v>20</v>
      </c>
      <c r="EP20" s="281">
        <v>29</v>
      </c>
      <c r="EQ20" s="278">
        <v>49</v>
      </c>
      <c r="ER20" s="280">
        <v>0</v>
      </c>
      <c r="ES20" s="281">
        <v>90</v>
      </c>
      <c r="ET20" s="281">
        <v>111</v>
      </c>
      <c r="EU20" s="281">
        <v>49</v>
      </c>
      <c r="EV20" s="281">
        <v>43</v>
      </c>
      <c r="EW20" s="281">
        <v>14</v>
      </c>
      <c r="EX20" s="278">
        <v>307</v>
      </c>
      <c r="EY20" s="283">
        <v>356</v>
      </c>
    </row>
    <row r="21" spans="1:155" ht="19.5" customHeight="1" x14ac:dyDescent="0.2">
      <c r="A21" s="262" t="s">
        <v>19</v>
      </c>
      <c r="B21" s="277">
        <v>0</v>
      </c>
      <c r="C21" s="281">
        <v>0</v>
      </c>
      <c r="D21" s="385">
        <v>0</v>
      </c>
      <c r="E21" s="280">
        <v>0</v>
      </c>
      <c r="F21" s="281">
        <v>8</v>
      </c>
      <c r="G21" s="281">
        <v>9</v>
      </c>
      <c r="H21" s="281">
        <v>6</v>
      </c>
      <c r="I21" s="281">
        <v>4</v>
      </c>
      <c r="J21" s="281">
        <v>2</v>
      </c>
      <c r="K21" s="282">
        <v>29</v>
      </c>
      <c r="L21" s="283">
        <v>29</v>
      </c>
      <c r="M21" s="277">
        <v>0</v>
      </c>
      <c r="N21" s="281">
        <v>0</v>
      </c>
      <c r="O21" s="278">
        <v>0</v>
      </c>
      <c r="P21" s="280">
        <v>0</v>
      </c>
      <c r="Q21" s="281">
        <v>0</v>
      </c>
      <c r="R21" s="281">
        <v>0</v>
      </c>
      <c r="S21" s="281">
        <v>1</v>
      </c>
      <c r="T21" s="281">
        <v>1</v>
      </c>
      <c r="U21" s="281">
        <v>2</v>
      </c>
      <c r="V21" s="278">
        <v>4</v>
      </c>
      <c r="W21" s="283">
        <v>4</v>
      </c>
      <c r="X21" s="277">
        <v>3</v>
      </c>
      <c r="Y21" s="281">
        <v>2</v>
      </c>
      <c r="Z21" s="278">
        <v>5</v>
      </c>
      <c r="AA21" s="280">
        <v>0</v>
      </c>
      <c r="AB21" s="281">
        <v>7</v>
      </c>
      <c r="AC21" s="281">
        <v>12</v>
      </c>
      <c r="AD21" s="281">
        <v>5</v>
      </c>
      <c r="AE21" s="281">
        <v>6</v>
      </c>
      <c r="AF21" s="281">
        <v>4</v>
      </c>
      <c r="AG21" s="278">
        <v>34</v>
      </c>
      <c r="AH21" s="283">
        <v>39</v>
      </c>
      <c r="AI21" s="277">
        <v>0</v>
      </c>
      <c r="AJ21" s="281">
        <v>0</v>
      </c>
      <c r="AK21" s="278">
        <v>0</v>
      </c>
      <c r="AL21" s="280">
        <v>0</v>
      </c>
      <c r="AM21" s="281">
        <v>2</v>
      </c>
      <c r="AN21" s="281">
        <v>1</v>
      </c>
      <c r="AO21" s="281">
        <v>0</v>
      </c>
      <c r="AP21" s="281">
        <v>0</v>
      </c>
      <c r="AQ21" s="281">
        <v>0</v>
      </c>
      <c r="AR21" s="278">
        <v>3</v>
      </c>
      <c r="AS21" s="283">
        <v>3</v>
      </c>
      <c r="AT21" s="277">
        <v>4</v>
      </c>
      <c r="AU21" s="281">
        <v>3</v>
      </c>
      <c r="AV21" s="278">
        <v>7</v>
      </c>
      <c r="AW21" s="280">
        <v>0</v>
      </c>
      <c r="AX21" s="281">
        <v>10</v>
      </c>
      <c r="AY21" s="281">
        <v>12</v>
      </c>
      <c r="AZ21" s="281">
        <v>10</v>
      </c>
      <c r="BA21" s="281">
        <v>8</v>
      </c>
      <c r="BB21" s="281">
        <v>6</v>
      </c>
      <c r="BC21" s="282">
        <v>46</v>
      </c>
      <c r="BD21" s="283">
        <v>53</v>
      </c>
      <c r="BE21" s="277">
        <v>0</v>
      </c>
      <c r="BF21" s="281">
        <v>0</v>
      </c>
      <c r="BG21" s="278">
        <v>0</v>
      </c>
      <c r="BH21" s="280">
        <v>0</v>
      </c>
      <c r="BI21" s="281">
        <v>17</v>
      </c>
      <c r="BJ21" s="281">
        <v>7</v>
      </c>
      <c r="BK21" s="281">
        <v>6</v>
      </c>
      <c r="BL21" s="281">
        <v>1</v>
      </c>
      <c r="BM21" s="281">
        <v>4</v>
      </c>
      <c r="BN21" s="278">
        <v>35</v>
      </c>
      <c r="BO21" s="283">
        <v>35</v>
      </c>
      <c r="BP21" s="277">
        <v>0</v>
      </c>
      <c r="BQ21" s="281">
        <v>4</v>
      </c>
      <c r="BR21" s="278">
        <v>4</v>
      </c>
      <c r="BS21" s="280">
        <v>0</v>
      </c>
      <c r="BT21" s="281">
        <v>4</v>
      </c>
      <c r="BU21" s="281">
        <v>3</v>
      </c>
      <c r="BV21" s="281">
        <v>3</v>
      </c>
      <c r="BW21" s="281">
        <v>5</v>
      </c>
      <c r="BX21" s="281">
        <v>1</v>
      </c>
      <c r="BY21" s="278">
        <v>16</v>
      </c>
      <c r="BZ21" s="283">
        <v>20</v>
      </c>
      <c r="CA21" s="277">
        <v>0</v>
      </c>
      <c r="CB21" s="281">
        <v>0</v>
      </c>
      <c r="CC21" s="278">
        <v>0</v>
      </c>
      <c r="CD21" s="280">
        <v>0</v>
      </c>
      <c r="CE21" s="281">
        <v>0</v>
      </c>
      <c r="CF21" s="281">
        <v>4</v>
      </c>
      <c r="CG21" s="281">
        <v>1</v>
      </c>
      <c r="CH21" s="281">
        <v>0</v>
      </c>
      <c r="CI21" s="281">
        <v>1</v>
      </c>
      <c r="CJ21" s="278">
        <v>6</v>
      </c>
      <c r="CK21" s="283">
        <v>6</v>
      </c>
      <c r="CL21" s="277">
        <v>0</v>
      </c>
      <c r="CM21" s="281">
        <v>0</v>
      </c>
      <c r="CN21" s="278">
        <v>0</v>
      </c>
      <c r="CO21" s="280">
        <v>0</v>
      </c>
      <c r="CP21" s="281">
        <v>1</v>
      </c>
      <c r="CQ21" s="281">
        <v>1</v>
      </c>
      <c r="CR21" s="281">
        <v>1</v>
      </c>
      <c r="CS21" s="281">
        <v>2</v>
      </c>
      <c r="CT21" s="281">
        <v>0</v>
      </c>
      <c r="CU21" s="278">
        <v>5</v>
      </c>
      <c r="CV21" s="283">
        <v>5</v>
      </c>
      <c r="CW21" s="277">
        <v>0</v>
      </c>
      <c r="CX21" s="281">
        <v>0</v>
      </c>
      <c r="CY21" s="278">
        <v>0</v>
      </c>
      <c r="CZ21" s="280">
        <v>0</v>
      </c>
      <c r="DA21" s="281">
        <v>0</v>
      </c>
      <c r="DB21" s="281">
        <v>0</v>
      </c>
      <c r="DC21" s="281">
        <v>0</v>
      </c>
      <c r="DD21" s="281">
        <v>0</v>
      </c>
      <c r="DE21" s="281">
        <v>0</v>
      </c>
      <c r="DF21" s="278">
        <v>0</v>
      </c>
      <c r="DG21" s="283">
        <v>0</v>
      </c>
      <c r="DH21" s="277">
        <v>0</v>
      </c>
      <c r="DI21" s="281">
        <v>0</v>
      </c>
      <c r="DJ21" s="278">
        <v>0</v>
      </c>
      <c r="DK21" s="280">
        <v>0</v>
      </c>
      <c r="DL21" s="281">
        <v>0</v>
      </c>
      <c r="DM21" s="281">
        <v>0</v>
      </c>
      <c r="DN21" s="281">
        <v>0</v>
      </c>
      <c r="DO21" s="281">
        <v>0</v>
      </c>
      <c r="DP21" s="281">
        <v>0</v>
      </c>
      <c r="DQ21" s="278">
        <v>0</v>
      </c>
      <c r="DR21" s="283">
        <v>0</v>
      </c>
      <c r="DS21" s="277">
        <v>6</v>
      </c>
      <c r="DT21" s="281">
        <v>9</v>
      </c>
      <c r="DU21" s="278">
        <v>15</v>
      </c>
      <c r="DV21" s="280">
        <v>0</v>
      </c>
      <c r="DW21" s="281">
        <v>18</v>
      </c>
      <c r="DX21" s="281">
        <v>24</v>
      </c>
      <c r="DY21" s="281">
        <v>16</v>
      </c>
      <c r="DZ21" s="281">
        <v>13</v>
      </c>
      <c r="EA21" s="281">
        <v>6</v>
      </c>
      <c r="EB21" s="278">
        <v>77</v>
      </c>
      <c r="EC21" s="283">
        <v>92</v>
      </c>
      <c r="ED21" s="277">
        <v>1</v>
      </c>
      <c r="EE21" s="281">
        <v>3</v>
      </c>
      <c r="EF21" s="278">
        <v>4</v>
      </c>
      <c r="EG21" s="280">
        <v>0</v>
      </c>
      <c r="EH21" s="281">
        <v>10</v>
      </c>
      <c r="EI21" s="281">
        <v>5</v>
      </c>
      <c r="EJ21" s="281">
        <v>5</v>
      </c>
      <c r="EK21" s="281">
        <v>1</v>
      </c>
      <c r="EL21" s="281">
        <v>3</v>
      </c>
      <c r="EM21" s="278">
        <v>24</v>
      </c>
      <c r="EN21" s="283">
        <v>28</v>
      </c>
      <c r="EO21" s="277">
        <v>9</v>
      </c>
      <c r="EP21" s="281">
        <v>11</v>
      </c>
      <c r="EQ21" s="278">
        <v>20</v>
      </c>
      <c r="ER21" s="280">
        <v>0</v>
      </c>
      <c r="ES21" s="281">
        <v>37</v>
      </c>
      <c r="ET21" s="281">
        <v>30</v>
      </c>
      <c r="EU21" s="281">
        <v>16</v>
      </c>
      <c r="EV21" s="281">
        <v>9</v>
      </c>
      <c r="EW21" s="281">
        <v>6</v>
      </c>
      <c r="EX21" s="278">
        <v>98</v>
      </c>
      <c r="EY21" s="283">
        <v>118</v>
      </c>
    </row>
    <row r="22" spans="1:155" ht="19.5" customHeight="1" x14ac:dyDescent="0.2">
      <c r="A22" s="262" t="s">
        <v>20</v>
      </c>
      <c r="B22" s="277">
        <v>0</v>
      </c>
      <c r="C22" s="281">
        <v>0</v>
      </c>
      <c r="D22" s="385">
        <v>0</v>
      </c>
      <c r="E22" s="280">
        <v>0</v>
      </c>
      <c r="F22" s="281">
        <v>15</v>
      </c>
      <c r="G22" s="281">
        <v>8</v>
      </c>
      <c r="H22" s="281">
        <v>4</v>
      </c>
      <c r="I22" s="281">
        <v>6</v>
      </c>
      <c r="J22" s="281">
        <v>5</v>
      </c>
      <c r="K22" s="282">
        <v>38</v>
      </c>
      <c r="L22" s="283">
        <v>38</v>
      </c>
      <c r="M22" s="277">
        <v>0</v>
      </c>
      <c r="N22" s="281">
        <v>0</v>
      </c>
      <c r="O22" s="278">
        <v>0</v>
      </c>
      <c r="P22" s="280">
        <v>0</v>
      </c>
      <c r="Q22" s="281">
        <v>0</v>
      </c>
      <c r="R22" s="281">
        <v>0</v>
      </c>
      <c r="S22" s="281">
        <v>0</v>
      </c>
      <c r="T22" s="281">
        <v>0</v>
      </c>
      <c r="U22" s="281">
        <v>2</v>
      </c>
      <c r="V22" s="278">
        <v>2</v>
      </c>
      <c r="W22" s="283">
        <v>2</v>
      </c>
      <c r="X22" s="277">
        <v>2</v>
      </c>
      <c r="Y22" s="281">
        <v>4</v>
      </c>
      <c r="Z22" s="278">
        <v>6</v>
      </c>
      <c r="AA22" s="280">
        <v>0</v>
      </c>
      <c r="AB22" s="281">
        <v>15</v>
      </c>
      <c r="AC22" s="281">
        <v>13</v>
      </c>
      <c r="AD22" s="281">
        <v>6</v>
      </c>
      <c r="AE22" s="281">
        <v>6</v>
      </c>
      <c r="AF22" s="281">
        <v>1</v>
      </c>
      <c r="AG22" s="278">
        <v>41</v>
      </c>
      <c r="AH22" s="283">
        <v>47</v>
      </c>
      <c r="AI22" s="277">
        <v>1</v>
      </c>
      <c r="AJ22" s="281">
        <v>2</v>
      </c>
      <c r="AK22" s="278">
        <v>3</v>
      </c>
      <c r="AL22" s="280">
        <v>0</v>
      </c>
      <c r="AM22" s="281">
        <v>2</v>
      </c>
      <c r="AN22" s="281">
        <v>5</v>
      </c>
      <c r="AO22" s="281">
        <v>2</v>
      </c>
      <c r="AP22" s="281">
        <v>0</v>
      </c>
      <c r="AQ22" s="281">
        <v>1</v>
      </c>
      <c r="AR22" s="278">
        <v>10</v>
      </c>
      <c r="AS22" s="283">
        <v>13</v>
      </c>
      <c r="AT22" s="277">
        <v>1</v>
      </c>
      <c r="AU22" s="281">
        <v>2</v>
      </c>
      <c r="AV22" s="278">
        <v>3</v>
      </c>
      <c r="AW22" s="280">
        <v>0</v>
      </c>
      <c r="AX22" s="281">
        <v>18</v>
      </c>
      <c r="AY22" s="281">
        <v>9</v>
      </c>
      <c r="AZ22" s="281">
        <v>8</v>
      </c>
      <c r="BA22" s="281">
        <v>12</v>
      </c>
      <c r="BB22" s="281">
        <v>7</v>
      </c>
      <c r="BC22" s="282">
        <v>54</v>
      </c>
      <c r="BD22" s="283">
        <v>57</v>
      </c>
      <c r="BE22" s="277">
        <v>0</v>
      </c>
      <c r="BF22" s="281">
        <v>0</v>
      </c>
      <c r="BG22" s="278">
        <v>0</v>
      </c>
      <c r="BH22" s="280">
        <v>0</v>
      </c>
      <c r="BI22" s="281">
        <v>9</v>
      </c>
      <c r="BJ22" s="281">
        <v>11</v>
      </c>
      <c r="BK22" s="281">
        <v>6</v>
      </c>
      <c r="BL22" s="281">
        <v>5</v>
      </c>
      <c r="BM22" s="281">
        <v>3</v>
      </c>
      <c r="BN22" s="278">
        <v>34</v>
      </c>
      <c r="BO22" s="283">
        <v>34</v>
      </c>
      <c r="BP22" s="277">
        <v>2</v>
      </c>
      <c r="BQ22" s="281">
        <v>4</v>
      </c>
      <c r="BR22" s="278">
        <v>6</v>
      </c>
      <c r="BS22" s="280">
        <v>0</v>
      </c>
      <c r="BT22" s="281">
        <v>8</v>
      </c>
      <c r="BU22" s="281">
        <v>15</v>
      </c>
      <c r="BV22" s="281">
        <v>4</v>
      </c>
      <c r="BW22" s="281">
        <v>3</v>
      </c>
      <c r="BX22" s="281">
        <v>2</v>
      </c>
      <c r="BY22" s="278">
        <v>32</v>
      </c>
      <c r="BZ22" s="283">
        <v>38</v>
      </c>
      <c r="CA22" s="277">
        <v>0</v>
      </c>
      <c r="CB22" s="281">
        <v>0</v>
      </c>
      <c r="CC22" s="278">
        <v>0</v>
      </c>
      <c r="CD22" s="280">
        <v>0</v>
      </c>
      <c r="CE22" s="281">
        <v>2</v>
      </c>
      <c r="CF22" s="281">
        <v>1</v>
      </c>
      <c r="CG22" s="281">
        <v>4</v>
      </c>
      <c r="CH22" s="281">
        <v>3</v>
      </c>
      <c r="CI22" s="281">
        <v>1</v>
      </c>
      <c r="CJ22" s="278">
        <v>11</v>
      </c>
      <c r="CK22" s="283">
        <v>11</v>
      </c>
      <c r="CL22" s="277">
        <v>0</v>
      </c>
      <c r="CM22" s="281">
        <v>0</v>
      </c>
      <c r="CN22" s="278">
        <v>0</v>
      </c>
      <c r="CO22" s="280">
        <v>0</v>
      </c>
      <c r="CP22" s="281">
        <v>0</v>
      </c>
      <c r="CQ22" s="281">
        <v>1</v>
      </c>
      <c r="CR22" s="281">
        <v>1</v>
      </c>
      <c r="CS22" s="281">
        <v>0</v>
      </c>
      <c r="CT22" s="281">
        <v>0</v>
      </c>
      <c r="CU22" s="278">
        <v>2</v>
      </c>
      <c r="CV22" s="283">
        <v>2</v>
      </c>
      <c r="CW22" s="277">
        <v>0</v>
      </c>
      <c r="CX22" s="281">
        <v>0</v>
      </c>
      <c r="CY22" s="278">
        <v>0</v>
      </c>
      <c r="CZ22" s="280">
        <v>0</v>
      </c>
      <c r="DA22" s="281">
        <v>0</v>
      </c>
      <c r="DB22" s="281">
        <v>0</v>
      </c>
      <c r="DC22" s="281">
        <v>0</v>
      </c>
      <c r="DD22" s="281">
        <v>0</v>
      </c>
      <c r="DE22" s="281">
        <v>0</v>
      </c>
      <c r="DF22" s="278">
        <v>0</v>
      </c>
      <c r="DG22" s="283">
        <v>0</v>
      </c>
      <c r="DH22" s="277">
        <v>0</v>
      </c>
      <c r="DI22" s="281">
        <v>0</v>
      </c>
      <c r="DJ22" s="278">
        <v>0</v>
      </c>
      <c r="DK22" s="280">
        <v>0</v>
      </c>
      <c r="DL22" s="281">
        <v>0</v>
      </c>
      <c r="DM22" s="281">
        <v>0</v>
      </c>
      <c r="DN22" s="281">
        <v>0</v>
      </c>
      <c r="DO22" s="281">
        <v>0</v>
      </c>
      <c r="DP22" s="281">
        <v>0</v>
      </c>
      <c r="DQ22" s="278">
        <v>0</v>
      </c>
      <c r="DR22" s="283">
        <v>0</v>
      </c>
      <c r="DS22" s="277">
        <v>6</v>
      </c>
      <c r="DT22" s="281">
        <v>20</v>
      </c>
      <c r="DU22" s="278">
        <v>26</v>
      </c>
      <c r="DV22" s="280">
        <v>0</v>
      </c>
      <c r="DW22" s="281">
        <v>24</v>
      </c>
      <c r="DX22" s="281">
        <v>26</v>
      </c>
      <c r="DY22" s="281">
        <v>15</v>
      </c>
      <c r="DZ22" s="281">
        <v>12</v>
      </c>
      <c r="EA22" s="281">
        <v>6</v>
      </c>
      <c r="EB22" s="278">
        <v>83</v>
      </c>
      <c r="EC22" s="283">
        <v>109</v>
      </c>
      <c r="ED22" s="277">
        <v>1</v>
      </c>
      <c r="EE22" s="281">
        <v>2</v>
      </c>
      <c r="EF22" s="278">
        <v>3</v>
      </c>
      <c r="EG22" s="280">
        <v>0</v>
      </c>
      <c r="EH22" s="281">
        <v>6</v>
      </c>
      <c r="EI22" s="281">
        <v>3</v>
      </c>
      <c r="EJ22" s="281">
        <v>5</v>
      </c>
      <c r="EK22" s="281">
        <v>7</v>
      </c>
      <c r="EL22" s="281">
        <v>3</v>
      </c>
      <c r="EM22" s="278">
        <v>24</v>
      </c>
      <c r="EN22" s="283">
        <v>27</v>
      </c>
      <c r="EO22" s="277">
        <v>12</v>
      </c>
      <c r="EP22" s="281">
        <v>26</v>
      </c>
      <c r="EQ22" s="278">
        <v>38</v>
      </c>
      <c r="ER22" s="280">
        <v>0</v>
      </c>
      <c r="ES22" s="281">
        <v>55</v>
      </c>
      <c r="ET22" s="281">
        <v>40</v>
      </c>
      <c r="EU22" s="281">
        <v>18</v>
      </c>
      <c r="EV22" s="281">
        <v>14</v>
      </c>
      <c r="EW22" s="281">
        <v>7</v>
      </c>
      <c r="EX22" s="278">
        <v>134</v>
      </c>
      <c r="EY22" s="283">
        <v>172</v>
      </c>
    </row>
    <row r="23" spans="1:155" ht="19.5" customHeight="1" x14ac:dyDescent="0.2">
      <c r="A23" s="262" t="s">
        <v>21</v>
      </c>
      <c r="B23" s="277">
        <v>0</v>
      </c>
      <c r="C23" s="281">
        <v>0</v>
      </c>
      <c r="D23" s="385">
        <v>0</v>
      </c>
      <c r="E23" s="280">
        <v>0</v>
      </c>
      <c r="F23" s="281">
        <v>9</v>
      </c>
      <c r="G23" s="281">
        <v>12</v>
      </c>
      <c r="H23" s="281">
        <v>3</v>
      </c>
      <c r="I23" s="281">
        <v>1</v>
      </c>
      <c r="J23" s="281">
        <v>2</v>
      </c>
      <c r="K23" s="282">
        <v>27</v>
      </c>
      <c r="L23" s="283">
        <v>27</v>
      </c>
      <c r="M23" s="277">
        <v>0</v>
      </c>
      <c r="N23" s="281">
        <v>0</v>
      </c>
      <c r="O23" s="278">
        <v>0</v>
      </c>
      <c r="P23" s="280">
        <v>0</v>
      </c>
      <c r="Q23" s="281">
        <v>0</v>
      </c>
      <c r="R23" s="281">
        <v>1</v>
      </c>
      <c r="S23" s="281">
        <v>1</v>
      </c>
      <c r="T23" s="281">
        <v>2</v>
      </c>
      <c r="U23" s="281">
        <v>3</v>
      </c>
      <c r="V23" s="278">
        <v>7</v>
      </c>
      <c r="W23" s="283">
        <v>7</v>
      </c>
      <c r="X23" s="277">
        <v>0</v>
      </c>
      <c r="Y23" s="281">
        <v>2</v>
      </c>
      <c r="Z23" s="278">
        <v>2</v>
      </c>
      <c r="AA23" s="280">
        <v>0</v>
      </c>
      <c r="AB23" s="281">
        <v>12</v>
      </c>
      <c r="AC23" s="281">
        <v>9</v>
      </c>
      <c r="AD23" s="281">
        <v>5</v>
      </c>
      <c r="AE23" s="281">
        <v>2</v>
      </c>
      <c r="AF23" s="281">
        <v>4</v>
      </c>
      <c r="AG23" s="278">
        <v>32</v>
      </c>
      <c r="AH23" s="283">
        <v>34</v>
      </c>
      <c r="AI23" s="277">
        <v>1</v>
      </c>
      <c r="AJ23" s="281">
        <v>0</v>
      </c>
      <c r="AK23" s="278">
        <v>1</v>
      </c>
      <c r="AL23" s="280">
        <v>0</v>
      </c>
      <c r="AM23" s="281">
        <v>0</v>
      </c>
      <c r="AN23" s="281">
        <v>2</v>
      </c>
      <c r="AO23" s="281">
        <v>0</v>
      </c>
      <c r="AP23" s="281">
        <v>0</v>
      </c>
      <c r="AQ23" s="281">
        <v>1</v>
      </c>
      <c r="AR23" s="278">
        <v>3</v>
      </c>
      <c r="AS23" s="283">
        <v>4</v>
      </c>
      <c r="AT23" s="277">
        <v>7</v>
      </c>
      <c r="AU23" s="281">
        <v>1</v>
      </c>
      <c r="AV23" s="278">
        <v>8</v>
      </c>
      <c r="AW23" s="280">
        <v>0</v>
      </c>
      <c r="AX23" s="281">
        <v>10</v>
      </c>
      <c r="AY23" s="281">
        <v>9</v>
      </c>
      <c r="AZ23" s="281">
        <v>7</v>
      </c>
      <c r="BA23" s="281">
        <v>9</v>
      </c>
      <c r="BB23" s="281">
        <v>7</v>
      </c>
      <c r="BC23" s="282">
        <v>42</v>
      </c>
      <c r="BD23" s="283">
        <v>50</v>
      </c>
      <c r="BE23" s="277">
        <v>0</v>
      </c>
      <c r="BF23" s="281">
        <v>0</v>
      </c>
      <c r="BG23" s="278">
        <v>0</v>
      </c>
      <c r="BH23" s="280">
        <v>0</v>
      </c>
      <c r="BI23" s="281">
        <v>19</v>
      </c>
      <c r="BJ23" s="281">
        <v>18</v>
      </c>
      <c r="BK23" s="281">
        <v>5</v>
      </c>
      <c r="BL23" s="281">
        <v>7</v>
      </c>
      <c r="BM23" s="281">
        <v>0</v>
      </c>
      <c r="BN23" s="278">
        <v>49</v>
      </c>
      <c r="BO23" s="283">
        <v>49</v>
      </c>
      <c r="BP23" s="277">
        <v>2</v>
      </c>
      <c r="BQ23" s="281">
        <v>1</v>
      </c>
      <c r="BR23" s="278">
        <v>3</v>
      </c>
      <c r="BS23" s="280">
        <v>0</v>
      </c>
      <c r="BT23" s="281">
        <v>1</v>
      </c>
      <c r="BU23" s="281">
        <v>2</v>
      </c>
      <c r="BV23" s="281">
        <v>1</v>
      </c>
      <c r="BW23" s="281">
        <v>1</v>
      </c>
      <c r="BX23" s="281">
        <v>1</v>
      </c>
      <c r="BY23" s="278">
        <v>6</v>
      </c>
      <c r="BZ23" s="283">
        <v>9</v>
      </c>
      <c r="CA23" s="277">
        <v>1</v>
      </c>
      <c r="CB23" s="281">
        <v>0</v>
      </c>
      <c r="CC23" s="278">
        <v>1</v>
      </c>
      <c r="CD23" s="280">
        <v>0</v>
      </c>
      <c r="CE23" s="281">
        <v>2</v>
      </c>
      <c r="CF23" s="281">
        <v>2</v>
      </c>
      <c r="CG23" s="281">
        <v>0</v>
      </c>
      <c r="CH23" s="281">
        <v>3</v>
      </c>
      <c r="CI23" s="281">
        <v>1</v>
      </c>
      <c r="CJ23" s="278">
        <v>8</v>
      </c>
      <c r="CK23" s="283">
        <v>9</v>
      </c>
      <c r="CL23" s="277">
        <v>0</v>
      </c>
      <c r="CM23" s="281">
        <v>0</v>
      </c>
      <c r="CN23" s="278">
        <v>0</v>
      </c>
      <c r="CO23" s="280">
        <v>0</v>
      </c>
      <c r="CP23" s="281">
        <v>0</v>
      </c>
      <c r="CQ23" s="281">
        <v>2</v>
      </c>
      <c r="CR23" s="281">
        <v>0</v>
      </c>
      <c r="CS23" s="281">
        <v>0</v>
      </c>
      <c r="CT23" s="281">
        <v>1</v>
      </c>
      <c r="CU23" s="278">
        <v>3</v>
      </c>
      <c r="CV23" s="283">
        <v>3</v>
      </c>
      <c r="CW23" s="277">
        <v>0</v>
      </c>
      <c r="CX23" s="281">
        <v>0</v>
      </c>
      <c r="CY23" s="278">
        <v>0</v>
      </c>
      <c r="CZ23" s="280">
        <v>0</v>
      </c>
      <c r="DA23" s="281">
        <v>0</v>
      </c>
      <c r="DB23" s="281">
        <v>0</v>
      </c>
      <c r="DC23" s="281">
        <v>0</v>
      </c>
      <c r="DD23" s="281">
        <v>0</v>
      </c>
      <c r="DE23" s="281">
        <v>0</v>
      </c>
      <c r="DF23" s="278">
        <v>0</v>
      </c>
      <c r="DG23" s="283">
        <v>0</v>
      </c>
      <c r="DH23" s="277">
        <v>0</v>
      </c>
      <c r="DI23" s="281">
        <v>0</v>
      </c>
      <c r="DJ23" s="278">
        <v>0</v>
      </c>
      <c r="DK23" s="280">
        <v>0</v>
      </c>
      <c r="DL23" s="281">
        <v>0</v>
      </c>
      <c r="DM23" s="281">
        <v>0</v>
      </c>
      <c r="DN23" s="281">
        <v>0</v>
      </c>
      <c r="DO23" s="281">
        <v>0</v>
      </c>
      <c r="DP23" s="281">
        <v>0</v>
      </c>
      <c r="DQ23" s="278">
        <v>0</v>
      </c>
      <c r="DR23" s="283">
        <v>0</v>
      </c>
      <c r="DS23" s="277">
        <v>9</v>
      </c>
      <c r="DT23" s="281">
        <v>8</v>
      </c>
      <c r="DU23" s="278">
        <v>17</v>
      </c>
      <c r="DV23" s="280">
        <v>0</v>
      </c>
      <c r="DW23" s="281">
        <v>18</v>
      </c>
      <c r="DX23" s="281">
        <v>30</v>
      </c>
      <c r="DY23" s="281">
        <v>14</v>
      </c>
      <c r="DZ23" s="281">
        <v>9</v>
      </c>
      <c r="EA23" s="281">
        <v>4</v>
      </c>
      <c r="EB23" s="278">
        <v>75</v>
      </c>
      <c r="EC23" s="283">
        <v>92</v>
      </c>
      <c r="ED23" s="277">
        <v>4</v>
      </c>
      <c r="EE23" s="281">
        <v>1</v>
      </c>
      <c r="EF23" s="278">
        <v>5</v>
      </c>
      <c r="EG23" s="280">
        <v>0</v>
      </c>
      <c r="EH23" s="281">
        <v>2</v>
      </c>
      <c r="EI23" s="281">
        <v>3</v>
      </c>
      <c r="EJ23" s="281">
        <v>4</v>
      </c>
      <c r="EK23" s="281">
        <v>4</v>
      </c>
      <c r="EL23" s="281">
        <v>3</v>
      </c>
      <c r="EM23" s="278">
        <v>16</v>
      </c>
      <c r="EN23" s="283">
        <v>21</v>
      </c>
      <c r="EO23" s="277">
        <v>12</v>
      </c>
      <c r="EP23" s="281">
        <v>10</v>
      </c>
      <c r="EQ23" s="278">
        <v>22</v>
      </c>
      <c r="ER23" s="280">
        <v>0</v>
      </c>
      <c r="ES23" s="281">
        <v>46</v>
      </c>
      <c r="ET23" s="281">
        <v>41</v>
      </c>
      <c r="EU23" s="281">
        <v>15</v>
      </c>
      <c r="EV23" s="281">
        <v>8</v>
      </c>
      <c r="EW23" s="281">
        <v>5</v>
      </c>
      <c r="EX23" s="278">
        <v>115</v>
      </c>
      <c r="EY23" s="283">
        <v>137</v>
      </c>
    </row>
    <row r="24" spans="1:155" ht="19.5" customHeight="1" x14ac:dyDescent="0.2">
      <c r="A24" s="262" t="s">
        <v>22</v>
      </c>
      <c r="B24" s="277">
        <v>0</v>
      </c>
      <c r="C24" s="281">
        <v>0</v>
      </c>
      <c r="D24" s="385">
        <v>0</v>
      </c>
      <c r="E24" s="280">
        <v>0</v>
      </c>
      <c r="F24" s="281">
        <v>5</v>
      </c>
      <c r="G24" s="281">
        <v>1</v>
      </c>
      <c r="H24" s="281">
        <v>2</v>
      </c>
      <c r="I24" s="281">
        <v>3</v>
      </c>
      <c r="J24" s="281">
        <v>2</v>
      </c>
      <c r="K24" s="282">
        <v>13</v>
      </c>
      <c r="L24" s="283">
        <v>13</v>
      </c>
      <c r="M24" s="277">
        <v>0</v>
      </c>
      <c r="N24" s="281">
        <v>0</v>
      </c>
      <c r="O24" s="278">
        <v>0</v>
      </c>
      <c r="P24" s="280">
        <v>0</v>
      </c>
      <c r="Q24" s="281">
        <v>0</v>
      </c>
      <c r="R24" s="281">
        <v>0</v>
      </c>
      <c r="S24" s="281">
        <v>0</v>
      </c>
      <c r="T24" s="281">
        <v>2</v>
      </c>
      <c r="U24" s="281">
        <v>3</v>
      </c>
      <c r="V24" s="278">
        <v>5</v>
      </c>
      <c r="W24" s="283">
        <v>5</v>
      </c>
      <c r="X24" s="277">
        <v>2</v>
      </c>
      <c r="Y24" s="281">
        <v>1</v>
      </c>
      <c r="Z24" s="278">
        <v>3</v>
      </c>
      <c r="AA24" s="280">
        <v>0</v>
      </c>
      <c r="AB24" s="281">
        <v>4</v>
      </c>
      <c r="AC24" s="281">
        <v>6</v>
      </c>
      <c r="AD24" s="281">
        <v>0</v>
      </c>
      <c r="AE24" s="281">
        <v>1</v>
      </c>
      <c r="AF24" s="281">
        <v>3</v>
      </c>
      <c r="AG24" s="278">
        <v>14</v>
      </c>
      <c r="AH24" s="283">
        <v>17</v>
      </c>
      <c r="AI24" s="277">
        <v>0</v>
      </c>
      <c r="AJ24" s="281">
        <v>0</v>
      </c>
      <c r="AK24" s="278">
        <v>0</v>
      </c>
      <c r="AL24" s="280">
        <v>0</v>
      </c>
      <c r="AM24" s="281">
        <v>2</v>
      </c>
      <c r="AN24" s="281">
        <v>0</v>
      </c>
      <c r="AO24" s="281">
        <v>0</v>
      </c>
      <c r="AP24" s="281">
        <v>0</v>
      </c>
      <c r="AQ24" s="281">
        <v>0</v>
      </c>
      <c r="AR24" s="278">
        <v>2</v>
      </c>
      <c r="AS24" s="283">
        <v>2</v>
      </c>
      <c r="AT24" s="277">
        <v>0</v>
      </c>
      <c r="AU24" s="281">
        <v>1</v>
      </c>
      <c r="AV24" s="278">
        <v>1</v>
      </c>
      <c r="AW24" s="280">
        <v>0</v>
      </c>
      <c r="AX24" s="281">
        <v>4</v>
      </c>
      <c r="AY24" s="281">
        <v>3</v>
      </c>
      <c r="AZ24" s="281">
        <v>2</v>
      </c>
      <c r="BA24" s="281">
        <v>9</v>
      </c>
      <c r="BB24" s="281">
        <v>1</v>
      </c>
      <c r="BC24" s="282">
        <v>19</v>
      </c>
      <c r="BD24" s="283">
        <v>20</v>
      </c>
      <c r="BE24" s="277">
        <v>0</v>
      </c>
      <c r="BF24" s="281">
        <v>0</v>
      </c>
      <c r="BG24" s="278">
        <v>0</v>
      </c>
      <c r="BH24" s="280">
        <v>0</v>
      </c>
      <c r="BI24" s="281">
        <v>7</v>
      </c>
      <c r="BJ24" s="281">
        <v>4</v>
      </c>
      <c r="BK24" s="281">
        <v>1</v>
      </c>
      <c r="BL24" s="281">
        <v>5</v>
      </c>
      <c r="BM24" s="281">
        <v>2</v>
      </c>
      <c r="BN24" s="278">
        <v>19</v>
      </c>
      <c r="BO24" s="283">
        <v>19</v>
      </c>
      <c r="BP24" s="277">
        <v>0</v>
      </c>
      <c r="BQ24" s="281">
        <v>0</v>
      </c>
      <c r="BR24" s="278">
        <v>0</v>
      </c>
      <c r="BS24" s="280">
        <v>0</v>
      </c>
      <c r="BT24" s="281">
        <v>0</v>
      </c>
      <c r="BU24" s="281">
        <v>1</v>
      </c>
      <c r="BV24" s="281">
        <v>1</v>
      </c>
      <c r="BW24" s="281">
        <v>0</v>
      </c>
      <c r="BX24" s="281">
        <v>0</v>
      </c>
      <c r="BY24" s="278">
        <v>2</v>
      </c>
      <c r="BZ24" s="283">
        <v>2</v>
      </c>
      <c r="CA24" s="277">
        <v>0</v>
      </c>
      <c r="CB24" s="281">
        <v>0</v>
      </c>
      <c r="CC24" s="278">
        <v>0</v>
      </c>
      <c r="CD24" s="280">
        <v>0</v>
      </c>
      <c r="CE24" s="281">
        <v>2</v>
      </c>
      <c r="CF24" s="281">
        <v>0</v>
      </c>
      <c r="CG24" s="281">
        <v>0</v>
      </c>
      <c r="CH24" s="281">
        <v>0</v>
      </c>
      <c r="CI24" s="281">
        <v>0</v>
      </c>
      <c r="CJ24" s="278">
        <v>2</v>
      </c>
      <c r="CK24" s="283">
        <v>2</v>
      </c>
      <c r="CL24" s="277">
        <v>0</v>
      </c>
      <c r="CM24" s="281">
        <v>0</v>
      </c>
      <c r="CN24" s="278">
        <v>0</v>
      </c>
      <c r="CO24" s="280">
        <v>0</v>
      </c>
      <c r="CP24" s="281">
        <v>0</v>
      </c>
      <c r="CQ24" s="281">
        <v>0</v>
      </c>
      <c r="CR24" s="281">
        <v>0</v>
      </c>
      <c r="CS24" s="281">
        <v>0</v>
      </c>
      <c r="CT24" s="281">
        <v>0</v>
      </c>
      <c r="CU24" s="278">
        <v>0</v>
      </c>
      <c r="CV24" s="283">
        <v>0</v>
      </c>
      <c r="CW24" s="277">
        <v>0</v>
      </c>
      <c r="CX24" s="281">
        <v>0</v>
      </c>
      <c r="CY24" s="278">
        <v>0</v>
      </c>
      <c r="CZ24" s="280">
        <v>0</v>
      </c>
      <c r="DA24" s="281">
        <v>0</v>
      </c>
      <c r="DB24" s="281">
        <v>0</v>
      </c>
      <c r="DC24" s="281">
        <v>0</v>
      </c>
      <c r="DD24" s="281">
        <v>0</v>
      </c>
      <c r="DE24" s="281">
        <v>0</v>
      </c>
      <c r="DF24" s="278">
        <v>0</v>
      </c>
      <c r="DG24" s="283">
        <v>0</v>
      </c>
      <c r="DH24" s="277">
        <v>0</v>
      </c>
      <c r="DI24" s="281">
        <v>0</v>
      </c>
      <c r="DJ24" s="278">
        <v>0</v>
      </c>
      <c r="DK24" s="280">
        <v>0</v>
      </c>
      <c r="DL24" s="281">
        <v>0</v>
      </c>
      <c r="DM24" s="281">
        <v>0</v>
      </c>
      <c r="DN24" s="281">
        <v>0</v>
      </c>
      <c r="DO24" s="281">
        <v>0</v>
      </c>
      <c r="DP24" s="281">
        <v>0</v>
      </c>
      <c r="DQ24" s="278">
        <v>0</v>
      </c>
      <c r="DR24" s="283">
        <v>0</v>
      </c>
      <c r="DS24" s="277">
        <v>2</v>
      </c>
      <c r="DT24" s="281">
        <v>5</v>
      </c>
      <c r="DU24" s="278">
        <v>7</v>
      </c>
      <c r="DV24" s="280">
        <v>0</v>
      </c>
      <c r="DW24" s="281">
        <v>10</v>
      </c>
      <c r="DX24" s="281">
        <v>12</v>
      </c>
      <c r="DY24" s="281">
        <v>4</v>
      </c>
      <c r="DZ24" s="281">
        <v>7</v>
      </c>
      <c r="EA24" s="281">
        <v>3</v>
      </c>
      <c r="EB24" s="278">
        <v>36</v>
      </c>
      <c r="EC24" s="283">
        <v>43</v>
      </c>
      <c r="ED24" s="277">
        <v>0</v>
      </c>
      <c r="EE24" s="281">
        <v>1</v>
      </c>
      <c r="EF24" s="278">
        <v>1</v>
      </c>
      <c r="EG24" s="280">
        <v>0</v>
      </c>
      <c r="EH24" s="281">
        <v>2</v>
      </c>
      <c r="EI24" s="281">
        <v>2</v>
      </c>
      <c r="EJ24" s="281">
        <v>1</v>
      </c>
      <c r="EK24" s="281">
        <v>5</v>
      </c>
      <c r="EL24" s="281">
        <v>2</v>
      </c>
      <c r="EM24" s="278">
        <v>12</v>
      </c>
      <c r="EN24" s="283">
        <v>13</v>
      </c>
      <c r="EO24" s="277">
        <v>3</v>
      </c>
      <c r="EP24" s="281">
        <v>5</v>
      </c>
      <c r="EQ24" s="278">
        <v>8</v>
      </c>
      <c r="ER24" s="280">
        <v>0</v>
      </c>
      <c r="ES24" s="281">
        <v>20</v>
      </c>
      <c r="ET24" s="281">
        <v>11</v>
      </c>
      <c r="EU24" s="281">
        <v>6</v>
      </c>
      <c r="EV24" s="281">
        <v>7</v>
      </c>
      <c r="EW24" s="281">
        <v>4</v>
      </c>
      <c r="EX24" s="278">
        <v>48</v>
      </c>
      <c r="EY24" s="283">
        <v>56</v>
      </c>
    </row>
    <row r="25" spans="1:155" ht="19.5" customHeight="1" x14ac:dyDescent="0.2">
      <c r="A25" s="262" t="s">
        <v>23</v>
      </c>
      <c r="B25" s="277">
        <v>0</v>
      </c>
      <c r="C25" s="281">
        <v>0</v>
      </c>
      <c r="D25" s="385">
        <v>0</v>
      </c>
      <c r="E25" s="280">
        <v>0</v>
      </c>
      <c r="F25" s="281">
        <v>3</v>
      </c>
      <c r="G25" s="281">
        <v>7</v>
      </c>
      <c r="H25" s="281">
        <v>3</v>
      </c>
      <c r="I25" s="281">
        <v>2</v>
      </c>
      <c r="J25" s="281">
        <v>0</v>
      </c>
      <c r="K25" s="282">
        <v>15</v>
      </c>
      <c r="L25" s="283">
        <v>15</v>
      </c>
      <c r="M25" s="277">
        <v>0</v>
      </c>
      <c r="N25" s="281">
        <v>0</v>
      </c>
      <c r="O25" s="278">
        <v>0</v>
      </c>
      <c r="P25" s="280">
        <v>0</v>
      </c>
      <c r="Q25" s="281">
        <v>0</v>
      </c>
      <c r="R25" s="281">
        <v>2</v>
      </c>
      <c r="S25" s="281">
        <v>1</v>
      </c>
      <c r="T25" s="281">
        <v>2</v>
      </c>
      <c r="U25" s="281">
        <v>0</v>
      </c>
      <c r="V25" s="278">
        <v>5</v>
      </c>
      <c r="W25" s="283">
        <v>5</v>
      </c>
      <c r="X25" s="277">
        <v>2</v>
      </c>
      <c r="Y25" s="281">
        <v>1</v>
      </c>
      <c r="Z25" s="278">
        <v>3</v>
      </c>
      <c r="AA25" s="280">
        <v>0</v>
      </c>
      <c r="AB25" s="281">
        <v>2</v>
      </c>
      <c r="AC25" s="281">
        <v>8</v>
      </c>
      <c r="AD25" s="281">
        <v>6</v>
      </c>
      <c r="AE25" s="281">
        <v>5</v>
      </c>
      <c r="AF25" s="281">
        <v>1</v>
      </c>
      <c r="AG25" s="278">
        <v>22</v>
      </c>
      <c r="AH25" s="283">
        <v>25</v>
      </c>
      <c r="AI25" s="277">
        <v>0</v>
      </c>
      <c r="AJ25" s="281">
        <v>1</v>
      </c>
      <c r="AK25" s="278">
        <v>1</v>
      </c>
      <c r="AL25" s="280">
        <v>0</v>
      </c>
      <c r="AM25" s="281">
        <v>0</v>
      </c>
      <c r="AN25" s="281">
        <v>3</v>
      </c>
      <c r="AO25" s="281">
        <v>0</v>
      </c>
      <c r="AP25" s="281">
        <v>0</v>
      </c>
      <c r="AQ25" s="281">
        <v>0</v>
      </c>
      <c r="AR25" s="278">
        <v>3</v>
      </c>
      <c r="AS25" s="283">
        <v>4</v>
      </c>
      <c r="AT25" s="277">
        <v>0</v>
      </c>
      <c r="AU25" s="281">
        <v>1</v>
      </c>
      <c r="AV25" s="278">
        <v>1</v>
      </c>
      <c r="AW25" s="280">
        <v>0</v>
      </c>
      <c r="AX25" s="281">
        <v>4</v>
      </c>
      <c r="AY25" s="281">
        <v>6</v>
      </c>
      <c r="AZ25" s="281">
        <v>9</v>
      </c>
      <c r="BA25" s="281">
        <v>15</v>
      </c>
      <c r="BB25" s="281">
        <v>2</v>
      </c>
      <c r="BC25" s="282">
        <v>36</v>
      </c>
      <c r="BD25" s="283">
        <v>37</v>
      </c>
      <c r="BE25" s="277">
        <v>0</v>
      </c>
      <c r="BF25" s="281">
        <v>0</v>
      </c>
      <c r="BG25" s="278">
        <v>0</v>
      </c>
      <c r="BH25" s="280">
        <v>0</v>
      </c>
      <c r="BI25" s="281">
        <v>13</v>
      </c>
      <c r="BJ25" s="281">
        <v>13</v>
      </c>
      <c r="BK25" s="281">
        <v>6</v>
      </c>
      <c r="BL25" s="281">
        <v>6</v>
      </c>
      <c r="BM25" s="281">
        <v>0</v>
      </c>
      <c r="BN25" s="278">
        <v>38</v>
      </c>
      <c r="BO25" s="283">
        <v>38</v>
      </c>
      <c r="BP25" s="277">
        <v>0</v>
      </c>
      <c r="BQ25" s="281">
        <v>0</v>
      </c>
      <c r="BR25" s="278">
        <v>0</v>
      </c>
      <c r="BS25" s="280">
        <v>0</v>
      </c>
      <c r="BT25" s="281">
        <v>0</v>
      </c>
      <c r="BU25" s="281">
        <v>5</v>
      </c>
      <c r="BV25" s="281">
        <v>5</v>
      </c>
      <c r="BW25" s="281">
        <v>1</v>
      </c>
      <c r="BX25" s="281">
        <v>0</v>
      </c>
      <c r="BY25" s="278">
        <v>11</v>
      </c>
      <c r="BZ25" s="283">
        <v>11</v>
      </c>
      <c r="CA25" s="277">
        <v>0</v>
      </c>
      <c r="CB25" s="281">
        <v>0</v>
      </c>
      <c r="CC25" s="278">
        <v>0</v>
      </c>
      <c r="CD25" s="280">
        <v>0</v>
      </c>
      <c r="CE25" s="281">
        <v>2</v>
      </c>
      <c r="CF25" s="281">
        <v>0</v>
      </c>
      <c r="CG25" s="281">
        <v>2</v>
      </c>
      <c r="CH25" s="281">
        <v>2</v>
      </c>
      <c r="CI25" s="281">
        <v>0</v>
      </c>
      <c r="CJ25" s="278">
        <v>6</v>
      </c>
      <c r="CK25" s="283">
        <v>6</v>
      </c>
      <c r="CL25" s="277">
        <v>0</v>
      </c>
      <c r="CM25" s="281">
        <v>0</v>
      </c>
      <c r="CN25" s="278">
        <v>0</v>
      </c>
      <c r="CO25" s="280">
        <v>0</v>
      </c>
      <c r="CP25" s="281">
        <v>0</v>
      </c>
      <c r="CQ25" s="281">
        <v>0</v>
      </c>
      <c r="CR25" s="281">
        <v>0</v>
      </c>
      <c r="CS25" s="281">
        <v>0</v>
      </c>
      <c r="CT25" s="281">
        <v>0</v>
      </c>
      <c r="CU25" s="278">
        <v>0</v>
      </c>
      <c r="CV25" s="283">
        <v>0</v>
      </c>
      <c r="CW25" s="277">
        <v>0</v>
      </c>
      <c r="CX25" s="281">
        <v>0</v>
      </c>
      <c r="CY25" s="278">
        <v>0</v>
      </c>
      <c r="CZ25" s="280">
        <v>0</v>
      </c>
      <c r="DA25" s="281">
        <v>0</v>
      </c>
      <c r="DB25" s="281">
        <v>0</v>
      </c>
      <c r="DC25" s="281">
        <v>0</v>
      </c>
      <c r="DD25" s="281">
        <v>0</v>
      </c>
      <c r="DE25" s="281">
        <v>0</v>
      </c>
      <c r="DF25" s="278">
        <v>0</v>
      </c>
      <c r="DG25" s="283">
        <v>0</v>
      </c>
      <c r="DH25" s="277">
        <v>0</v>
      </c>
      <c r="DI25" s="281">
        <v>0</v>
      </c>
      <c r="DJ25" s="278">
        <v>0</v>
      </c>
      <c r="DK25" s="280">
        <v>0</v>
      </c>
      <c r="DL25" s="281">
        <v>0</v>
      </c>
      <c r="DM25" s="281">
        <v>0</v>
      </c>
      <c r="DN25" s="281">
        <v>0</v>
      </c>
      <c r="DO25" s="281">
        <v>0</v>
      </c>
      <c r="DP25" s="281">
        <v>0</v>
      </c>
      <c r="DQ25" s="278">
        <v>0</v>
      </c>
      <c r="DR25" s="283">
        <v>0</v>
      </c>
      <c r="DS25" s="277">
        <v>3</v>
      </c>
      <c r="DT25" s="281">
        <v>5</v>
      </c>
      <c r="DU25" s="278">
        <v>8</v>
      </c>
      <c r="DV25" s="280">
        <v>0</v>
      </c>
      <c r="DW25" s="281">
        <v>10</v>
      </c>
      <c r="DX25" s="281">
        <v>18</v>
      </c>
      <c r="DY25" s="281">
        <v>11</v>
      </c>
      <c r="DZ25" s="281">
        <v>10</v>
      </c>
      <c r="EA25" s="281">
        <v>3</v>
      </c>
      <c r="EB25" s="278">
        <v>52</v>
      </c>
      <c r="EC25" s="283">
        <v>60</v>
      </c>
      <c r="ED25" s="277">
        <v>0</v>
      </c>
      <c r="EE25" s="281">
        <v>1</v>
      </c>
      <c r="EF25" s="278">
        <v>1</v>
      </c>
      <c r="EG25" s="280">
        <v>0</v>
      </c>
      <c r="EH25" s="281">
        <v>3</v>
      </c>
      <c r="EI25" s="281">
        <v>2</v>
      </c>
      <c r="EJ25" s="281">
        <v>5</v>
      </c>
      <c r="EK25" s="281">
        <v>9</v>
      </c>
      <c r="EL25" s="281">
        <v>2</v>
      </c>
      <c r="EM25" s="278">
        <v>21</v>
      </c>
      <c r="EN25" s="283">
        <v>22</v>
      </c>
      <c r="EO25" s="277">
        <v>4</v>
      </c>
      <c r="EP25" s="281">
        <v>7</v>
      </c>
      <c r="EQ25" s="278">
        <v>11</v>
      </c>
      <c r="ER25" s="280">
        <v>0</v>
      </c>
      <c r="ES25" s="281">
        <v>25</v>
      </c>
      <c r="ET25" s="281">
        <v>30</v>
      </c>
      <c r="EU25" s="281">
        <v>13</v>
      </c>
      <c r="EV25" s="281">
        <v>11</v>
      </c>
      <c r="EW25" s="281">
        <v>3</v>
      </c>
      <c r="EX25" s="278">
        <v>82</v>
      </c>
      <c r="EY25" s="283">
        <v>93</v>
      </c>
    </row>
    <row r="26" spans="1:155" ht="19.5" customHeight="1" x14ac:dyDescent="0.2">
      <c r="A26" s="262" t="s">
        <v>24</v>
      </c>
      <c r="B26" s="277">
        <v>0</v>
      </c>
      <c r="C26" s="281">
        <v>0</v>
      </c>
      <c r="D26" s="385">
        <v>0</v>
      </c>
      <c r="E26" s="280">
        <v>0</v>
      </c>
      <c r="F26" s="281">
        <v>6</v>
      </c>
      <c r="G26" s="281">
        <v>8</v>
      </c>
      <c r="H26" s="281">
        <v>3</v>
      </c>
      <c r="I26" s="281">
        <v>5</v>
      </c>
      <c r="J26" s="281">
        <v>5</v>
      </c>
      <c r="K26" s="282">
        <v>27</v>
      </c>
      <c r="L26" s="283">
        <v>27</v>
      </c>
      <c r="M26" s="277">
        <v>0</v>
      </c>
      <c r="N26" s="281">
        <v>0</v>
      </c>
      <c r="O26" s="278">
        <v>0</v>
      </c>
      <c r="P26" s="280">
        <v>0</v>
      </c>
      <c r="Q26" s="281">
        <v>0</v>
      </c>
      <c r="R26" s="281">
        <v>0</v>
      </c>
      <c r="S26" s="281">
        <v>0</v>
      </c>
      <c r="T26" s="281">
        <v>0</v>
      </c>
      <c r="U26" s="281">
        <v>4</v>
      </c>
      <c r="V26" s="278">
        <v>4</v>
      </c>
      <c r="W26" s="283">
        <v>4</v>
      </c>
      <c r="X26" s="277">
        <v>0</v>
      </c>
      <c r="Y26" s="281">
        <v>1</v>
      </c>
      <c r="Z26" s="278">
        <v>1</v>
      </c>
      <c r="AA26" s="280">
        <v>0</v>
      </c>
      <c r="AB26" s="281">
        <v>8</v>
      </c>
      <c r="AC26" s="281">
        <v>3</v>
      </c>
      <c r="AD26" s="281">
        <v>2</v>
      </c>
      <c r="AE26" s="281">
        <v>2</v>
      </c>
      <c r="AF26" s="281">
        <v>6</v>
      </c>
      <c r="AG26" s="278">
        <v>21</v>
      </c>
      <c r="AH26" s="283">
        <v>22</v>
      </c>
      <c r="AI26" s="277">
        <v>0</v>
      </c>
      <c r="AJ26" s="281">
        <v>0</v>
      </c>
      <c r="AK26" s="278">
        <v>0</v>
      </c>
      <c r="AL26" s="280">
        <v>0</v>
      </c>
      <c r="AM26" s="281">
        <v>0</v>
      </c>
      <c r="AN26" s="281">
        <v>1</v>
      </c>
      <c r="AO26" s="281">
        <v>0</v>
      </c>
      <c r="AP26" s="281">
        <v>0</v>
      </c>
      <c r="AQ26" s="281">
        <v>1</v>
      </c>
      <c r="AR26" s="278">
        <v>2</v>
      </c>
      <c r="AS26" s="283">
        <v>2</v>
      </c>
      <c r="AT26" s="277">
        <v>4</v>
      </c>
      <c r="AU26" s="281">
        <v>2</v>
      </c>
      <c r="AV26" s="278">
        <v>6</v>
      </c>
      <c r="AW26" s="280">
        <v>0</v>
      </c>
      <c r="AX26" s="281">
        <v>8</v>
      </c>
      <c r="AY26" s="281">
        <v>12</v>
      </c>
      <c r="AZ26" s="281">
        <v>6</v>
      </c>
      <c r="BA26" s="281">
        <v>13</v>
      </c>
      <c r="BB26" s="281">
        <v>10</v>
      </c>
      <c r="BC26" s="282">
        <v>49</v>
      </c>
      <c r="BD26" s="283">
        <v>55</v>
      </c>
      <c r="BE26" s="277">
        <v>0</v>
      </c>
      <c r="BF26" s="281">
        <v>0</v>
      </c>
      <c r="BG26" s="278">
        <v>0</v>
      </c>
      <c r="BH26" s="280">
        <v>0</v>
      </c>
      <c r="BI26" s="281">
        <v>10</v>
      </c>
      <c r="BJ26" s="281">
        <v>7</v>
      </c>
      <c r="BK26" s="281">
        <v>0</v>
      </c>
      <c r="BL26" s="281">
        <v>0</v>
      </c>
      <c r="BM26" s="281">
        <v>0</v>
      </c>
      <c r="BN26" s="278">
        <v>17</v>
      </c>
      <c r="BO26" s="283">
        <v>17</v>
      </c>
      <c r="BP26" s="277">
        <v>1</v>
      </c>
      <c r="BQ26" s="281">
        <v>0</v>
      </c>
      <c r="BR26" s="278">
        <v>1</v>
      </c>
      <c r="BS26" s="280">
        <v>0</v>
      </c>
      <c r="BT26" s="281">
        <v>6</v>
      </c>
      <c r="BU26" s="281">
        <v>3</v>
      </c>
      <c r="BV26" s="281">
        <v>1</v>
      </c>
      <c r="BW26" s="281">
        <v>3</v>
      </c>
      <c r="BX26" s="281">
        <v>2</v>
      </c>
      <c r="BY26" s="278">
        <v>15</v>
      </c>
      <c r="BZ26" s="283">
        <v>16</v>
      </c>
      <c r="CA26" s="277">
        <v>0</v>
      </c>
      <c r="CB26" s="281">
        <v>0</v>
      </c>
      <c r="CC26" s="278">
        <v>0</v>
      </c>
      <c r="CD26" s="280">
        <v>0</v>
      </c>
      <c r="CE26" s="281">
        <v>0</v>
      </c>
      <c r="CF26" s="281">
        <v>3</v>
      </c>
      <c r="CG26" s="281">
        <v>0</v>
      </c>
      <c r="CH26" s="281">
        <v>1</v>
      </c>
      <c r="CI26" s="281">
        <v>1</v>
      </c>
      <c r="CJ26" s="278">
        <v>5</v>
      </c>
      <c r="CK26" s="283">
        <v>5</v>
      </c>
      <c r="CL26" s="277">
        <v>0</v>
      </c>
      <c r="CM26" s="281">
        <v>0</v>
      </c>
      <c r="CN26" s="278">
        <v>0</v>
      </c>
      <c r="CO26" s="280">
        <v>0</v>
      </c>
      <c r="CP26" s="281">
        <v>0</v>
      </c>
      <c r="CQ26" s="281">
        <v>0</v>
      </c>
      <c r="CR26" s="281">
        <v>0</v>
      </c>
      <c r="CS26" s="281">
        <v>0</v>
      </c>
      <c r="CT26" s="281">
        <v>0</v>
      </c>
      <c r="CU26" s="278">
        <v>0</v>
      </c>
      <c r="CV26" s="283">
        <v>0</v>
      </c>
      <c r="CW26" s="277">
        <v>0</v>
      </c>
      <c r="CX26" s="281">
        <v>0</v>
      </c>
      <c r="CY26" s="278">
        <v>0</v>
      </c>
      <c r="CZ26" s="280">
        <v>0</v>
      </c>
      <c r="DA26" s="281">
        <v>0</v>
      </c>
      <c r="DB26" s="281">
        <v>0</v>
      </c>
      <c r="DC26" s="281">
        <v>0</v>
      </c>
      <c r="DD26" s="281">
        <v>0</v>
      </c>
      <c r="DE26" s="281">
        <v>0</v>
      </c>
      <c r="DF26" s="278">
        <v>0</v>
      </c>
      <c r="DG26" s="283">
        <v>0</v>
      </c>
      <c r="DH26" s="277">
        <v>0</v>
      </c>
      <c r="DI26" s="281">
        <v>0</v>
      </c>
      <c r="DJ26" s="278">
        <v>0</v>
      </c>
      <c r="DK26" s="280">
        <v>0</v>
      </c>
      <c r="DL26" s="281">
        <v>0</v>
      </c>
      <c r="DM26" s="281">
        <v>0</v>
      </c>
      <c r="DN26" s="281">
        <v>0</v>
      </c>
      <c r="DO26" s="281">
        <v>0</v>
      </c>
      <c r="DP26" s="281">
        <v>0</v>
      </c>
      <c r="DQ26" s="278">
        <v>0</v>
      </c>
      <c r="DR26" s="283">
        <v>0</v>
      </c>
      <c r="DS26" s="277">
        <v>7</v>
      </c>
      <c r="DT26" s="281">
        <v>5</v>
      </c>
      <c r="DU26" s="278">
        <v>12</v>
      </c>
      <c r="DV26" s="280">
        <v>0</v>
      </c>
      <c r="DW26" s="281">
        <v>17</v>
      </c>
      <c r="DX26" s="281">
        <v>13</v>
      </c>
      <c r="DY26" s="281">
        <v>6</v>
      </c>
      <c r="DZ26" s="281">
        <v>7</v>
      </c>
      <c r="EA26" s="281">
        <v>10</v>
      </c>
      <c r="EB26" s="278">
        <v>53</v>
      </c>
      <c r="EC26" s="283">
        <v>65</v>
      </c>
      <c r="ED26" s="277">
        <v>3</v>
      </c>
      <c r="EE26" s="281">
        <v>2</v>
      </c>
      <c r="EF26" s="278">
        <v>5</v>
      </c>
      <c r="EG26" s="280">
        <v>0</v>
      </c>
      <c r="EH26" s="281">
        <v>4</v>
      </c>
      <c r="EI26" s="281">
        <v>7</v>
      </c>
      <c r="EJ26" s="281">
        <v>4</v>
      </c>
      <c r="EK26" s="281">
        <v>7</v>
      </c>
      <c r="EL26" s="281">
        <v>2</v>
      </c>
      <c r="EM26" s="278">
        <v>24</v>
      </c>
      <c r="EN26" s="283">
        <v>29</v>
      </c>
      <c r="EO26" s="277">
        <v>7</v>
      </c>
      <c r="EP26" s="281">
        <v>5</v>
      </c>
      <c r="EQ26" s="278">
        <v>12</v>
      </c>
      <c r="ER26" s="280">
        <v>0</v>
      </c>
      <c r="ES26" s="281">
        <v>23</v>
      </c>
      <c r="ET26" s="281">
        <v>18</v>
      </c>
      <c r="EU26" s="281">
        <v>7</v>
      </c>
      <c r="EV26" s="281">
        <v>8</v>
      </c>
      <c r="EW26" s="281">
        <v>9</v>
      </c>
      <c r="EX26" s="278">
        <v>65</v>
      </c>
      <c r="EY26" s="283">
        <v>77</v>
      </c>
    </row>
    <row r="27" spans="1:155" ht="19.5" customHeight="1" x14ac:dyDescent="0.2">
      <c r="A27" s="262" t="s">
        <v>25</v>
      </c>
      <c r="B27" s="277">
        <v>0</v>
      </c>
      <c r="C27" s="281">
        <v>0</v>
      </c>
      <c r="D27" s="385">
        <v>0</v>
      </c>
      <c r="E27" s="280">
        <v>0</v>
      </c>
      <c r="F27" s="281">
        <v>5</v>
      </c>
      <c r="G27" s="281">
        <v>1</v>
      </c>
      <c r="H27" s="281">
        <v>2</v>
      </c>
      <c r="I27" s="281">
        <v>2</v>
      </c>
      <c r="J27" s="281">
        <v>1</v>
      </c>
      <c r="K27" s="282">
        <v>11</v>
      </c>
      <c r="L27" s="283">
        <v>11</v>
      </c>
      <c r="M27" s="277">
        <v>0</v>
      </c>
      <c r="N27" s="281">
        <v>0</v>
      </c>
      <c r="O27" s="278">
        <v>0</v>
      </c>
      <c r="P27" s="280">
        <v>0</v>
      </c>
      <c r="Q27" s="281">
        <v>0</v>
      </c>
      <c r="R27" s="281">
        <v>1</v>
      </c>
      <c r="S27" s="281">
        <v>0</v>
      </c>
      <c r="T27" s="281">
        <v>0</v>
      </c>
      <c r="U27" s="281">
        <v>2</v>
      </c>
      <c r="V27" s="278">
        <v>3</v>
      </c>
      <c r="W27" s="283">
        <v>3</v>
      </c>
      <c r="X27" s="277">
        <v>1</v>
      </c>
      <c r="Y27" s="281">
        <v>3</v>
      </c>
      <c r="Z27" s="278">
        <v>4</v>
      </c>
      <c r="AA27" s="280">
        <v>0</v>
      </c>
      <c r="AB27" s="281">
        <v>2</v>
      </c>
      <c r="AC27" s="281">
        <v>2</v>
      </c>
      <c r="AD27" s="281">
        <v>2</v>
      </c>
      <c r="AE27" s="281">
        <v>1</v>
      </c>
      <c r="AF27" s="281">
        <v>1</v>
      </c>
      <c r="AG27" s="278">
        <v>8</v>
      </c>
      <c r="AH27" s="283">
        <v>12</v>
      </c>
      <c r="AI27" s="277">
        <v>0</v>
      </c>
      <c r="AJ27" s="281">
        <v>0</v>
      </c>
      <c r="AK27" s="278">
        <v>0</v>
      </c>
      <c r="AL27" s="280">
        <v>0</v>
      </c>
      <c r="AM27" s="281">
        <v>0</v>
      </c>
      <c r="AN27" s="281">
        <v>0</v>
      </c>
      <c r="AO27" s="281">
        <v>0</v>
      </c>
      <c r="AP27" s="281">
        <v>0</v>
      </c>
      <c r="AQ27" s="281">
        <v>0</v>
      </c>
      <c r="AR27" s="278">
        <v>0</v>
      </c>
      <c r="AS27" s="283">
        <v>0</v>
      </c>
      <c r="AT27" s="277">
        <v>1</v>
      </c>
      <c r="AU27" s="281">
        <v>0</v>
      </c>
      <c r="AV27" s="278">
        <v>1</v>
      </c>
      <c r="AW27" s="280">
        <v>0</v>
      </c>
      <c r="AX27" s="281">
        <v>3</v>
      </c>
      <c r="AY27" s="281">
        <v>3</v>
      </c>
      <c r="AZ27" s="281">
        <v>1</v>
      </c>
      <c r="BA27" s="281">
        <v>4</v>
      </c>
      <c r="BB27" s="281">
        <v>2</v>
      </c>
      <c r="BC27" s="282">
        <v>13</v>
      </c>
      <c r="BD27" s="283">
        <v>14</v>
      </c>
      <c r="BE27" s="277">
        <v>0</v>
      </c>
      <c r="BF27" s="281">
        <v>0</v>
      </c>
      <c r="BG27" s="278">
        <v>0</v>
      </c>
      <c r="BH27" s="280">
        <v>0</v>
      </c>
      <c r="BI27" s="281">
        <v>11</v>
      </c>
      <c r="BJ27" s="281">
        <v>2</v>
      </c>
      <c r="BK27" s="281">
        <v>2</v>
      </c>
      <c r="BL27" s="281">
        <v>1</v>
      </c>
      <c r="BM27" s="281">
        <v>0</v>
      </c>
      <c r="BN27" s="278">
        <v>16</v>
      </c>
      <c r="BO27" s="283">
        <v>16</v>
      </c>
      <c r="BP27" s="277">
        <v>0</v>
      </c>
      <c r="BQ27" s="281">
        <v>1</v>
      </c>
      <c r="BR27" s="278">
        <v>1</v>
      </c>
      <c r="BS27" s="280">
        <v>0</v>
      </c>
      <c r="BT27" s="281">
        <v>0</v>
      </c>
      <c r="BU27" s="281">
        <v>6</v>
      </c>
      <c r="BV27" s="281">
        <v>4</v>
      </c>
      <c r="BW27" s="281">
        <v>1</v>
      </c>
      <c r="BX27" s="281">
        <v>0</v>
      </c>
      <c r="BY27" s="278">
        <v>11</v>
      </c>
      <c r="BZ27" s="283">
        <v>12</v>
      </c>
      <c r="CA27" s="277">
        <v>0</v>
      </c>
      <c r="CB27" s="281">
        <v>0</v>
      </c>
      <c r="CC27" s="278">
        <v>0</v>
      </c>
      <c r="CD27" s="280">
        <v>0</v>
      </c>
      <c r="CE27" s="281">
        <v>2</v>
      </c>
      <c r="CF27" s="281">
        <v>1</v>
      </c>
      <c r="CG27" s="281">
        <v>1</v>
      </c>
      <c r="CH27" s="281">
        <v>1</v>
      </c>
      <c r="CI27" s="281">
        <v>0</v>
      </c>
      <c r="CJ27" s="278">
        <v>5</v>
      </c>
      <c r="CK27" s="283">
        <v>5</v>
      </c>
      <c r="CL27" s="277">
        <v>0</v>
      </c>
      <c r="CM27" s="281">
        <v>0</v>
      </c>
      <c r="CN27" s="278">
        <v>0</v>
      </c>
      <c r="CO27" s="280">
        <v>0</v>
      </c>
      <c r="CP27" s="281">
        <v>0</v>
      </c>
      <c r="CQ27" s="281">
        <v>0</v>
      </c>
      <c r="CR27" s="281">
        <v>0</v>
      </c>
      <c r="CS27" s="281">
        <v>0</v>
      </c>
      <c r="CT27" s="281">
        <v>0</v>
      </c>
      <c r="CU27" s="278">
        <v>0</v>
      </c>
      <c r="CV27" s="283">
        <v>0</v>
      </c>
      <c r="CW27" s="277">
        <v>0</v>
      </c>
      <c r="CX27" s="281">
        <v>0</v>
      </c>
      <c r="CY27" s="278">
        <v>0</v>
      </c>
      <c r="CZ27" s="280">
        <v>0</v>
      </c>
      <c r="DA27" s="281">
        <v>0</v>
      </c>
      <c r="DB27" s="281">
        <v>0</v>
      </c>
      <c r="DC27" s="281">
        <v>0</v>
      </c>
      <c r="DD27" s="281">
        <v>0</v>
      </c>
      <c r="DE27" s="281">
        <v>0</v>
      </c>
      <c r="DF27" s="278">
        <v>0</v>
      </c>
      <c r="DG27" s="283">
        <v>0</v>
      </c>
      <c r="DH27" s="277">
        <v>0</v>
      </c>
      <c r="DI27" s="281">
        <v>0</v>
      </c>
      <c r="DJ27" s="278">
        <v>0</v>
      </c>
      <c r="DK27" s="280">
        <v>0</v>
      </c>
      <c r="DL27" s="281">
        <v>0</v>
      </c>
      <c r="DM27" s="281">
        <v>0</v>
      </c>
      <c r="DN27" s="281">
        <v>0</v>
      </c>
      <c r="DO27" s="281">
        <v>0</v>
      </c>
      <c r="DP27" s="281">
        <v>0</v>
      </c>
      <c r="DQ27" s="278">
        <v>0</v>
      </c>
      <c r="DR27" s="283">
        <v>0</v>
      </c>
      <c r="DS27" s="277">
        <v>2</v>
      </c>
      <c r="DT27" s="281">
        <v>6</v>
      </c>
      <c r="DU27" s="278">
        <v>8</v>
      </c>
      <c r="DV27" s="280">
        <v>0</v>
      </c>
      <c r="DW27" s="281">
        <v>6</v>
      </c>
      <c r="DX27" s="281">
        <v>7</v>
      </c>
      <c r="DY27" s="281">
        <v>5</v>
      </c>
      <c r="DZ27" s="281">
        <v>4</v>
      </c>
      <c r="EA27" s="281">
        <v>3</v>
      </c>
      <c r="EB27" s="278">
        <v>25</v>
      </c>
      <c r="EC27" s="283">
        <v>33</v>
      </c>
      <c r="ED27" s="277">
        <v>0</v>
      </c>
      <c r="EE27" s="281">
        <v>0</v>
      </c>
      <c r="EF27" s="278">
        <v>0</v>
      </c>
      <c r="EG27" s="280">
        <v>0</v>
      </c>
      <c r="EH27" s="281">
        <v>0</v>
      </c>
      <c r="EI27" s="281">
        <v>2</v>
      </c>
      <c r="EJ27" s="281">
        <v>0</v>
      </c>
      <c r="EK27" s="281">
        <v>2</v>
      </c>
      <c r="EL27" s="281">
        <v>1</v>
      </c>
      <c r="EM27" s="278">
        <v>5</v>
      </c>
      <c r="EN27" s="283">
        <v>5</v>
      </c>
      <c r="EO27" s="277">
        <v>3</v>
      </c>
      <c r="EP27" s="281">
        <v>8</v>
      </c>
      <c r="EQ27" s="278">
        <v>11</v>
      </c>
      <c r="ER27" s="280">
        <v>0</v>
      </c>
      <c r="ES27" s="281">
        <v>13</v>
      </c>
      <c r="ET27" s="281">
        <v>8</v>
      </c>
      <c r="EU27" s="281">
        <v>6</v>
      </c>
      <c r="EV27" s="281">
        <v>5</v>
      </c>
      <c r="EW27" s="281">
        <v>2</v>
      </c>
      <c r="EX27" s="278">
        <v>34</v>
      </c>
      <c r="EY27" s="283">
        <v>45</v>
      </c>
    </row>
    <row r="28" spans="1:155" ht="19.5" customHeight="1" x14ac:dyDescent="0.2">
      <c r="A28" s="262" t="s">
        <v>26</v>
      </c>
      <c r="B28" s="277">
        <v>0</v>
      </c>
      <c r="C28" s="281">
        <v>0</v>
      </c>
      <c r="D28" s="385">
        <v>0</v>
      </c>
      <c r="E28" s="280">
        <v>0</v>
      </c>
      <c r="F28" s="281">
        <v>5</v>
      </c>
      <c r="G28" s="281">
        <v>4</v>
      </c>
      <c r="H28" s="281">
        <v>5</v>
      </c>
      <c r="I28" s="281">
        <v>1</v>
      </c>
      <c r="J28" s="281">
        <v>3</v>
      </c>
      <c r="K28" s="282">
        <v>18</v>
      </c>
      <c r="L28" s="283">
        <v>18</v>
      </c>
      <c r="M28" s="277">
        <v>0</v>
      </c>
      <c r="N28" s="281">
        <v>0</v>
      </c>
      <c r="O28" s="278">
        <v>0</v>
      </c>
      <c r="P28" s="280">
        <v>0</v>
      </c>
      <c r="Q28" s="281">
        <v>0</v>
      </c>
      <c r="R28" s="281">
        <v>1</v>
      </c>
      <c r="S28" s="281">
        <v>0</v>
      </c>
      <c r="T28" s="281">
        <v>0</v>
      </c>
      <c r="U28" s="281">
        <v>2</v>
      </c>
      <c r="V28" s="278">
        <v>3</v>
      </c>
      <c r="W28" s="283">
        <v>3</v>
      </c>
      <c r="X28" s="277">
        <v>0</v>
      </c>
      <c r="Y28" s="281">
        <v>3</v>
      </c>
      <c r="Z28" s="278">
        <v>3</v>
      </c>
      <c r="AA28" s="280">
        <v>0</v>
      </c>
      <c r="AB28" s="281">
        <v>4</v>
      </c>
      <c r="AC28" s="281">
        <v>5</v>
      </c>
      <c r="AD28" s="281">
        <v>3</v>
      </c>
      <c r="AE28" s="281">
        <v>2</v>
      </c>
      <c r="AF28" s="281">
        <v>4</v>
      </c>
      <c r="AG28" s="278">
        <v>18</v>
      </c>
      <c r="AH28" s="283">
        <v>21</v>
      </c>
      <c r="AI28" s="277">
        <v>0</v>
      </c>
      <c r="AJ28" s="281">
        <v>0</v>
      </c>
      <c r="AK28" s="278">
        <v>0</v>
      </c>
      <c r="AL28" s="280">
        <v>0</v>
      </c>
      <c r="AM28" s="281">
        <v>0</v>
      </c>
      <c r="AN28" s="281">
        <v>0</v>
      </c>
      <c r="AO28" s="281">
        <v>0</v>
      </c>
      <c r="AP28" s="281">
        <v>0</v>
      </c>
      <c r="AQ28" s="281">
        <v>0</v>
      </c>
      <c r="AR28" s="278">
        <v>0</v>
      </c>
      <c r="AS28" s="283">
        <v>0</v>
      </c>
      <c r="AT28" s="277">
        <v>2</v>
      </c>
      <c r="AU28" s="281">
        <v>0</v>
      </c>
      <c r="AV28" s="278">
        <v>2</v>
      </c>
      <c r="AW28" s="280">
        <v>0</v>
      </c>
      <c r="AX28" s="281">
        <v>2</v>
      </c>
      <c r="AY28" s="281">
        <v>5</v>
      </c>
      <c r="AZ28" s="281">
        <v>3</v>
      </c>
      <c r="BA28" s="281">
        <v>5</v>
      </c>
      <c r="BB28" s="281">
        <v>6</v>
      </c>
      <c r="BC28" s="282">
        <v>21</v>
      </c>
      <c r="BD28" s="283">
        <v>23</v>
      </c>
      <c r="BE28" s="277">
        <v>0</v>
      </c>
      <c r="BF28" s="281">
        <v>0</v>
      </c>
      <c r="BG28" s="278">
        <v>0</v>
      </c>
      <c r="BH28" s="280">
        <v>0</v>
      </c>
      <c r="BI28" s="281">
        <v>10</v>
      </c>
      <c r="BJ28" s="281">
        <v>2</v>
      </c>
      <c r="BK28" s="281">
        <v>3</v>
      </c>
      <c r="BL28" s="281">
        <v>0</v>
      </c>
      <c r="BM28" s="281">
        <v>0</v>
      </c>
      <c r="BN28" s="278">
        <v>15</v>
      </c>
      <c r="BO28" s="283">
        <v>15</v>
      </c>
      <c r="BP28" s="277">
        <v>0</v>
      </c>
      <c r="BQ28" s="281">
        <v>1</v>
      </c>
      <c r="BR28" s="278">
        <v>1</v>
      </c>
      <c r="BS28" s="280">
        <v>0</v>
      </c>
      <c r="BT28" s="281">
        <v>1</v>
      </c>
      <c r="BU28" s="281">
        <v>3</v>
      </c>
      <c r="BV28" s="281">
        <v>3</v>
      </c>
      <c r="BW28" s="281">
        <v>0</v>
      </c>
      <c r="BX28" s="281">
        <v>0</v>
      </c>
      <c r="BY28" s="278">
        <v>7</v>
      </c>
      <c r="BZ28" s="283">
        <v>8</v>
      </c>
      <c r="CA28" s="277">
        <v>0</v>
      </c>
      <c r="CB28" s="281">
        <v>0</v>
      </c>
      <c r="CC28" s="278">
        <v>0</v>
      </c>
      <c r="CD28" s="280">
        <v>0</v>
      </c>
      <c r="CE28" s="281">
        <v>0</v>
      </c>
      <c r="CF28" s="281">
        <v>0</v>
      </c>
      <c r="CG28" s="281">
        <v>1</v>
      </c>
      <c r="CH28" s="281">
        <v>0</v>
      </c>
      <c r="CI28" s="281">
        <v>0</v>
      </c>
      <c r="CJ28" s="278">
        <v>1</v>
      </c>
      <c r="CK28" s="283">
        <v>1</v>
      </c>
      <c r="CL28" s="277">
        <v>0</v>
      </c>
      <c r="CM28" s="281">
        <v>0</v>
      </c>
      <c r="CN28" s="278">
        <v>0</v>
      </c>
      <c r="CO28" s="280">
        <v>0</v>
      </c>
      <c r="CP28" s="281">
        <v>0</v>
      </c>
      <c r="CQ28" s="281">
        <v>1</v>
      </c>
      <c r="CR28" s="281">
        <v>0</v>
      </c>
      <c r="CS28" s="281">
        <v>0</v>
      </c>
      <c r="CT28" s="281">
        <v>0</v>
      </c>
      <c r="CU28" s="278">
        <v>1</v>
      </c>
      <c r="CV28" s="283">
        <v>1</v>
      </c>
      <c r="CW28" s="277">
        <v>0</v>
      </c>
      <c r="CX28" s="281">
        <v>0</v>
      </c>
      <c r="CY28" s="278">
        <v>0</v>
      </c>
      <c r="CZ28" s="280">
        <v>0</v>
      </c>
      <c r="DA28" s="281">
        <v>0</v>
      </c>
      <c r="DB28" s="281">
        <v>0</v>
      </c>
      <c r="DC28" s="281">
        <v>0</v>
      </c>
      <c r="DD28" s="281">
        <v>0</v>
      </c>
      <c r="DE28" s="281">
        <v>0</v>
      </c>
      <c r="DF28" s="278">
        <v>0</v>
      </c>
      <c r="DG28" s="283">
        <v>0</v>
      </c>
      <c r="DH28" s="277">
        <v>0</v>
      </c>
      <c r="DI28" s="281">
        <v>0</v>
      </c>
      <c r="DJ28" s="278">
        <v>0</v>
      </c>
      <c r="DK28" s="280">
        <v>0</v>
      </c>
      <c r="DL28" s="281">
        <v>0</v>
      </c>
      <c r="DM28" s="281">
        <v>0</v>
      </c>
      <c r="DN28" s="281">
        <v>0</v>
      </c>
      <c r="DO28" s="281">
        <v>0</v>
      </c>
      <c r="DP28" s="281">
        <v>0</v>
      </c>
      <c r="DQ28" s="278">
        <v>0</v>
      </c>
      <c r="DR28" s="283">
        <v>0</v>
      </c>
      <c r="DS28" s="277">
        <v>5</v>
      </c>
      <c r="DT28" s="281">
        <v>6</v>
      </c>
      <c r="DU28" s="278">
        <v>11</v>
      </c>
      <c r="DV28" s="280">
        <v>0</v>
      </c>
      <c r="DW28" s="281">
        <v>10</v>
      </c>
      <c r="DX28" s="281">
        <v>7</v>
      </c>
      <c r="DY28" s="281">
        <v>10</v>
      </c>
      <c r="DZ28" s="281">
        <v>4</v>
      </c>
      <c r="EA28" s="281">
        <v>5</v>
      </c>
      <c r="EB28" s="278">
        <v>36</v>
      </c>
      <c r="EC28" s="283">
        <v>47</v>
      </c>
      <c r="ED28" s="277">
        <v>2</v>
      </c>
      <c r="EE28" s="281">
        <v>1</v>
      </c>
      <c r="EF28" s="278">
        <v>3</v>
      </c>
      <c r="EG28" s="280">
        <v>0</v>
      </c>
      <c r="EH28" s="281">
        <v>1</v>
      </c>
      <c r="EI28" s="281">
        <v>5</v>
      </c>
      <c r="EJ28" s="281">
        <v>0</v>
      </c>
      <c r="EK28" s="281">
        <v>2</v>
      </c>
      <c r="EL28" s="281">
        <v>0</v>
      </c>
      <c r="EM28" s="278">
        <v>8</v>
      </c>
      <c r="EN28" s="283">
        <v>11</v>
      </c>
      <c r="EO28" s="277">
        <v>5</v>
      </c>
      <c r="EP28" s="281">
        <v>9</v>
      </c>
      <c r="EQ28" s="278">
        <v>14</v>
      </c>
      <c r="ER28" s="280">
        <v>0</v>
      </c>
      <c r="ES28" s="281">
        <v>22</v>
      </c>
      <c r="ET28" s="281">
        <v>11</v>
      </c>
      <c r="EU28" s="281">
        <v>10</v>
      </c>
      <c r="EV28" s="281">
        <v>4</v>
      </c>
      <c r="EW28" s="281">
        <v>5</v>
      </c>
      <c r="EX28" s="278">
        <v>52</v>
      </c>
      <c r="EY28" s="283">
        <v>66</v>
      </c>
    </row>
    <row r="29" spans="1:155" ht="19.5" customHeight="1" x14ac:dyDescent="0.2">
      <c r="A29" s="262" t="s">
        <v>27</v>
      </c>
      <c r="B29" s="277">
        <v>0</v>
      </c>
      <c r="C29" s="281">
        <v>0</v>
      </c>
      <c r="D29" s="385">
        <v>0</v>
      </c>
      <c r="E29" s="280">
        <v>0</v>
      </c>
      <c r="F29" s="281">
        <v>1</v>
      </c>
      <c r="G29" s="281">
        <v>2</v>
      </c>
      <c r="H29" s="281">
        <v>2</v>
      </c>
      <c r="I29" s="281">
        <v>0</v>
      </c>
      <c r="J29" s="281">
        <v>2</v>
      </c>
      <c r="K29" s="282">
        <v>7</v>
      </c>
      <c r="L29" s="283">
        <v>7</v>
      </c>
      <c r="M29" s="277">
        <v>0</v>
      </c>
      <c r="N29" s="281">
        <v>0</v>
      </c>
      <c r="O29" s="278">
        <v>0</v>
      </c>
      <c r="P29" s="280">
        <v>0</v>
      </c>
      <c r="Q29" s="281">
        <v>0</v>
      </c>
      <c r="R29" s="281">
        <v>0</v>
      </c>
      <c r="S29" s="281">
        <v>0</v>
      </c>
      <c r="T29" s="281">
        <v>0</v>
      </c>
      <c r="U29" s="281">
        <v>0</v>
      </c>
      <c r="V29" s="278">
        <v>0</v>
      </c>
      <c r="W29" s="283">
        <v>0</v>
      </c>
      <c r="X29" s="277">
        <v>2</v>
      </c>
      <c r="Y29" s="281">
        <v>2</v>
      </c>
      <c r="Z29" s="278">
        <v>4</v>
      </c>
      <c r="AA29" s="280">
        <v>0</v>
      </c>
      <c r="AB29" s="281">
        <v>5</v>
      </c>
      <c r="AC29" s="281">
        <v>1</v>
      </c>
      <c r="AD29" s="281">
        <v>2</v>
      </c>
      <c r="AE29" s="281">
        <v>1</v>
      </c>
      <c r="AF29" s="281">
        <v>2</v>
      </c>
      <c r="AG29" s="278">
        <v>11</v>
      </c>
      <c r="AH29" s="283">
        <v>15</v>
      </c>
      <c r="AI29" s="277">
        <v>0</v>
      </c>
      <c r="AJ29" s="281">
        <v>2</v>
      </c>
      <c r="AK29" s="278">
        <v>2</v>
      </c>
      <c r="AL29" s="280">
        <v>0</v>
      </c>
      <c r="AM29" s="281">
        <v>0</v>
      </c>
      <c r="AN29" s="281">
        <v>0</v>
      </c>
      <c r="AO29" s="281">
        <v>0</v>
      </c>
      <c r="AP29" s="281">
        <v>0</v>
      </c>
      <c r="AQ29" s="281">
        <v>0</v>
      </c>
      <c r="AR29" s="278">
        <v>0</v>
      </c>
      <c r="AS29" s="283">
        <v>2</v>
      </c>
      <c r="AT29" s="277">
        <v>1</v>
      </c>
      <c r="AU29" s="281">
        <v>1</v>
      </c>
      <c r="AV29" s="278">
        <v>2</v>
      </c>
      <c r="AW29" s="280">
        <v>0</v>
      </c>
      <c r="AX29" s="281">
        <v>4</v>
      </c>
      <c r="AY29" s="281">
        <v>1</v>
      </c>
      <c r="AZ29" s="281">
        <v>9</v>
      </c>
      <c r="BA29" s="281">
        <v>4</v>
      </c>
      <c r="BB29" s="281">
        <v>3</v>
      </c>
      <c r="BC29" s="282">
        <v>21</v>
      </c>
      <c r="BD29" s="283">
        <v>23</v>
      </c>
      <c r="BE29" s="277">
        <v>0</v>
      </c>
      <c r="BF29" s="281">
        <v>0</v>
      </c>
      <c r="BG29" s="278">
        <v>0</v>
      </c>
      <c r="BH29" s="280">
        <v>0</v>
      </c>
      <c r="BI29" s="281">
        <v>1</v>
      </c>
      <c r="BJ29" s="281">
        <v>0</v>
      </c>
      <c r="BK29" s="281">
        <v>1</v>
      </c>
      <c r="BL29" s="281">
        <v>1</v>
      </c>
      <c r="BM29" s="281">
        <v>0</v>
      </c>
      <c r="BN29" s="278">
        <v>3</v>
      </c>
      <c r="BO29" s="283">
        <v>3</v>
      </c>
      <c r="BP29" s="277">
        <v>2</v>
      </c>
      <c r="BQ29" s="281">
        <v>1</v>
      </c>
      <c r="BR29" s="278">
        <v>3</v>
      </c>
      <c r="BS29" s="280">
        <v>0</v>
      </c>
      <c r="BT29" s="281">
        <v>0</v>
      </c>
      <c r="BU29" s="281">
        <v>1</v>
      </c>
      <c r="BV29" s="281">
        <v>1</v>
      </c>
      <c r="BW29" s="281">
        <v>0</v>
      </c>
      <c r="BX29" s="281">
        <v>0</v>
      </c>
      <c r="BY29" s="278">
        <v>2</v>
      </c>
      <c r="BZ29" s="283">
        <v>5</v>
      </c>
      <c r="CA29" s="277">
        <v>0</v>
      </c>
      <c r="CB29" s="281">
        <v>0</v>
      </c>
      <c r="CC29" s="278">
        <v>0</v>
      </c>
      <c r="CD29" s="280">
        <v>0</v>
      </c>
      <c r="CE29" s="281">
        <v>1</v>
      </c>
      <c r="CF29" s="281">
        <v>0</v>
      </c>
      <c r="CG29" s="281">
        <v>0</v>
      </c>
      <c r="CH29" s="281">
        <v>1</v>
      </c>
      <c r="CI29" s="281">
        <v>0</v>
      </c>
      <c r="CJ29" s="278">
        <v>2</v>
      </c>
      <c r="CK29" s="283">
        <v>2</v>
      </c>
      <c r="CL29" s="277">
        <v>0</v>
      </c>
      <c r="CM29" s="281">
        <v>0</v>
      </c>
      <c r="CN29" s="278">
        <v>0</v>
      </c>
      <c r="CO29" s="280">
        <v>0</v>
      </c>
      <c r="CP29" s="281">
        <v>0</v>
      </c>
      <c r="CQ29" s="281">
        <v>0</v>
      </c>
      <c r="CR29" s="281">
        <v>0</v>
      </c>
      <c r="CS29" s="281">
        <v>0</v>
      </c>
      <c r="CT29" s="281">
        <v>0</v>
      </c>
      <c r="CU29" s="278">
        <v>0</v>
      </c>
      <c r="CV29" s="283">
        <v>0</v>
      </c>
      <c r="CW29" s="277">
        <v>0</v>
      </c>
      <c r="CX29" s="281">
        <v>0</v>
      </c>
      <c r="CY29" s="278">
        <v>0</v>
      </c>
      <c r="CZ29" s="280">
        <v>0</v>
      </c>
      <c r="DA29" s="281">
        <v>0</v>
      </c>
      <c r="DB29" s="281">
        <v>0</v>
      </c>
      <c r="DC29" s="281">
        <v>0</v>
      </c>
      <c r="DD29" s="281">
        <v>0</v>
      </c>
      <c r="DE29" s="281">
        <v>0</v>
      </c>
      <c r="DF29" s="278">
        <v>0</v>
      </c>
      <c r="DG29" s="283">
        <v>0</v>
      </c>
      <c r="DH29" s="277">
        <v>0</v>
      </c>
      <c r="DI29" s="281">
        <v>0</v>
      </c>
      <c r="DJ29" s="278">
        <v>0</v>
      </c>
      <c r="DK29" s="280">
        <v>0</v>
      </c>
      <c r="DL29" s="281">
        <v>0</v>
      </c>
      <c r="DM29" s="281">
        <v>0</v>
      </c>
      <c r="DN29" s="281">
        <v>0</v>
      </c>
      <c r="DO29" s="281">
        <v>0</v>
      </c>
      <c r="DP29" s="281">
        <v>0</v>
      </c>
      <c r="DQ29" s="278">
        <v>0</v>
      </c>
      <c r="DR29" s="283">
        <v>0</v>
      </c>
      <c r="DS29" s="277">
        <v>3</v>
      </c>
      <c r="DT29" s="281">
        <v>12</v>
      </c>
      <c r="DU29" s="278">
        <v>15</v>
      </c>
      <c r="DV29" s="280">
        <v>0</v>
      </c>
      <c r="DW29" s="281">
        <v>0</v>
      </c>
      <c r="DX29" s="281">
        <v>4</v>
      </c>
      <c r="DY29" s="281">
        <v>5</v>
      </c>
      <c r="DZ29" s="281">
        <v>1</v>
      </c>
      <c r="EA29" s="281">
        <v>2</v>
      </c>
      <c r="EB29" s="278">
        <v>12</v>
      </c>
      <c r="EC29" s="283">
        <v>27</v>
      </c>
      <c r="ED29" s="277">
        <v>1</v>
      </c>
      <c r="EE29" s="281">
        <v>2</v>
      </c>
      <c r="EF29" s="278">
        <v>3</v>
      </c>
      <c r="EG29" s="280">
        <v>0</v>
      </c>
      <c r="EH29" s="281">
        <v>4</v>
      </c>
      <c r="EI29" s="281">
        <v>1</v>
      </c>
      <c r="EJ29" s="281">
        <v>6</v>
      </c>
      <c r="EK29" s="281">
        <v>3</v>
      </c>
      <c r="EL29" s="281">
        <v>1</v>
      </c>
      <c r="EM29" s="278">
        <v>15</v>
      </c>
      <c r="EN29" s="283">
        <v>18</v>
      </c>
      <c r="EO29" s="277">
        <v>6</v>
      </c>
      <c r="EP29" s="281">
        <v>15</v>
      </c>
      <c r="EQ29" s="278">
        <v>21</v>
      </c>
      <c r="ER29" s="280">
        <v>0</v>
      </c>
      <c r="ES29" s="281">
        <v>6</v>
      </c>
      <c r="ET29" s="281">
        <v>6</v>
      </c>
      <c r="EU29" s="281">
        <v>6</v>
      </c>
      <c r="EV29" s="281">
        <v>1</v>
      </c>
      <c r="EW29" s="281">
        <v>2</v>
      </c>
      <c r="EX29" s="278">
        <v>21</v>
      </c>
      <c r="EY29" s="283">
        <v>42</v>
      </c>
    </row>
    <row r="30" spans="1:155" ht="19.5" customHeight="1" x14ac:dyDescent="0.2">
      <c r="A30" s="262" t="s">
        <v>28</v>
      </c>
      <c r="B30" s="277">
        <v>0</v>
      </c>
      <c r="C30" s="281">
        <v>0</v>
      </c>
      <c r="D30" s="385">
        <v>0</v>
      </c>
      <c r="E30" s="280">
        <v>0</v>
      </c>
      <c r="F30" s="281">
        <v>1</v>
      </c>
      <c r="G30" s="281">
        <v>2</v>
      </c>
      <c r="H30" s="281">
        <v>0</v>
      </c>
      <c r="I30" s="281">
        <v>0</v>
      </c>
      <c r="J30" s="281">
        <v>1</v>
      </c>
      <c r="K30" s="282">
        <v>4</v>
      </c>
      <c r="L30" s="283">
        <v>4</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0</v>
      </c>
      <c r="AC30" s="281">
        <v>1</v>
      </c>
      <c r="AD30" s="281">
        <v>1</v>
      </c>
      <c r="AE30" s="281">
        <v>0</v>
      </c>
      <c r="AF30" s="281">
        <v>1</v>
      </c>
      <c r="AG30" s="278">
        <v>3</v>
      </c>
      <c r="AH30" s="283">
        <v>3</v>
      </c>
      <c r="AI30" s="277">
        <v>0</v>
      </c>
      <c r="AJ30" s="281">
        <v>0</v>
      </c>
      <c r="AK30" s="278">
        <v>0</v>
      </c>
      <c r="AL30" s="280">
        <v>0</v>
      </c>
      <c r="AM30" s="281">
        <v>1</v>
      </c>
      <c r="AN30" s="281">
        <v>0</v>
      </c>
      <c r="AO30" s="281">
        <v>0</v>
      </c>
      <c r="AP30" s="281">
        <v>0</v>
      </c>
      <c r="AQ30" s="281">
        <v>0</v>
      </c>
      <c r="AR30" s="278">
        <v>1</v>
      </c>
      <c r="AS30" s="283">
        <v>1</v>
      </c>
      <c r="AT30" s="277">
        <v>0</v>
      </c>
      <c r="AU30" s="281">
        <v>0</v>
      </c>
      <c r="AV30" s="278">
        <v>0</v>
      </c>
      <c r="AW30" s="280">
        <v>0</v>
      </c>
      <c r="AX30" s="281">
        <v>2</v>
      </c>
      <c r="AY30" s="281">
        <v>3</v>
      </c>
      <c r="AZ30" s="281">
        <v>1</v>
      </c>
      <c r="BA30" s="281">
        <v>0</v>
      </c>
      <c r="BB30" s="281">
        <v>2</v>
      </c>
      <c r="BC30" s="282">
        <v>8</v>
      </c>
      <c r="BD30" s="283">
        <v>8</v>
      </c>
      <c r="BE30" s="277">
        <v>0</v>
      </c>
      <c r="BF30" s="281">
        <v>0</v>
      </c>
      <c r="BG30" s="278">
        <v>0</v>
      </c>
      <c r="BH30" s="280">
        <v>0</v>
      </c>
      <c r="BI30" s="281">
        <v>2</v>
      </c>
      <c r="BJ30" s="281">
        <v>2</v>
      </c>
      <c r="BK30" s="281">
        <v>0</v>
      </c>
      <c r="BL30" s="281">
        <v>0</v>
      </c>
      <c r="BM30" s="281">
        <v>0</v>
      </c>
      <c r="BN30" s="278">
        <v>4</v>
      </c>
      <c r="BO30" s="283">
        <v>4</v>
      </c>
      <c r="BP30" s="277">
        <v>0</v>
      </c>
      <c r="BQ30" s="281">
        <v>1</v>
      </c>
      <c r="BR30" s="278">
        <v>1</v>
      </c>
      <c r="BS30" s="280">
        <v>0</v>
      </c>
      <c r="BT30" s="281">
        <v>0</v>
      </c>
      <c r="BU30" s="281">
        <v>1</v>
      </c>
      <c r="BV30" s="281">
        <v>0</v>
      </c>
      <c r="BW30" s="281">
        <v>0</v>
      </c>
      <c r="BX30" s="281">
        <v>1</v>
      </c>
      <c r="BY30" s="278">
        <v>2</v>
      </c>
      <c r="BZ30" s="283">
        <v>3</v>
      </c>
      <c r="CA30" s="277">
        <v>0</v>
      </c>
      <c r="CB30" s="281">
        <v>0</v>
      </c>
      <c r="CC30" s="278">
        <v>0</v>
      </c>
      <c r="CD30" s="280">
        <v>0</v>
      </c>
      <c r="CE30" s="281">
        <v>0</v>
      </c>
      <c r="CF30" s="281">
        <v>1</v>
      </c>
      <c r="CG30" s="281">
        <v>0</v>
      </c>
      <c r="CH30" s="281">
        <v>0</v>
      </c>
      <c r="CI30" s="281">
        <v>0</v>
      </c>
      <c r="CJ30" s="278">
        <v>1</v>
      </c>
      <c r="CK30" s="283">
        <v>1</v>
      </c>
      <c r="CL30" s="277">
        <v>0</v>
      </c>
      <c r="CM30" s="281">
        <v>0</v>
      </c>
      <c r="CN30" s="278">
        <v>0</v>
      </c>
      <c r="CO30" s="280">
        <v>0</v>
      </c>
      <c r="CP30" s="281">
        <v>0</v>
      </c>
      <c r="CQ30" s="281">
        <v>0</v>
      </c>
      <c r="CR30" s="281">
        <v>0</v>
      </c>
      <c r="CS30" s="281">
        <v>0</v>
      </c>
      <c r="CT30" s="281">
        <v>0</v>
      </c>
      <c r="CU30" s="278">
        <v>0</v>
      </c>
      <c r="CV30" s="283">
        <v>0</v>
      </c>
      <c r="CW30" s="277">
        <v>0</v>
      </c>
      <c r="CX30" s="281">
        <v>0</v>
      </c>
      <c r="CY30" s="278">
        <v>0</v>
      </c>
      <c r="CZ30" s="280">
        <v>0</v>
      </c>
      <c r="DA30" s="281">
        <v>0</v>
      </c>
      <c r="DB30" s="281">
        <v>0</v>
      </c>
      <c r="DC30" s="281">
        <v>0</v>
      </c>
      <c r="DD30" s="281">
        <v>0</v>
      </c>
      <c r="DE30" s="281">
        <v>0</v>
      </c>
      <c r="DF30" s="278">
        <v>0</v>
      </c>
      <c r="DG30" s="283">
        <v>0</v>
      </c>
      <c r="DH30" s="277">
        <v>0</v>
      </c>
      <c r="DI30" s="281">
        <v>0</v>
      </c>
      <c r="DJ30" s="278">
        <v>0</v>
      </c>
      <c r="DK30" s="280">
        <v>0</v>
      </c>
      <c r="DL30" s="281">
        <v>0</v>
      </c>
      <c r="DM30" s="281">
        <v>0</v>
      </c>
      <c r="DN30" s="281">
        <v>0</v>
      </c>
      <c r="DO30" s="281">
        <v>0</v>
      </c>
      <c r="DP30" s="281">
        <v>0</v>
      </c>
      <c r="DQ30" s="278">
        <v>0</v>
      </c>
      <c r="DR30" s="283">
        <v>0</v>
      </c>
      <c r="DS30" s="277">
        <v>1</v>
      </c>
      <c r="DT30" s="281">
        <v>2</v>
      </c>
      <c r="DU30" s="278">
        <v>3</v>
      </c>
      <c r="DV30" s="280">
        <v>0</v>
      </c>
      <c r="DW30" s="281">
        <v>3</v>
      </c>
      <c r="DX30" s="281">
        <v>4</v>
      </c>
      <c r="DY30" s="281">
        <v>1</v>
      </c>
      <c r="DZ30" s="281">
        <v>0</v>
      </c>
      <c r="EA30" s="281">
        <v>2</v>
      </c>
      <c r="EB30" s="278">
        <v>10</v>
      </c>
      <c r="EC30" s="283">
        <v>13</v>
      </c>
      <c r="ED30" s="277">
        <v>0</v>
      </c>
      <c r="EE30" s="281">
        <v>0</v>
      </c>
      <c r="EF30" s="278">
        <v>0</v>
      </c>
      <c r="EG30" s="280">
        <v>0</v>
      </c>
      <c r="EH30" s="281">
        <v>1</v>
      </c>
      <c r="EI30" s="281">
        <v>0</v>
      </c>
      <c r="EJ30" s="281">
        <v>1</v>
      </c>
      <c r="EK30" s="281">
        <v>0</v>
      </c>
      <c r="EL30" s="281">
        <v>1</v>
      </c>
      <c r="EM30" s="278">
        <v>3</v>
      </c>
      <c r="EN30" s="283">
        <v>3</v>
      </c>
      <c r="EO30" s="277">
        <v>1</v>
      </c>
      <c r="EP30" s="281">
        <v>2</v>
      </c>
      <c r="EQ30" s="278">
        <v>3</v>
      </c>
      <c r="ER30" s="280">
        <v>0</v>
      </c>
      <c r="ES30" s="281">
        <v>7</v>
      </c>
      <c r="ET30" s="281">
        <v>5</v>
      </c>
      <c r="EU30" s="281">
        <v>1</v>
      </c>
      <c r="EV30" s="281">
        <v>0</v>
      </c>
      <c r="EW30" s="281">
        <v>2</v>
      </c>
      <c r="EX30" s="278">
        <v>15</v>
      </c>
      <c r="EY30" s="283">
        <v>18</v>
      </c>
    </row>
    <row r="31" spans="1:155" ht="19.5" customHeight="1" x14ac:dyDescent="0.2">
      <c r="A31" s="262" t="s">
        <v>29</v>
      </c>
      <c r="B31" s="277">
        <v>0</v>
      </c>
      <c r="C31" s="281">
        <v>0</v>
      </c>
      <c r="D31" s="385">
        <v>0</v>
      </c>
      <c r="E31" s="280">
        <v>0</v>
      </c>
      <c r="F31" s="281">
        <v>1</v>
      </c>
      <c r="G31" s="281">
        <v>2</v>
      </c>
      <c r="H31" s="281">
        <v>0</v>
      </c>
      <c r="I31" s="281">
        <v>0</v>
      </c>
      <c r="J31" s="281">
        <v>0</v>
      </c>
      <c r="K31" s="282">
        <v>3</v>
      </c>
      <c r="L31" s="283">
        <v>3</v>
      </c>
      <c r="M31" s="277">
        <v>0</v>
      </c>
      <c r="N31" s="281">
        <v>0</v>
      </c>
      <c r="O31" s="278">
        <v>0</v>
      </c>
      <c r="P31" s="280">
        <v>0</v>
      </c>
      <c r="Q31" s="281">
        <v>0</v>
      </c>
      <c r="R31" s="281">
        <v>0</v>
      </c>
      <c r="S31" s="281">
        <v>1</v>
      </c>
      <c r="T31" s="281">
        <v>0</v>
      </c>
      <c r="U31" s="281">
        <v>0</v>
      </c>
      <c r="V31" s="278">
        <v>1</v>
      </c>
      <c r="W31" s="283">
        <v>1</v>
      </c>
      <c r="X31" s="277">
        <v>0</v>
      </c>
      <c r="Y31" s="281">
        <v>0</v>
      </c>
      <c r="Z31" s="278">
        <v>0</v>
      </c>
      <c r="AA31" s="280">
        <v>0</v>
      </c>
      <c r="AB31" s="281">
        <v>1</v>
      </c>
      <c r="AC31" s="281">
        <v>1</v>
      </c>
      <c r="AD31" s="281">
        <v>3</v>
      </c>
      <c r="AE31" s="281">
        <v>0</v>
      </c>
      <c r="AF31" s="281">
        <v>0</v>
      </c>
      <c r="AG31" s="278">
        <v>5</v>
      </c>
      <c r="AH31" s="283">
        <v>5</v>
      </c>
      <c r="AI31" s="277">
        <v>0</v>
      </c>
      <c r="AJ31" s="281">
        <v>0</v>
      </c>
      <c r="AK31" s="278">
        <v>0</v>
      </c>
      <c r="AL31" s="280">
        <v>0</v>
      </c>
      <c r="AM31" s="281">
        <v>0</v>
      </c>
      <c r="AN31" s="281">
        <v>1</v>
      </c>
      <c r="AO31" s="281">
        <v>0</v>
      </c>
      <c r="AP31" s="281">
        <v>0</v>
      </c>
      <c r="AQ31" s="281">
        <v>0</v>
      </c>
      <c r="AR31" s="278">
        <v>1</v>
      </c>
      <c r="AS31" s="283">
        <v>1</v>
      </c>
      <c r="AT31" s="277">
        <v>0</v>
      </c>
      <c r="AU31" s="281">
        <v>0</v>
      </c>
      <c r="AV31" s="278">
        <v>0</v>
      </c>
      <c r="AW31" s="280">
        <v>0</v>
      </c>
      <c r="AX31" s="281">
        <v>1</v>
      </c>
      <c r="AY31" s="281">
        <v>1</v>
      </c>
      <c r="AZ31" s="281">
        <v>1</v>
      </c>
      <c r="BA31" s="281">
        <v>1</v>
      </c>
      <c r="BB31" s="281">
        <v>0</v>
      </c>
      <c r="BC31" s="282">
        <v>4</v>
      </c>
      <c r="BD31" s="283">
        <v>4</v>
      </c>
      <c r="BE31" s="277">
        <v>0</v>
      </c>
      <c r="BF31" s="281">
        <v>0</v>
      </c>
      <c r="BG31" s="278">
        <v>0</v>
      </c>
      <c r="BH31" s="280">
        <v>0</v>
      </c>
      <c r="BI31" s="281">
        <v>1</v>
      </c>
      <c r="BJ31" s="281">
        <v>0</v>
      </c>
      <c r="BK31" s="281">
        <v>1</v>
      </c>
      <c r="BL31" s="281">
        <v>0</v>
      </c>
      <c r="BM31" s="281">
        <v>0</v>
      </c>
      <c r="BN31" s="278">
        <v>2</v>
      </c>
      <c r="BO31" s="283">
        <v>2</v>
      </c>
      <c r="BP31" s="277">
        <v>0</v>
      </c>
      <c r="BQ31" s="281">
        <v>0</v>
      </c>
      <c r="BR31" s="278">
        <v>0</v>
      </c>
      <c r="BS31" s="280">
        <v>0</v>
      </c>
      <c r="BT31" s="281">
        <v>0</v>
      </c>
      <c r="BU31" s="281">
        <v>1</v>
      </c>
      <c r="BV31" s="281">
        <v>1</v>
      </c>
      <c r="BW31" s="281">
        <v>0</v>
      </c>
      <c r="BX31" s="281">
        <v>1</v>
      </c>
      <c r="BY31" s="278">
        <v>3</v>
      </c>
      <c r="BZ31" s="283">
        <v>3</v>
      </c>
      <c r="CA31" s="277">
        <v>0</v>
      </c>
      <c r="CB31" s="281">
        <v>0</v>
      </c>
      <c r="CC31" s="278">
        <v>0</v>
      </c>
      <c r="CD31" s="280">
        <v>0</v>
      </c>
      <c r="CE31" s="281">
        <v>0</v>
      </c>
      <c r="CF31" s="281">
        <v>0</v>
      </c>
      <c r="CG31" s="281">
        <v>0</v>
      </c>
      <c r="CH31" s="281">
        <v>0</v>
      </c>
      <c r="CI31" s="281">
        <v>1</v>
      </c>
      <c r="CJ31" s="278">
        <v>1</v>
      </c>
      <c r="CK31" s="283">
        <v>1</v>
      </c>
      <c r="CL31" s="277">
        <v>0</v>
      </c>
      <c r="CM31" s="281">
        <v>0</v>
      </c>
      <c r="CN31" s="278">
        <v>0</v>
      </c>
      <c r="CO31" s="280">
        <v>0</v>
      </c>
      <c r="CP31" s="281">
        <v>0</v>
      </c>
      <c r="CQ31" s="281">
        <v>0</v>
      </c>
      <c r="CR31" s="281">
        <v>0</v>
      </c>
      <c r="CS31" s="281">
        <v>0</v>
      </c>
      <c r="CT31" s="281">
        <v>0</v>
      </c>
      <c r="CU31" s="278">
        <v>0</v>
      </c>
      <c r="CV31" s="283">
        <v>0</v>
      </c>
      <c r="CW31" s="277">
        <v>0</v>
      </c>
      <c r="CX31" s="281">
        <v>0</v>
      </c>
      <c r="CY31" s="278">
        <v>0</v>
      </c>
      <c r="CZ31" s="280">
        <v>0</v>
      </c>
      <c r="DA31" s="281">
        <v>0</v>
      </c>
      <c r="DB31" s="281">
        <v>0</v>
      </c>
      <c r="DC31" s="281">
        <v>0</v>
      </c>
      <c r="DD31" s="281">
        <v>0</v>
      </c>
      <c r="DE31" s="281">
        <v>0</v>
      </c>
      <c r="DF31" s="278">
        <v>0</v>
      </c>
      <c r="DG31" s="283">
        <v>0</v>
      </c>
      <c r="DH31" s="277">
        <v>0</v>
      </c>
      <c r="DI31" s="281">
        <v>0</v>
      </c>
      <c r="DJ31" s="278">
        <v>0</v>
      </c>
      <c r="DK31" s="280">
        <v>0</v>
      </c>
      <c r="DL31" s="281">
        <v>0</v>
      </c>
      <c r="DM31" s="281">
        <v>0</v>
      </c>
      <c r="DN31" s="281">
        <v>0</v>
      </c>
      <c r="DO31" s="281">
        <v>0</v>
      </c>
      <c r="DP31" s="281">
        <v>0</v>
      </c>
      <c r="DQ31" s="278">
        <v>0</v>
      </c>
      <c r="DR31" s="283">
        <v>0</v>
      </c>
      <c r="DS31" s="277">
        <v>1</v>
      </c>
      <c r="DT31" s="281">
        <v>2</v>
      </c>
      <c r="DU31" s="278">
        <v>3</v>
      </c>
      <c r="DV31" s="280">
        <v>0</v>
      </c>
      <c r="DW31" s="281">
        <v>2</v>
      </c>
      <c r="DX31" s="281">
        <v>2</v>
      </c>
      <c r="DY31" s="281">
        <v>3</v>
      </c>
      <c r="DZ31" s="281">
        <v>1</v>
      </c>
      <c r="EA31" s="281">
        <v>2</v>
      </c>
      <c r="EB31" s="278">
        <v>10</v>
      </c>
      <c r="EC31" s="283">
        <v>13</v>
      </c>
      <c r="ED31" s="277">
        <v>0</v>
      </c>
      <c r="EE31" s="281">
        <v>0</v>
      </c>
      <c r="EF31" s="278">
        <v>0</v>
      </c>
      <c r="EG31" s="280">
        <v>0</v>
      </c>
      <c r="EH31" s="281">
        <v>1</v>
      </c>
      <c r="EI31" s="281">
        <v>1</v>
      </c>
      <c r="EJ31" s="281">
        <v>1</v>
      </c>
      <c r="EK31" s="281">
        <v>1</v>
      </c>
      <c r="EL31" s="281">
        <v>0</v>
      </c>
      <c r="EM31" s="278">
        <v>4</v>
      </c>
      <c r="EN31" s="283">
        <v>4</v>
      </c>
      <c r="EO31" s="277">
        <v>1</v>
      </c>
      <c r="EP31" s="281">
        <v>2</v>
      </c>
      <c r="EQ31" s="278">
        <v>3</v>
      </c>
      <c r="ER31" s="280">
        <v>0</v>
      </c>
      <c r="ES31" s="281">
        <v>2</v>
      </c>
      <c r="ET31" s="281">
        <v>3</v>
      </c>
      <c r="EU31" s="281">
        <v>3</v>
      </c>
      <c r="EV31" s="281">
        <v>0</v>
      </c>
      <c r="EW31" s="281">
        <v>2</v>
      </c>
      <c r="EX31" s="278">
        <v>10</v>
      </c>
      <c r="EY31" s="283">
        <v>13</v>
      </c>
    </row>
    <row r="32" spans="1:155" ht="19.5" customHeight="1" x14ac:dyDescent="0.2">
      <c r="A32" s="262" t="s">
        <v>30</v>
      </c>
      <c r="B32" s="277">
        <v>0</v>
      </c>
      <c r="C32" s="281">
        <v>0</v>
      </c>
      <c r="D32" s="385">
        <v>0</v>
      </c>
      <c r="E32" s="280">
        <v>0</v>
      </c>
      <c r="F32" s="281">
        <v>0</v>
      </c>
      <c r="G32" s="281">
        <v>0</v>
      </c>
      <c r="H32" s="281">
        <v>1</v>
      </c>
      <c r="I32" s="281">
        <v>1</v>
      </c>
      <c r="J32" s="281">
        <v>0</v>
      </c>
      <c r="K32" s="282">
        <v>2</v>
      </c>
      <c r="L32" s="283">
        <v>2</v>
      </c>
      <c r="M32" s="277">
        <v>0</v>
      </c>
      <c r="N32" s="281">
        <v>0</v>
      </c>
      <c r="O32" s="278">
        <v>0</v>
      </c>
      <c r="P32" s="280">
        <v>0</v>
      </c>
      <c r="Q32" s="281">
        <v>0</v>
      </c>
      <c r="R32" s="281">
        <v>0</v>
      </c>
      <c r="S32" s="281">
        <v>0</v>
      </c>
      <c r="T32" s="281">
        <v>1</v>
      </c>
      <c r="U32" s="281">
        <v>0</v>
      </c>
      <c r="V32" s="278">
        <v>1</v>
      </c>
      <c r="W32" s="283">
        <v>1</v>
      </c>
      <c r="X32" s="277">
        <v>0</v>
      </c>
      <c r="Y32" s="281">
        <v>1</v>
      </c>
      <c r="Z32" s="278">
        <v>1</v>
      </c>
      <c r="AA32" s="280">
        <v>0</v>
      </c>
      <c r="AB32" s="281">
        <v>0</v>
      </c>
      <c r="AC32" s="281">
        <v>1</v>
      </c>
      <c r="AD32" s="281">
        <v>0</v>
      </c>
      <c r="AE32" s="281">
        <v>1</v>
      </c>
      <c r="AF32" s="281">
        <v>0</v>
      </c>
      <c r="AG32" s="278">
        <v>2</v>
      </c>
      <c r="AH32" s="283">
        <v>3</v>
      </c>
      <c r="AI32" s="277">
        <v>0</v>
      </c>
      <c r="AJ32" s="281">
        <v>0</v>
      </c>
      <c r="AK32" s="278">
        <v>0</v>
      </c>
      <c r="AL32" s="280">
        <v>0</v>
      </c>
      <c r="AM32" s="281">
        <v>0</v>
      </c>
      <c r="AN32" s="281">
        <v>0</v>
      </c>
      <c r="AO32" s="281">
        <v>0</v>
      </c>
      <c r="AP32" s="281">
        <v>1</v>
      </c>
      <c r="AQ32" s="281">
        <v>0</v>
      </c>
      <c r="AR32" s="278">
        <v>1</v>
      </c>
      <c r="AS32" s="283">
        <v>1</v>
      </c>
      <c r="AT32" s="277">
        <v>0</v>
      </c>
      <c r="AU32" s="281">
        <v>0</v>
      </c>
      <c r="AV32" s="278">
        <v>0</v>
      </c>
      <c r="AW32" s="280">
        <v>0</v>
      </c>
      <c r="AX32" s="281">
        <v>3</v>
      </c>
      <c r="AY32" s="281">
        <v>1</v>
      </c>
      <c r="AZ32" s="281">
        <v>1</v>
      </c>
      <c r="BA32" s="281">
        <v>1</v>
      </c>
      <c r="BB32" s="281">
        <v>0</v>
      </c>
      <c r="BC32" s="282">
        <v>6</v>
      </c>
      <c r="BD32" s="283">
        <v>6</v>
      </c>
      <c r="BE32" s="277">
        <v>0</v>
      </c>
      <c r="BF32" s="281">
        <v>0</v>
      </c>
      <c r="BG32" s="278">
        <v>0</v>
      </c>
      <c r="BH32" s="280">
        <v>0</v>
      </c>
      <c r="BI32" s="281">
        <v>0</v>
      </c>
      <c r="BJ32" s="281">
        <v>3</v>
      </c>
      <c r="BK32" s="281">
        <v>1</v>
      </c>
      <c r="BL32" s="281">
        <v>1</v>
      </c>
      <c r="BM32" s="281">
        <v>0</v>
      </c>
      <c r="BN32" s="278">
        <v>5</v>
      </c>
      <c r="BO32" s="283">
        <v>5</v>
      </c>
      <c r="BP32" s="277">
        <v>0</v>
      </c>
      <c r="BQ32" s="281">
        <v>0</v>
      </c>
      <c r="BR32" s="278">
        <v>0</v>
      </c>
      <c r="BS32" s="280">
        <v>0</v>
      </c>
      <c r="BT32" s="281">
        <v>0</v>
      </c>
      <c r="BU32" s="281">
        <v>2</v>
      </c>
      <c r="BV32" s="281">
        <v>0</v>
      </c>
      <c r="BW32" s="281">
        <v>0</v>
      </c>
      <c r="BX32" s="281">
        <v>0</v>
      </c>
      <c r="BY32" s="278">
        <v>2</v>
      </c>
      <c r="BZ32" s="283">
        <v>2</v>
      </c>
      <c r="CA32" s="277">
        <v>0</v>
      </c>
      <c r="CB32" s="281">
        <v>0</v>
      </c>
      <c r="CC32" s="278">
        <v>0</v>
      </c>
      <c r="CD32" s="280">
        <v>0</v>
      </c>
      <c r="CE32" s="281">
        <v>0</v>
      </c>
      <c r="CF32" s="281">
        <v>0</v>
      </c>
      <c r="CG32" s="281">
        <v>1</v>
      </c>
      <c r="CH32" s="281">
        <v>0</v>
      </c>
      <c r="CI32" s="281">
        <v>0</v>
      </c>
      <c r="CJ32" s="278">
        <v>1</v>
      </c>
      <c r="CK32" s="283">
        <v>1</v>
      </c>
      <c r="CL32" s="277">
        <v>0</v>
      </c>
      <c r="CM32" s="281">
        <v>0</v>
      </c>
      <c r="CN32" s="278">
        <v>0</v>
      </c>
      <c r="CO32" s="280">
        <v>0</v>
      </c>
      <c r="CP32" s="281">
        <v>0</v>
      </c>
      <c r="CQ32" s="281">
        <v>0</v>
      </c>
      <c r="CR32" s="281">
        <v>0</v>
      </c>
      <c r="CS32" s="281">
        <v>0</v>
      </c>
      <c r="CT32" s="281">
        <v>0</v>
      </c>
      <c r="CU32" s="278">
        <v>0</v>
      </c>
      <c r="CV32" s="283">
        <v>0</v>
      </c>
      <c r="CW32" s="277">
        <v>0</v>
      </c>
      <c r="CX32" s="281">
        <v>0</v>
      </c>
      <c r="CY32" s="278">
        <v>0</v>
      </c>
      <c r="CZ32" s="280">
        <v>0</v>
      </c>
      <c r="DA32" s="281">
        <v>0</v>
      </c>
      <c r="DB32" s="281">
        <v>0</v>
      </c>
      <c r="DC32" s="281">
        <v>0</v>
      </c>
      <c r="DD32" s="281">
        <v>0</v>
      </c>
      <c r="DE32" s="281">
        <v>0</v>
      </c>
      <c r="DF32" s="278">
        <v>0</v>
      </c>
      <c r="DG32" s="283">
        <v>0</v>
      </c>
      <c r="DH32" s="277">
        <v>0</v>
      </c>
      <c r="DI32" s="281">
        <v>0</v>
      </c>
      <c r="DJ32" s="278">
        <v>0</v>
      </c>
      <c r="DK32" s="280">
        <v>0</v>
      </c>
      <c r="DL32" s="281">
        <v>0</v>
      </c>
      <c r="DM32" s="281">
        <v>0</v>
      </c>
      <c r="DN32" s="281">
        <v>0</v>
      </c>
      <c r="DO32" s="281">
        <v>0</v>
      </c>
      <c r="DP32" s="281">
        <v>0</v>
      </c>
      <c r="DQ32" s="278">
        <v>0</v>
      </c>
      <c r="DR32" s="283">
        <v>0</v>
      </c>
      <c r="DS32" s="277">
        <v>1</v>
      </c>
      <c r="DT32" s="281">
        <v>1</v>
      </c>
      <c r="DU32" s="278">
        <v>2</v>
      </c>
      <c r="DV32" s="280">
        <v>0</v>
      </c>
      <c r="DW32" s="281">
        <v>0</v>
      </c>
      <c r="DX32" s="281">
        <v>5</v>
      </c>
      <c r="DY32" s="281">
        <v>3</v>
      </c>
      <c r="DZ32" s="281">
        <v>2</v>
      </c>
      <c r="EA32" s="281">
        <v>0</v>
      </c>
      <c r="EB32" s="278">
        <v>10</v>
      </c>
      <c r="EC32" s="283">
        <v>12</v>
      </c>
      <c r="ED32" s="277">
        <v>0</v>
      </c>
      <c r="EE32" s="281">
        <v>0</v>
      </c>
      <c r="EF32" s="278">
        <v>0</v>
      </c>
      <c r="EG32" s="280">
        <v>0</v>
      </c>
      <c r="EH32" s="281">
        <v>3</v>
      </c>
      <c r="EI32" s="281">
        <v>0</v>
      </c>
      <c r="EJ32" s="281">
        <v>0</v>
      </c>
      <c r="EK32" s="281">
        <v>0</v>
      </c>
      <c r="EL32" s="281">
        <v>0</v>
      </c>
      <c r="EM32" s="278">
        <v>3</v>
      </c>
      <c r="EN32" s="283">
        <v>3</v>
      </c>
      <c r="EO32" s="277">
        <v>1</v>
      </c>
      <c r="EP32" s="281">
        <v>2</v>
      </c>
      <c r="EQ32" s="278">
        <v>3</v>
      </c>
      <c r="ER32" s="280">
        <v>0</v>
      </c>
      <c r="ES32" s="281">
        <v>2</v>
      </c>
      <c r="ET32" s="281">
        <v>6</v>
      </c>
      <c r="EU32" s="281">
        <v>3</v>
      </c>
      <c r="EV32" s="281">
        <v>2</v>
      </c>
      <c r="EW32" s="281">
        <v>0</v>
      </c>
      <c r="EX32" s="278">
        <v>13</v>
      </c>
      <c r="EY32" s="283">
        <v>16</v>
      </c>
    </row>
    <row r="33" spans="1:155" ht="19.5" customHeight="1" x14ac:dyDescent="0.2">
      <c r="A33" s="262" t="s">
        <v>31</v>
      </c>
      <c r="B33" s="277">
        <v>0</v>
      </c>
      <c r="C33" s="281">
        <v>0</v>
      </c>
      <c r="D33" s="385">
        <v>0</v>
      </c>
      <c r="E33" s="280">
        <v>0</v>
      </c>
      <c r="F33" s="281">
        <v>2</v>
      </c>
      <c r="G33" s="281">
        <v>0</v>
      </c>
      <c r="H33" s="281">
        <v>0</v>
      </c>
      <c r="I33" s="281">
        <v>0</v>
      </c>
      <c r="J33" s="281">
        <v>0</v>
      </c>
      <c r="K33" s="282">
        <v>2</v>
      </c>
      <c r="L33" s="283">
        <v>2</v>
      </c>
      <c r="M33" s="277">
        <v>0</v>
      </c>
      <c r="N33" s="281">
        <v>0</v>
      </c>
      <c r="O33" s="278">
        <v>0</v>
      </c>
      <c r="P33" s="280">
        <v>0</v>
      </c>
      <c r="Q33" s="281">
        <v>0</v>
      </c>
      <c r="R33" s="281">
        <v>0</v>
      </c>
      <c r="S33" s="281">
        <v>0</v>
      </c>
      <c r="T33" s="281">
        <v>0</v>
      </c>
      <c r="U33" s="281">
        <v>1</v>
      </c>
      <c r="V33" s="278">
        <v>1</v>
      </c>
      <c r="W33" s="283">
        <v>1</v>
      </c>
      <c r="X33" s="277">
        <v>1</v>
      </c>
      <c r="Y33" s="281">
        <v>0</v>
      </c>
      <c r="Z33" s="278">
        <v>1</v>
      </c>
      <c r="AA33" s="280">
        <v>0</v>
      </c>
      <c r="AB33" s="281">
        <v>1</v>
      </c>
      <c r="AC33" s="281">
        <v>2</v>
      </c>
      <c r="AD33" s="281">
        <v>0</v>
      </c>
      <c r="AE33" s="281">
        <v>1</v>
      </c>
      <c r="AF33" s="281">
        <v>1</v>
      </c>
      <c r="AG33" s="278">
        <v>5</v>
      </c>
      <c r="AH33" s="283">
        <v>6</v>
      </c>
      <c r="AI33" s="277">
        <v>0</v>
      </c>
      <c r="AJ33" s="281">
        <v>0</v>
      </c>
      <c r="AK33" s="278">
        <v>0</v>
      </c>
      <c r="AL33" s="280">
        <v>0</v>
      </c>
      <c r="AM33" s="281">
        <v>0</v>
      </c>
      <c r="AN33" s="281">
        <v>0</v>
      </c>
      <c r="AO33" s="281">
        <v>1</v>
      </c>
      <c r="AP33" s="281">
        <v>0</v>
      </c>
      <c r="AQ33" s="281">
        <v>0</v>
      </c>
      <c r="AR33" s="278">
        <v>1</v>
      </c>
      <c r="AS33" s="283">
        <v>1</v>
      </c>
      <c r="AT33" s="277">
        <v>0</v>
      </c>
      <c r="AU33" s="281">
        <v>0</v>
      </c>
      <c r="AV33" s="278">
        <v>0</v>
      </c>
      <c r="AW33" s="280">
        <v>0</v>
      </c>
      <c r="AX33" s="281">
        <v>1</v>
      </c>
      <c r="AY33" s="281">
        <v>1</v>
      </c>
      <c r="AZ33" s="281">
        <v>0</v>
      </c>
      <c r="BA33" s="281">
        <v>0</v>
      </c>
      <c r="BB33" s="281">
        <v>2</v>
      </c>
      <c r="BC33" s="282">
        <v>4</v>
      </c>
      <c r="BD33" s="283">
        <v>4</v>
      </c>
      <c r="BE33" s="277">
        <v>0</v>
      </c>
      <c r="BF33" s="281">
        <v>0</v>
      </c>
      <c r="BG33" s="278">
        <v>0</v>
      </c>
      <c r="BH33" s="280">
        <v>0</v>
      </c>
      <c r="BI33" s="281">
        <v>0</v>
      </c>
      <c r="BJ33" s="281">
        <v>1</v>
      </c>
      <c r="BK33" s="281">
        <v>3</v>
      </c>
      <c r="BL33" s="281">
        <v>1</v>
      </c>
      <c r="BM33" s="281">
        <v>0</v>
      </c>
      <c r="BN33" s="278">
        <v>5</v>
      </c>
      <c r="BO33" s="283">
        <v>5</v>
      </c>
      <c r="BP33" s="277">
        <v>0</v>
      </c>
      <c r="BQ33" s="281">
        <v>0</v>
      </c>
      <c r="BR33" s="278">
        <v>0</v>
      </c>
      <c r="BS33" s="280">
        <v>0</v>
      </c>
      <c r="BT33" s="281">
        <v>0</v>
      </c>
      <c r="BU33" s="281">
        <v>0</v>
      </c>
      <c r="BV33" s="281">
        <v>0</v>
      </c>
      <c r="BW33" s="281">
        <v>0</v>
      </c>
      <c r="BX33" s="281">
        <v>0</v>
      </c>
      <c r="BY33" s="278">
        <v>0</v>
      </c>
      <c r="BZ33" s="283">
        <v>0</v>
      </c>
      <c r="CA33" s="277">
        <v>0</v>
      </c>
      <c r="CB33" s="281">
        <v>0</v>
      </c>
      <c r="CC33" s="278">
        <v>0</v>
      </c>
      <c r="CD33" s="280">
        <v>0</v>
      </c>
      <c r="CE33" s="281">
        <v>0</v>
      </c>
      <c r="CF33" s="281">
        <v>0</v>
      </c>
      <c r="CG33" s="281">
        <v>0</v>
      </c>
      <c r="CH33" s="281">
        <v>1</v>
      </c>
      <c r="CI33" s="281">
        <v>0</v>
      </c>
      <c r="CJ33" s="278">
        <v>1</v>
      </c>
      <c r="CK33" s="283">
        <v>1</v>
      </c>
      <c r="CL33" s="277">
        <v>0</v>
      </c>
      <c r="CM33" s="281">
        <v>0</v>
      </c>
      <c r="CN33" s="278">
        <v>0</v>
      </c>
      <c r="CO33" s="280">
        <v>0</v>
      </c>
      <c r="CP33" s="281">
        <v>0</v>
      </c>
      <c r="CQ33" s="281">
        <v>0</v>
      </c>
      <c r="CR33" s="281">
        <v>0</v>
      </c>
      <c r="CS33" s="281">
        <v>0</v>
      </c>
      <c r="CT33" s="281">
        <v>0</v>
      </c>
      <c r="CU33" s="278">
        <v>0</v>
      </c>
      <c r="CV33" s="283">
        <v>0</v>
      </c>
      <c r="CW33" s="277">
        <v>0</v>
      </c>
      <c r="CX33" s="281">
        <v>0</v>
      </c>
      <c r="CY33" s="278">
        <v>0</v>
      </c>
      <c r="CZ33" s="280">
        <v>0</v>
      </c>
      <c r="DA33" s="281">
        <v>0</v>
      </c>
      <c r="DB33" s="281">
        <v>0</v>
      </c>
      <c r="DC33" s="281">
        <v>0</v>
      </c>
      <c r="DD33" s="281">
        <v>0</v>
      </c>
      <c r="DE33" s="281">
        <v>0</v>
      </c>
      <c r="DF33" s="278">
        <v>0</v>
      </c>
      <c r="DG33" s="283">
        <v>0</v>
      </c>
      <c r="DH33" s="277">
        <v>0</v>
      </c>
      <c r="DI33" s="281">
        <v>0</v>
      </c>
      <c r="DJ33" s="278">
        <v>0</v>
      </c>
      <c r="DK33" s="280">
        <v>0</v>
      </c>
      <c r="DL33" s="281">
        <v>0</v>
      </c>
      <c r="DM33" s="281">
        <v>0</v>
      </c>
      <c r="DN33" s="281">
        <v>0</v>
      </c>
      <c r="DO33" s="281">
        <v>0</v>
      </c>
      <c r="DP33" s="281">
        <v>0</v>
      </c>
      <c r="DQ33" s="278">
        <v>0</v>
      </c>
      <c r="DR33" s="283">
        <v>0</v>
      </c>
      <c r="DS33" s="277">
        <v>0</v>
      </c>
      <c r="DT33" s="281">
        <v>0</v>
      </c>
      <c r="DU33" s="278">
        <v>0</v>
      </c>
      <c r="DV33" s="280">
        <v>0</v>
      </c>
      <c r="DW33" s="281">
        <v>3</v>
      </c>
      <c r="DX33" s="281">
        <v>4</v>
      </c>
      <c r="DY33" s="281">
        <v>2</v>
      </c>
      <c r="DZ33" s="281">
        <v>2</v>
      </c>
      <c r="EA33" s="281">
        <v>1</v>
      </c>
      <c r="EB33" s="278">
        <v>12</v>
      </c>
      <c r="EC33" s="283">
        <v>12</v>
      </c>
      <c r="ED33" s="277">
        <v>0</v>
      </c>
      <c r="EE33" s="281">
        <v>0</v>
      </c>
      <c r="EF33" s="278">
        <v>0</v>
      </c>
      <c r="EG33" s="280">
        <v>0</v>
      </c>
      <c r="EH33" s="281">
        <v>1</v>
      </c>
      <c r="EI33" s="281">
        <v>0</v>
      </c>
      <c r="EJ33" s="281">
        <v>0</v>
      </c>
      <c r="EK33" s="281">
        <v>0</v>
      </c>
      <c r="EL33" s="281">
        <v>1</v>
      </c>
      <c r="EM33" s="278">
        <v>2</v>
      </c>
      <c r="EN33" s="283">
        <v>2</v>
      </c>
      <c r="EO33" s="277">
        <v>1</v>
      </c>
      <c r="EP33" s="281">
        <v>0</v>
      </c>
      <c r="EQ33" s="278">
        <v>1</v>
      </c>
      <c r="ER33" s="280">
        <v>0</v>
      </c>
      <c r="ES33" s="281">
        <v>4</v>
      </c>
      <c r="ET33" s="281">
        <v>5</v>
      </c>
      <c r="EU33" s="281">
        <v>3</v>
      </c>
      <c r="EV33" s="281">
        <v>2</v>
      </c>
      <c r="EW33" s="281">
        <v>1</v>
      </c>
      <c r="EX33" s="278">
        <v>15</v>
      </c>
      <c r="EY33" s="283">
        <v>16</v>
      </c>
    </row>
    <row r="34" spans="1:155" ht="19.5" customHeight="1" x14ac:dyDescent="0.2">
      <c r="A34" s="262" t="s">
        <v>32</v>
      </c>
      <c r="B34" s="277">
        <v>0</v>
      </c>
      <c r="C34" s="281">
        <v>0</v>
      </c>
      <c r="D34" s="385">
        <v>0</v>
      </c>
      <c r="E34" s="280">
        <v>0</v>
      </c>
      <c r="F34" s="281">
        <v>1</v>
      </c>
      <c r="G34" s="281">
        <v>1</v>
      </c>
      <c r="H34" s="281">
        <v>0</v>
      </c>
      <c r="I34" s="281">
        <v>1</v>
      </c>
      <c r="J34" s="281">
        <v>0</v>
      </c>
      <c r="K34" s="282">
        <v>3</v>
      </c>
      <c r="L34" s="283">
        <v>3</v>
      </c>
      <c r="M34" s="277">
        <v>0</v>
      </c>
      <c r="N34" s="281">
        <v>0</v>
      </c>
      <c r="O34" s="278">
        <v>0</v>
      </c>
      <c r="P34" s="280">
        <v>0</v>
      </c>
      <c r="Q34" s="281">
        <v>0</v>
      </c>
      <c r="R34" s="281">
        <v>0</v>
      </c>
      <c r="S34" s="281">
        <v>0</v>
      </c>
      <c r="T34" s="281">
        <v>0</v>
      </c>
      <c r="U34" s="281">
        <v>0</v>
      </c>
      <c r="V34" s="278">
        <v>0</v>
      </c>
      <c r="W34" s="283">
        <v>0</v>
      </c>
      <c r="X34" s="277">
        <v>0</v>
      </c>
      <c r="Y34" s="281">
        <v>0</v>
      </c>
      <c r="Z34" s="278">
        <v>0</v>
      </c>
      <c r="AA34" s="280">
        <v>0</v>
      </c>
      <c r="AB34" s="281">
        <v>0</v>
      </c>
      <c r="AC34" s="281">
        <v>2</v>
      </c>
      <c r="AD34" s="281">
        <v>1</v>
      </c>
      <c r="AE34" s="281">
        <v>1</v>
      </c>
      <c r="AF34" s="281">
        <v>1</v>
      </c>
      <c r="AG34" s="278">
        <v>5</v>
      </c>
      <c r="AH34" s="283">
        <v>5</v>
      </c>
      <c r="AI34" s="277">
        <v>1</v>
      </c>
      <c r="AJ34" s="281">
        <v>0</v>
      </c>
      <c r="AK34" s="278">
        <v>1</v>
      </c>
      <c r="AL34" s="280">
        <v>0</v>
      </c>
      <c r="AM34" s="281">
        <v>0</v>
      </c>
      <c r="AN34" s="281">
        <v>0</v>
      </c>
      <c r="AO34" s="281">
        <v>1</v>
      </c>
      <c r="AP34" s="281">
        <v>0</v>
      </c>
      <c r="AQ34" s="281">
        <v>0</v>
      </c>
      <c r="AR34" s="278">
        <v>1</v>
      </c>
      <c r="AS34" s="283">
        <v>2</v>
      </c>
      <c r="AT34" s="277">
        <v>0</v>
      </c>
      <c r="AU34" s="281">
        <v>0</v>
      </c>
      <c r="AV34" s="278">
        <v>0</v>
      </c>
      <c r="AW34" s="280">
        <v>0</v>
      </c>
      <c r="AX34" s="281">
        <v>1</v>
      </c>
      <c r="AY34" s="281">
        <v>1</v>
      </c>
      <c r="AZ34" s="281">
        <v>2</v>
      </c>
      <c r="BA34" s="281">
        <v>3</v>
      </c>
      <c r="BB34" s="281">
        <v>2</v>
      </c>
      <c r="BC34" s="282">
        <v>9</v>
      </c>
      <c r="BD34" s="283">
        <v>9</v>
      </c>
      <c r="BE34" s="277">
        <v>0</v>
      </c>
      <c r="BF34" s="281">
        <v>0</v>
      </c>
      <c r="BG34" s="278">
        <v>0</v>
      </c>
      <c r="BH34" s="280">
        <v>0</v>
      </c>
      <c r="BI34" s="281">
        <v>2</v>
      </c>
      <c r="BJ34" s="281">
        <v>2</v>
      </c>
      <c r="BK34" s="281">
        <v>0</v>
      </c>
      <c r="BL34" s="281">
        <v>0</v>
      </c>
      <c r="BM34" s="281">
        <v>0</v>
      </c>
      <c r="BN34" s="278">
        <v>4</v>
      </c>
      <c r="BO34" s="283">
        <v>4</v>
      </c>
      <c r="BP34" s="277">
        <v>0</v>
      </c>
      <c r="BQ34" s="281">
        <v>0</v>
      </c>
      <c r="BR34" s="278">
        <v>0</v>
      </c>
      <c r="BS34" s="280">
        <v>0</v>
      </c>
      <c r="BT34" s="281">
        <v>0</v>
      </c>
      <c r="BU34" s="281">
        <v>1</v>
      </c>
      <c r="BV34" s="281">
        <v>2</v>
      </c>
      <c r="BW34" s="281">
        <v>1</v>
      </c>
      <c r="BX34" s="281">
        <v>0</v>
      </c>
      <c r="BY34" s="278">
        <v>4</v>
      </c>
      <c r="BZ34" s="283">
        <v>4</v>
      </c>
      <c r="CA34" s="277">
        <v>0</v>
      </c>
      <c r="CB34" s="281">
        <v>0</v>
      </c>
      <c r="CC34" s="278">
        <v>0</v>
      </c>
      <c r="CD34" s="280">
        <v>0</v>
      </c>
      <c r="CE34" s="281">
        <v>1</v>
      </c>
      <c r="CF34" s="281">
        <v>1</v>
      </c>
      <c r="CG34" s="281">
        <v>0</v>
      </c>
      <c r="CH34" s="281">
        <v>0</v>
      </c>
      <c r="CI34" s="281">
        <v>0</v>
      </c>
      <c r="CJ34" s="278">
        <v>2</v>
      </c>
      <c r="CK34" s="283">
        <v>2</v>
      </c>
      <c r="CL34" s="277">
        <v>0</v>
      </c>
      <c r="CM34" s="281">
        <v>0</v>
      </c>
      <c r="CN34" s="278">
        <v>0</v>
      </c>
      <c r="CO34" s="280">
        <v>0</v>
      </c>
      <c r="CP34" s="281">
        <v>0</v>
      </c>
      <c r="CQ34" s="281">
        <v>0</v>
      </c>
      <c r="CR34" s="281">
        <v>0</v>
      </c>
      <c r="CS34" s="281">
        <v>1</v>
      </c>
      <c r="CT34" s="281">
        <v>0</v>
      </c>
      <c r="CU34" s="278">
        <v>1</v>
      </c>
      <c r="CV34" s="283">
        <v>1</v>
      </c>
      <c r="CW34" s="277">
        <v>0</v>
      </c>
      <c r="CX34" s="281">
        <v>0</v>
      </c>
      <c r="CY34" s="278">
        <v>0</v>
      </c>
      <c r="CZ34" s="280">
        <v>0</v>
      </c>
      <c r="DA34" s="281">
        <v>0</v>
      </c>
      <c r="DB34" s="281">
        <v>0</v>
      </c>
      <c r="DC34" s="281">
        <v>0</v>
      </c>
      <c r="DD34" s="281">
        <v>0</v>
      </c>
      <c r="DE34" s="281">
        <v>0</v>
      </c>
      <c r="DF34" s="278">
        <v>0</v>
      </c>
      <c r="DG34" s="283">
        <v>0</v>
      </c>
      <c r="DH34" s="277">
        <v>0</v>
      </c>
      <c r="DI34" s="281">
        <v>0</v>
      </c>
      <c r="DJ34" s="278">
        <v>0</v>
      </c>
      <c r="DK34" s="280">
        <v>0</v>
      </c>
      <c r="DL34" s="281">
        <v>0</v>
      </c>
      <c r="DM34" s="281">
        <v>0</v>
      </c>
      <c r="DN34" s="281">
        <v>0</v>
      </c>
      <c r="DO34" s="281">
        <v>0</v>
      </c>
      <c r="DP34" s="281">
        <v>0</v>
      </c>
      <c r="DQ34" s="278">
        <v>0</v>
      </c>
      <c r="DR34" s="283">
        <v>0</v>
      </c>
      <c r="DS34" s="277">
        <v>0</v>
      </c>
      <c r="DT34" s="281">
        <v>2</v>
      </c>
      <c r="DU34" s="278">
        <v>2</v>
      </c>
      <c r="DV34" s="280">
        <v>0</v>
      </c>
      <c r="DW34" s="281">
        <v>3</v>
      </c>
      <c r="DX34" s="281">
        <v>2</v>
      </c>
      <c r="DY34" s="281">
        <v>3</v>
      </c>
      <c r="DZ34" s="281">
        <v>3</v>
      </c>
      <c r="EA34" s="281">
        <v>1</v>
      </c>
      <c r="EB34" s="278">
        <v>12</v>
      </c>
      <c r="EC34" s="283">
        <v>14</v>
      </c>
      <c r="ED34" s="277">
        <v>0</v>
      </c>
      <c r="EE34" s="281">
        <v>0</v>
      </c>
      <c r="EF34" s="278">
        <v>0</v>
      </c>
      <c r="EG34" s="280">
        <v>0</v>
      </c>
      <c r="EH34" s="281">
        <v>1</v>
      </c>
      <c r="EI34" s="281">
        <v>1</v>
      </c>
      <c r="EJ34" s="281">
        <v>0</v>
      </c>
      <c r="EK34" s="281">
        <v>1</v>
      </c>
      <c r="EL34" s="281">
        <v>1</v>
      </c>
      <c r="EM34" s="278">
        <v>4</v>
      </c>
      <c r="EN34" s="283">
        <v>4</v>
      </c>
      <c r="EO34" s="277">
        <v>1</v>
      </c>
      <c r="EP34" s="281">
        <v>2</v>
      </c>
      <c r="EQ34" s="278">
        <v>3</v>
      </c>
      <c r="ER34" s="280">
        <v>0</v>
      </c>
      <c r="ES34" s="281">
        <v>6</v>
      </c>
      <c r="ET34" s="281">
        <v>7</v>
      </c>
      <c r="EU34" s="281">
        <v>3</v>
      </c>
      <c r="EV34" s="281">
        <v>3</v>
      </c>
      <c r="EW34" s="281">
        <v>1</v>
      </c>
      <c r="EX34" s="278">
        <v>20</v>
      </c>
      <c r="EY34" s="283">
        <v>23</v>
      </c>
    </row>
    <row r="35" spans="1:155" ht="19.5" customHeight="1" x14ac:dyDescent="0.2">
      <c r="A35" s="262" t="s">
        <v>33</v>
      </c>
      <c r="B35" s="277">
        <v>0</v>
      </c>
      <c r="C35" s="281">
        <v>0</v>
      </c>
      <c r="D35" s="385">
        <v>0</v>
      </c>
      <c r="E35" s="280">
        <v>0</v>
      </c>
      <c r="F35" s="281">
        <v>1</v>
      </c>
      <c r="G35" s="281">
        <v>0</v>
      </c>
      <c r="H35" s="281">
        <v>2</v>
      </c>
      <c r="I35" s="281">
        <v>0</v>
      </c>
      <c r="J35" s="281">
        <v>0</v>
      </c>
      <c r="K35" s="282">
        <v>3</v>
      </c>
      <c r="L35" s="283">
        <v>3</v>
      </c>
      <c r="M35" s="277">
        <v>0</v>
      </c>
      <c r="N35" s="281">
        <v>0</v>
      </c>
      <c r="O35" s="278">
        <v>0</v>
      </c>
      <c r="P35" s="280">
        <v>0</v>
      </c>
      <c r="Q35" s="281">
        <v>0</v>
      </c>
      <c r="R35" s="281">
        <v>0</v>
      </c>
      <c r="S35" s="281">
        <v>0</v>
      </c>
      <c r="T35" s="281">
        <v>0</v>
      </c>
      <c r="U35" s="281">
        <v>0</v>
      </c>
      <c r="V35" s="278">
        <v>0</v>
      </c>
      <c r="W35" s="283">
        <v>0</v>
      </c>
      <c r="X35" s="277">
        <v>1</v>
      </c>
      <c r="Y35" s="281">
        <v>0</v>
      </c>
      <c r="Z35" s="278">
        <v>1</v>
      </c>
      <c r="AA35" s="280">
        <v>0</v>
      </c>
      <c r="AB35" s="281">
        <v>1</v>
      </c>
      <c r="AC35" s="281">
        <v>1</v>
      </c>
      <c r="AD35" s="281">
        <v>2</v>
      </c>
      <c r="AE35" s="281">
        <v>0</v>
      </c>
      <c r="AF35" s="281">
        <v>1</v>
      </c>
      <c r="AG35" s="278">
        <v>5</v>
      </c>
      <c r="AH35" s="283">
        <v>6</v>
      </c>
      <c r="AI35" s="277">
        <v>0</v>
      </c>
      <c r="AJ35" s="281">
        <v>1</v>
      </c>
      <c r="AK35" s="278">
        <v>1</v>
      </c>
      <c r="AL35" s="280">
        <v>0</v>
      </c>
      <c r="AM35" s="281">
        <v>1</v>
      </c>
      <c r="AN35" s="281">
        <v>1</v>
      </c>
      <c r="AO35" s="281">
        <v>1</v>
      </c>
      <c r="AP35" s="281">
        <v>2</v>
      </c>
      <c r="AQ35" s="281">
        <v>0</v>
      </c>
      <c r="AR35" s="278">
        <v>5</v>
      </c>
      <c r="AS35" s="283">
        <v>6</v>
      </c>
      <c r="AT35" s="277">
        <v>0</v>
      </c>
      <c r="AU35" s="281">
        <v>0</v>
      </c>
      <c r="AV35" s="278">
        <v>0</v>
      </c>
      <c r="AW35" s="280">
        <v>0</v>
      </c>
      <c r="AX35" s="281">
        <v>2</v>
      </c>
      <c r="AY35" s="281">
        <v>3</v>
      </c>
      <c r="AZ35" s="281">
        <v>3</v>
      </c>
      <c r="BA35" s="281">
        <v>0</v>
      </c>
      <c r="BB35" s="281">
        <v>1</v>
      </c>
      <c r="BC35" s="282">
        <v>9</v>
      </c>
      <c r="BD35" s="283">
        <v>9</v>
      </c>
      <c r="BE35" s="277">
        <v>0</v>
      </c>
      <c r="BF35" s="281">
        <v>0</v>
      </c>
      <c r="BG35" s="278">
        <v>0</v>
      </c>
      <c r="BH35" s="280">
        <v>0</v>
      </c>
      <c r="BI35" s="281">
        <v>1</v>
      </c>
      <c r="BJ35" s="281">
        <v>0</v>
      </c>
      <c r="BK35" s="281">
        <v>0</v>
      </c>
      <c r="BL35" s="281">
        <v>0</v>
      </c>
      <c r="BM35" s="281">
        <v>0</v>
      </c>
      <c r="BN35" s="278">
        <v>1</v>
      </c>
      <c r="BO35" s="283">
        <v>1</v>
      </c>
      <c r="BP35" s="277">
        <v>0</v>
      </c>
      <c r="BQ35" s="281">
        <v>0</v>
      </c>
      <c r="BR35" s="278">
        <v>0</v>
      </c>
      <c r="BS35" s="280">
        <v>0</v>
      </c>
      <c r="BT35" s="281">
        <v>1</v>
      </c>
      <c r="BU35" s="281">
        <v>0</v>
      </c>
      <c r="BV35" s="281">
        <v>0</v>
      </c>
      <c r="BW35" s="281">
        <v>1</v>
      </c>
      <c r="BX35" s="281">
        <v>0</v>
      </c>
      <c r="BY35" s="278">
        <v>2</v>
      </c>
      <c r="BZ35" s="283">
        <v>2</v>
      </c>
      <c r="CA35" s="277">
        <v>0</v>
      </c>
      <c r="CB35" s="281">
        <v>0</v>
      </c>
      <c r="CC35" s="278">
        <v>0</v>
      </c>
      <c r="CD35" s="280">
        <v>0</v>
      </c>
      <c r="CE35" s="281">
        <v>1</v>
      </c>
      <c r="CF35" s="281">
        <v>0</v>
      </c>
      <c r="CG35" s="281">
        <v>1</v>
      </c>
      <c r="CH35" s="281">
        <v>0</v>
      </c>
      <c r="CI35" s="281">
        <v>0</v>
      </c>
      <c r="CJ35" s="278">
        <v>2</v>
      </c>
      <c r="CK35" s="283">
        <v>2</v>
      </c>
      <c r="CL35" s="277">
        <v>0</v>
      </c>
      <c r="CM35" s="281">
        <v>0</v>
      </c>
      <c r="CN35" s="278">
        <v>0</v>
      </c>
      <c r="CO35" s="280">
        <v>0</v>
      </c>
      <c r="CP35" s="281">
        <v>0</v>
      </c>
      <c r="CQ35" s="281">
        <v>0</v>
      </c>
      <c r="CR35" s="281">
        <v>0</v>
      </c>
      <c r="CS35" s="281">
        <v>0</v>
      </c>
      <c r="CT35" s="281">
        <v>0</v>
      </c>
      <c r="CU35" s="278">
        <v>0</v>
      </c>
      <c r="CV35" s="283">
        <v>0</v>
      </c>
      <c r="CW35" s="277">
        <v>0</v>
      </c>
      <c r="CX35" s="281">
        <v>0</v>
      </c>
      <c r="CY35" s="278">
        <v>0</v>
      </c>
      <c r="CZ35" s="280">
        <v>0</v>
      </c>
      <c r="DA35" s="281">
        <v>0</v>
      </c>
      <c r="DB35" s="281">
        <v>0</v>
      </c>
      <c r="DC35" s="281">
        <v>0</v>
      </c>
      <c r="DD35" s="281">
        <v>0</v>
      </c>
      <c r="DE35" s="281">
        <v>0</v>
      </c>
      <c r="DF35" s="278">
        <v>0</v>
      </c>
      <c r="DG35" s="283">
        <v>0</v>
      </c>
      <c r="DH35" s="277">
        <v>0</v>
      </c>
      <c r="DI35" s="281">
        <v>0</v>
      </c>
      <c r="DJ35" s="278">
        <v>0</v>
      </c>
      <c r="DK35" s="280">
        <v>0</v>
      </c>
      <c r="DL35" s="281">
        <v>0</v>
      </c>
      <c r="DM35" s="281">
        <v>0</v>
      </c>
      <c r="DN35" s="281">
        <v>0</v>
      </c>
      <c r="DO35" s="281">
        <v>0</v>
      </c>
      <c r="DP35" s="281">
        <v>0</v>
      </c>
      <c r="DQ35" s="278">
        <v>0</v>
      </c>
      <c r="DR35" s="283">
        <v>0</v>
      </c>
      <c r="DS35" s="277">
        <v>0</v>
      </c>
      <c r="DT35" s="281">
        <v>1</v>
      </c>
      <c r="DU35" s="278">
        <v>1</v>
      </c>
      <c r="DV35" s="280">
        <v>0</v>
      </c>
      <c r="DW35" s="281">
        <v>1</v>
      </c>
      <c r="DX35" s="281">
        <v>3</v>
      </c>
      <c r="DY35" s="281">
        <v>3</v>
      </c>
      <c r="DZ35" s="281">
        <v>1</v>
      </c>
      <c r="EA35" s="281">
        <v>1</v>
      </c>
      <c r="EB35" s="278">
        <v>9</v>
      </c>
      <c r="EC35" s="283">
        <v>10</v>
      </c>
      <c r="ED35" s="277">
        <v>1</v>
      </c>
      <c r="EE35" s="281">
        <v>0</v>
      </c>
      <c r="EF35" s="278">
        <v>1</v>
      </c>
      <c r="EG35" s="280">
        <v>0</v>
      </c>
      <c r="EH35" s="281">
        <v>1</v>
      </c>
      <c r="EI35" s="281">
        <v>1</v>
      </c>
      <c r="EJ35" s="281">
        <v>2</v>
      </c>
      <c r="EK35" s="281">
        <v>1</v>
      </c>
      <c r="EL35" s="281">
        <v>0</v>
      </c>
      <c r="EM35" s="278">
        <v>5</v>
      </c>
      <c r="EN35" s="283">
        <v>6</v>
      </c>
      <c r="EO35" s="277">
        <v>1</v>
      </c>
      <c r="EP35" s="281">
        <v>2</v>
      </c>
      <c r="EQ35" s="278">
        <v>3</v>
      </c>
      <c r="ER35" s="280">
        <v>0</v>
      </c>
      <c r="ES35" s="281">
        <v>5</v>
      </c>
      <c r="ET35" s="281">
        <v>3</v>
      </c>
      <c r="EU35" s="281">
        <v>3</v>
      </c>
      <c r="EV35" s="281">
        <v>2</v>
      </c>
      <c r="EW35" s="281">
        <v>1</v>
      </c>
      <c r="EX35" s="278">
        <v>14</v>
      </c>
      <c r="EY35" s="283">
        <v>17</v>
      </c>
    </row>
    <row r="36" spans="1:155" ht="19.5" customHeight="1" x14ac:dyDescent="0.2">
      <c r="A36" s="262" t="s">
        <v>34</v>
      </c>
      <c r="B36" s="277">
        <v>0</v>
      </c>
      <c r="C36" s="281">
        <v>0</v>
      </c>
      <c r="D36" s="385">
        <v>0</v>
      </c>
      <c r="E36" s="280">
        <v>0</v>
      </c>
      <c r="F36" s="281">
        <v>0</v>
      </c>
      <c r="G36" s="281">
        <v>0</v>
      </c>
      <c r="H36" s="281">
        <v>1</v>
      </c>
      <c r="I36" s="281">
        <v>1</v>
      </c>
      <c r="J36" s="281">
        <v>0</v>
      </c>
      <c r="K36" s="282">
        <v>2</v>
      </c>
      <c r="L36" s="283">
        <v>2</v>
      </c>
      <c r="M36" s="277">
        <v>0</v>
      </c>
      <c r="N36" s="281">
        <v>0</v>
      </c>
      <c r="O36" s="278">
        <v>0</v>
      </c>
      <c r="P36" s="280">
        <v>0</v>
      </c>
      <c r="Q36" s="281">
        <v>0</v>
      </c>
      <c r="R36" s="281">
        <v>0</v>
      </c>
      <c r="S36" s="281">
        <v>0</v>
      </c>
      <c r="T36" s="281">
        <v>0</v>
      </c>
      <c r="U36" s="281">
        <v>0</v>
      </c>
      <c r="V36" s="278">
        <v>0</v>
      </c>
      <c r="W36" s="283">
        <v>0</v>
      </c>
      <c r="X36" s="277">
        <v>0</v>
      </c>
      <c r="Y36" s="281">
        <v>0</v>
      </c>
      <c r="Z36" s="278">
        <v>0</v>
      </c>
      <c r="AA36" s="280">
        <v>0</v>
      </c>
      <c r="AB36" s="281">
        <v>0</v>
      </c>
      <c r="AC36" s="281">
        <v>0</v>
      </c>
      <c r="AD36" s="281">
        <v>0</v>
      </c>
      <c r="AE36" s="281">
        <v>0</v>
      </c>
      <c r="AF36" s="281">
        <v>0</v>
      </c>
      <c r="AG36" s="278">
        <v>0</v>
      </c>
      <c r="AH36" s="283">
        <v>0</v>
      </c>
      <c r="AI36" s="277">
        <v>0</v>
      </c>
      <c r="AJ36" s="281">
        <v>0</v>
      </c>
      <c r="AK36" s="278">
        <v>0</v>
      </c>
      <c r="AL36" s="280">
        <v>0</v>
      </c>
      <c r="AM36" s="281">
        <v>0</v>
      </c>
      <c r="AN36" s="281">
        <v>0</v>
      </c>
      <c r="AO36" s="281">
        <v>1</v>
      </c>
      <c r="AP36" s="281">
        <v>0</v>
      </c>
      <c r="AQ36" s="281">
        <v>0</v>
      </c>
      <c r="AR36" s="278">
        <v>1</v>
      </c>
      <c r="AS36" s="283">
        <v>1</v>
      </c>
      <c r="AT36" s="277">
        <v>0</v>
      </c>
      <c r="AU36" s="281">
        <v>0</v>
      </c>
      <c r="AV36" s="278">
        <v>0</v>
      </c>
      <c r="AW36" s="280">
        <v>0</v>
      </c>
      <c r="AX36" s="281">
        <v>2</v>
      </c>
      <c r="AY36" s="281">
        <v>2</v>
      </c>
      <c r="AZ36" s="281">
        <v>0</v>
      </c>
      <c r="BA36" s="281">
        <v>1</v>
      </c>
      <c r="BB36" s="281">
        <v>0</v>
      </c>
      <c r="BC36" s="282">
        <v>5</v>
      </c>
      <c r="BD36" s="283">
        <v>5</v>
      </c>
      <c r="BE36" s="277">
        <v>0</v>
      </c>
      <c r="BF36" s="281">
        <v>0</v>
      </c>
      <c r="BG36" s="278">
        <v>0</v>
      </c>
      <c r="BH36" s="280">
        <v>0</v>
      </c>
      <c r="BI36" s="281">
        <v>0</v>
      </c>
      <c r="BJ36" s="281">
        <v>1</v>
      </c>
      <c r="BK36" s="281">
        <v>1</v>
      </c>
      <c r="BL36" s="281">
        <v>1</v>
      </c>
      <c r="BM36" s="281">
        <v>0</v>
      </c>
      <c r="BN36" s="278">
        <v>3</v>
      </c>
      <c r="BO36" s="283">
        <v>3</v>
      </c>
      <c r="BP36" s="277">
        <v>0</v>
      </c>
      <c r="BQ36" s="281">
        <v>0</v>
      </c>
      <c r="BR36" s="278">
        <v>0</v>
      </c>
      <c r="BS36" s="280">
        <v>0</v>
      </c>
      <c r="BT36" s="281">
        <v>1</v>
      </c>
      <c r="BU36" s="281">
        <v>0</v>
      </c>
      <c r="BV36" s="281">
        <v>0</v>
      </c>
      <c r="BW36" s="281">
        <v>0</v>
      </c>
      <c r="BX36" s="281">
        <v>0</v>
      </c>
      <c r="BY36" s="278">
        <v>1</v>
      </c>
      <c r="BZ36" s="283">
        <v>1</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0</v>
      </c>
      <c r="CQ36" s="281">
        <v>0</v>
      </c>
      <c r="CR36" s="281">
        <v>0</v>
      </c>
      <c r="CS36" s="281">
        <v>0</v>
      </c>
      <c r="CT36" s="281">
        <v>0</v>
      </c>
      <c r="CU36" s="278">
        <v>0</v>
      </c>
      <c r="CV36" s="283">
        <v>0</v>
      </c>
      <c r="CW36" s="277">
        <v>0</v>
      </c>
      <c r="CX36" s="281">
        <v>0</v>
      </c>
      <c r="CY36" s="278">
        <v>0</v>
      </c>
      <c r="CZ36" s="280">
        <v>0</v>
      </c>
      <c r="DA36" s="281">
        <v>0</v>
      </c>
      <c r="DB36" s="281">
        <v>0</v>
      </c>
      <c r="DC36" s="281">
        <v>0</v>
      </c>
      <c r="DD36" s="281">
        <v>0</v>
      </c>
      <c r="DE36" s="281">
        <v>0</v>
      </c>
      <c r="DF36" s="278">
        <v>0</v>
      </c>
      <c r="DG36" s="283">
        <v>0</v>
      </c>
      <c r="DH36" s="277">
        <v>0</v>
      </c>
      <c r="DI36" s="281">
        <v>0</v>
      </c>
      <c r="DJ36" s="278">
        <v>0</v>
      </c>
      <c r="DK36" s="280">
        <v>0</v>
      </c>
      <c r="DL36" s="281">
        <v>0</v>
      </c>
      <c r="DM36" s="281">
        <v>0</v>
      </c>
      <c r="DN36" s="281">
        <v>0</v>
      </c>
      <c r="DO36" s="281">
        <v>0</v>
      </c>
      <c r="DP36" s="281">
        <v>0</v>
      </c>
      <c r="DQ36" s="278">
        <v>0</v>
      </c>
      <c r="DR36" s="283">
        <v>0</v>
      </c>
      <c r="DS36" s="277">
        <v>0</v>
      </c>
      <c r="DT36" s="281">
        <v>1</v>
      </c>
      <c r="DU36" s="278">
        <v>1</v>
      </c>
      <c r="DV36" s="280">
        <v>0</v>
      </c>
      <c r="DW36" s="281">
        <v>3</v>
      </c>
      <c r="DX36" s="281">
        <v>0</v>
      </c>
      <c r="DY36" s="281">
        <v>2</v>
      </c>
      <c r="DZ36" s="281">
        <v>2</v>
      </c>
      <c r="EA36" s="281">
        <v>0</v>
      </c>
      <c r="EB36" s="278">
        <v>7</v>
      </c>
      <c r="EC36" s="283">
        <v>8</v>
      </c>
      <c r="ED36" s="277">
        <v>0</v>
      </c>
      <c r="EE36" s="281">
        <v>0</v>
      </c>
      <c r="EF36" s="278">
        <v>0</v>
      </c>
      <c r="EG36" s="280">
        <v>0</v>
      </c>
      <c r="EH36" s="281">
        <v>0</v>
      </c>
      <c r="EI36" s="281">
        <v>1</v>
      </c>
      <c r="EJ36" s="281">
        <v>0</v>
      </c>
      <c r="EK36" s="281">
        <v>0</v>
      </c>
      <c r="EL36" s="281">
        <v>0</v>
      </c>
      <c r="EM36" s="278">
        <v>1</v>
      </c>
      <c r="EN36" s="283">
        <v>1</v>
      </c>
      <c r="EO36" s="277">
        <v>0</v>
      </c>
      <c r="EP36" s="281">
        <v>1</v>
      </c>
      <c r="EQ36" s="278">
        <v>1</v>
      </c>
      <c r="ER36" s="280">
        <v>0</v>
      </c>
      <c r="ES36" s="281">
        <v>2</v>
      </c>
      <c r="ET36" s="281">
        <v>1</v>
      </c>
      <c r="EU36" s="281">
        <v>3</v>
      </c>
      <c r="EV36" s="281">
        <v>2</v>
      </c>
      <c r="EW36" s="281">
        <v>0</v>
      </c>
      <c r="EX36" s="278">
        <v>8</v>
      </c>
      <c r="EY36" s="283">
        <v>9</v>
      </c>
    </row>
    <row r="37" spans="1:155" ht="19.5" customHeight="1" x14ac:dyDescent="0.2">
      <c r="A37" s="262" t="s">
        <v>35</v>
      </c>
      <c r="B37" s="277">
        <v>0</v>
      </c>
      <c r="C37" s="281">
        <v>0</v>
      </c>
      <c r="D37" s="385">
        <v>0</v>
      </c>
      <c r="E37" s="280">
        <v>0</v>
      </c>
      <c r="F37" s="281">
        <v>7</v>
      </c>
      <c r="G37" s="281">
        <v>2</v>
      </c>
      <c r="H37" s="281">
        <v>3</v>
      </c>
      <c r="I37" s="281">
        <v>1</v>
      </c>
      <c r="J37" s="281">
        <v>0</v>
      </c>
      <c r="K37" s="282">
        <v>13</v>
      </c>
      <c r="L37" s="283">
        <v>13</v>
      </c>
      <c r="M37" s="277">
        <v>0</v>
      </c>
      <c r="N37" s="281">
        <v>0</v>
      </c>
      <c r="O37" s="278">
        <v>0</v>
      </c>
      <c r="P37" s="280">
        <v>0</v>
      </c>
      <c r="Q37" s="281">
        <v>0</v>
      </c>
      <c r="R37" s="281">
        <v>0</v>
      </c>
      <c r="S37" s="281">
        <v>1</v>
      </c>
      <c r="T37" s="281">
        <v>0</v>
      </c>
      <c r="U37" s="281">
        <v>0</v>
      </c>
      <c r="V37" s="278">
        <v>1</v>
      </c>
      <c r="W37" s="283">
        <v>1</v>
      </c>
      <c r="X37" s="277">
        <v>0</v>
      </c>
      <c r="Y37" s="281">
        <v>0</v>
      </c>
      <c r="Z37" s="278">
        <v>0</v>
      </c>
      <c r="AA37" s="280">
        <v>0</v>
      </c>
      <c r="AB37" s="281">
        <v>1</v>
      </c>
      <c r="AC37" s="281">
        <v>1</v>
      </c>
      <c r="AD37" s="281">
        <v>2</v>
      </c>
      <c r="AE37" s="281">
        <v>1</v>
      </c>
      <c r="AF37" s="281">
        <v>1</v>
      </c>
      <c r="AG37" s="278">
        <v>6</v>
      </c>
      <c r="AH37" s="283">
        <v>6</v>
      </c>
      <c r="AI37" s="277">
        <v>0</v>
      </c>
      <c r="AJ37" s="281">
        <v>0</v>
      </c>
      <c r="AK37" s="278">
        <v>0</v>
      </c>
      <c r="AL37" s="280">
        <v>0</v>
      </c>
      <c r="AM37" s="281">
        <v>1</v>
      </c>
      <c r="AN37" s="281">
        <v>0</v>
      </c>
      <c r="AO37" s="281">
        <v>0</v>
      </c>
      <c r="AP37" s="281">
        <v>0</v>
      </c>
      <c r="AQ37" s="281">
        <v>0</v>
      </c>
      <c r="AR37" s="278">
        <v>1</v>
      </c>
      <c r="AS37" s="283">
        <v>1</v>
      </c>
      <c r="AT37" s="277">
        <v>3</v>
      </c>
      <c r="AU37" s="281">
        <v>2</v>
      </c>
      <c r="AV37" s="278">
        <v>5</v>
      </c>
      <c r="AW37" s="280">
        <v>0</v>
      </c>
      <c r="AX37" s="281">
        <v>2</v>
      </c>
      <c r="AY37" s="281">
        <v>4</v>
      </c>
      <c r="AZ37" s="281">
        <v>3</v>
      </c>
      <c r="BA37" s="281">
        <v>7</v>
      </c>
      <c r="BB37" s="281">
        <v>1</v>
      </c>
      <c r="BC37" s="282">
        <v>17</v>
      </c>
      <c r="BD37" s="283">
        <v>22</v>
      </c>
      <c r="BE37" s="277">
        <v>0</v>
      </c>
      <c r="BF37" s="281">
        <v>0</v>
      </c>
      <c r="BG37" s="278">
        <v>0</v>
      </c>
      <c r="BH37" s="280">
        <v>0</v>
      </c>
      <c r="BI37" s="281">
        <v>4</v>
      </c>
      <c r="BJ37" s="281">
        <v>4</v>
      </c>
      <c r="BK37" s="281">
        <v>2</v>
      </c>
      <c r="BL37" s="281">
        <v>0</v>
      </c>
      <c r="BM37" s="281">
        <v>0</v>
      </c>
      <c r="BN37" s="278">
        <v>10</v>
      </c>
      <c r="BO37" s="283">
        <v>10</v>
      </c>
      <c r="BP37" s="277">
        <v>1</v>
      </c>
      <c r="BQ37" s="281">
        <v>1</v>
      </c>
      <c r="BR37" s="278">
        <v>2</v>
      </c>
      <c r="BS37" s="280">
        <v>0</v>
      </c>
      <c r="BT37" s="281">
        <v>1</v>
      </c>
      <c r="BU37" s="281">
        <v>3</v>
      </c>
      <c r="BV37" s="281">
        <v>0</v>
      </c>
      <c r="BW37" s="281">
        <v>1</v>
      </c>
      <c r="BX37" s="281">
        <v>0</v>
      </c>
      <c r="BY37" s="278">
        <v>5</v>
      </c>
      <c r="BZ37" s="283">
        <v>7</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c r="CW37" s="277">
        <v>0</v>
      </c>
      <c r="CX37" s="281">
        <v>0</v>
      </c>
      <c r="CY37" s="278">
        <v>0</v>
      </c>
      <c r="CZ37" s="280">
        <v>0</v>
      </c>
      <c r="DA37" s="281">
        <v>0</v>
      </c>
      <c r="DB37" s="281">
        <v>0</v>
      </c>
      <c r="DC37" s="281">
        <v>0</v>
      </c>
      <c r="DD37" s="281">
        <v>0</v>
      </c>
      <c r="DE37" s="281">
        <v>0</v>
      </c>
      <c r="DF37" s="278">
        <v>0</v>
      </c>
      <c r="DG37" s="283">
        <v>0</v>
      </c>
      <c r="DH37" s="277">
        <v>0</v>
      </c>
      <c r="DI37" s="281">
        <v>0</v>
      </c>
      <c r="DJ37" s="278">
        <v>0</v>
      </c>
      <c r="DK37" s="280">
        <v>0</v>
      </c>
      <c r="DL37" s="281">
        <v>0</v>
      </c>
      <c r="DM37" s="281">
        <v>0</v>
      </c>
      <c r="DN37" s="281">
        <v>0</v>
      </c>
      <c r="DO37" s="281">
        <v>0</v>
      </c>
      <c r="DP37" s="281">
        <v>0</v>
      </c>
      <c r="DQ37" s="278">
        <v>0</v>
      </c>
      <c r="DR37" s="283">
        <v>0</v>
      </c>
      <c r="DS37" s="277">
        <v>2</v>
      </c>
      <c r="DT37" s="281">
        <v>1</v>
      </c>
      <c r="DU37" s="278">
        <v>3</v>
      </c>
      <c r="DV37" s="280">
        <v>0</v>
      </c>
      <c r="DW37" s="281">
        <v>5</v>
      </c>
      <c r="DX37" s="281">
        <v>9</v>
      </c>
      <c r="DY37" s="281">
        <v>4</v>
      </c>
      <c r="DZ37" s="281">
        <v>2</v>
      </c>
      <c r="EA37" s="281">
        <v>1</v>
      </c>
      <c r="EB37" s="278">
        <v>21</v>
      </c>
      <c r="EC37" s="283">
        <v>24</v>
      </c>
      <c r="ED37" s="277">
        <v>3</v>
      </c>
      <c r="EE37" s="281">
        <v>2</v>
      </c>
      <c r="EF37" s="278">
        <v>5</v>
      </c>
      <c r="EG37" s="280">
        <v>0</v>
      </c>
      <c r="EH37" s="281">
        <v>2</v>
      </c>
      <c r="EI37" s="281">
        <v>1</v>
      </c>
      <c r="EJ37" s="281">
        <v>2</v>
      </c>
      <c r="EK37" s="281">
        <v>4</v>
      </c>
      <c r="EL37" s="281">
        <v>0</v>
      </c>
      <c r="EM37" s="278">
        <v>9</v>
      </c>
      <c r="EN37" s="283">
        <v>14</v>
      </c>
      <c r="EO37" s="277">
        <v>2</v>
      </c>
      <c r="EP37" s="281">
        <v>2</v>
      </c>
      <c r="EQ37" s="278">
        <v>4</v>
      </c>
      <c r="ER37" s="280">
        <v>0</v>
      </c>
      <c r="ES37" s="281">
        <v>12</v>
      </c>
      <c r="ET37" s="281">
        <v>9</v>
      </c>
      <c r="EU37" s="281">
        <v>4</v>
      </c>
      <c r="EV37" s="281">
        <v>2</v>
      </c>
      <c r="EW37" s="281">
        <v>1</v>
      </c>
      <c r="EX37" s="278">
        <v>28</v>
      </c>
      <c r="EY37" s="283">
        <v>32</v>
      </c>
    </row>
    <row r="38" spans="1:155" ht="19.5" customHeight="1" x14ac:dyDescent="0.2">
      <c r="A38" s="262" t="s">
        <v>36</v>
      </c>
      <c r="B38" s="277">
        <v>0</v>
      </c>
      <c r="C38" s="281">
        <v>0</v>
      </c>
      <c r="D38" s="385">
        <v>0</v>
      </c>
      <c r="E38" s="280">
        <v>0</v>
      </c>
      <c r="F38" s="281">
        <v>3</v>
      </c>
      <c r="G38" s="281">
        <v>1</v>
      </c>
      <c r="H38" s="281">
        <v>0</v>
      </c>
      <c r="I38" s="281">
        <v>1</v>
      </c>
      <c r="J38" s="281">
        <v>0</v>
      </c>
      <c r="K38" s="282">
        <v>5</v>
      </c>
      <c r="L38" s="283">
        <v>5</v>
      </c>
      <c r="M38" s="277">
        <v>0</v>
      </c>
      <c r="N38" s="281">
        <v>0</v>
      </c>
      <c r="O38" s="278">
        <v>0</v>
      </c>
      <c r="P38" s="280">
        <v>0</v>
      </c>
      <c r="Q38" s="281">
        <v>0</v>
      </c>
      <c r="R38" s="281">
        <v>0</v>
      </c>
      <c r="S38" s="281">
        <v>0</v>
      </c>
      <c r="T38" s="281">
        <v>0</v>
      </c>
      <c r="U38" s="281">
        <v>1</v>
      </c>
      <c r="V38" s="278">
        <v>1</v>
      </c>
      <c r="W38" s="283">
        <v>1</v>
      </c>
      <c r="X38" s="277">
        <v>1</v>
      </c>
      <c r="Y38" s="281">
        <v>2</v>
      </c>
      <c r="Z38" s="278">
        <v>3</v>
      </c>
      <c r="AA38" s="280">
        <v>0</v>
      </c>
      <c r="AB38" s="281">
        <v>4</v>
      </c>
      <c r="AC38" s="281">
        <v>3</v>
      </c>
      <c r="AD38" s="281">
        <v>0</v>
      </c>
      <c r="AE38" s="281">
        <v>0</v>
      </c>
      <c r="AF38" s="281">
        <v>1</v>
      </c>
      <c r="AG38" s="278">
        <v>8</v>
      </c>
      <c r="AH38" s="283">
        <v>11</v>
      </c>
      <c r="AI38" s="277">
        <v>0</v>
      </c>
      <c r="AJ38" s="281">
        <v>0</v>
      </c>
      <c r="AK38" s="278">
        <v>0</v>
      </c>
      <c r="AL38" s="280">
        <v>0</v>
      </c>
      <c r="AM38" s="281">
        <v>2</v>
      </c>
      <c r="AN38" s="281">
        <v>0</v>
      </c>
      <c r="AO38" s="281">
        <v>0</v>
      </c>
      <c r="AP38" s="281">
        <v>0</v>
      </c>
      <c r="AQ38" s="281">
        <v>1</v>
      </c>
      <c r="AR38" s="278">
        <v>3</v>
      </c>
      <c r="AS38" s="283">
        <v>3</v>
      </c>
      <c r="AT38" s="277">
        <v>0</v>
      </c>
      <c r="AU38" s="281">
        <v>0</v>
      </c>
      <c r="AV38" s="278">
        <v>0</v>
      </c>
      <c r="AW38" s="280">
        <v>0</v>
      </c>
      <c r="AX38" s="281">
        <v>1</v>
      </c>
      <c r="AY38" s="281">
        <v>2</v>
      </c>
      <c r="AZ38" s="281">
        <v>4</v>
      </c>
      <c r="BA38" s="281">
        <v>5</v>
      </c>
      <c r="BB38" s="281">
        <v>0</v>
      </c>
      <c r="BC38" s="282">
        <v>12</v>
      </c>
      <c r="BD38" s="283">
        <v>12</v>
      </c>
      <c r="BE38" s="277">
        <v>0</v>
      </c>
      <c r="BF38" s="281">
        <v>0</v>
      </c>
      <c r="BG38" s="278">
        <v>0</v>
      </c>
      <c r="BH38" s="280">
        <v>0</v>
      </c>
      <c r="BI38" s="281">
        <v>3</v>
      </c>
      <c r="BJ38" s="281">
        <v>4</v>
      </c>
      <c r="BK38" s="281">
        <v>1</v>
      </c>
      <c r="BL38" s="281">
        <v>0</v>
      </c>
      <c r="BM38" s="281">
        <v>1</v>
      </c>
      <c r="BN38" s="278">
        <v>9</v>
      </c>
      <c r="BO38" s="283">
        <v>9</v>
      </c>
      <c r="BP38" s="277">
        <v>0</v>
      </c>
      <c r="BQ38" s="281">
        <v>1</v>
      </c>
      <c r="BR38" s="278">
        <v>1</v>
      </c>
      <c r="BS38" s="280">
        <v>0</v>
      </c>
      <c r="BT38" s="281">
        <v>1</v>
      </c>
      <c r="BU38" s="281">
        <v>0</v>
      </c>
      <c r="BV38" s="281">
        <v>0</v>
      </c>
      <c r="BW38" s="281">
        <v>0</v>
      </c>
      <c r="BX38" s="281">
        <v>0</v>
      </c>
      <c r="BY38" s="278">
        <v>1</v>
      </c>
      <c r="BZ38" s="283">
        <v>2</v>
      </c>
      <c r="CA38" s="277">
        <v>0</v>
      </c>
      <c r="CB38" s="281">
        <v>0</v>
      </c>
      <c r="CC38" s="278">
        <v>0</v>
      </c>
      <c r="CD38" s="280">
        <v>0</v>
      </c>
      <c r="CE38" s="281">
        <v>0</v>
      </c>
      <c r="CF38" s="281">
        <v>1</v>
      </c>
      <c r="CG38" s="281">
        <v>2</v>
      </c>
      <c r="CH38" s="281">
        <v>0</v>
      </c>
      <c r="CI38" s="281">
        <v>0</v>
      </c>
      <c r="CJ38" s="278">
        <v>3</v>
      </c>
      <c r="CK38" s="283">
        <v>3</v>
      </c>
      <c r="CL38" s="277">
        <v>0</v>
      </c>
      <c r="CM38" s="281">
        <v>0</v>
      </c>
      <c r="CN38" s="278">
        <v>0</v>
      </c>
      <c r="CO38" s="280">
        <v>0</v>
      </c>
      <c r="CP38" s="281">
        <v>0</v>
      </c>
      <c r="CQ38" s="281">
        <v>0</v>
      </c>
      <c r="CR38" s="281">
        <v>0</v>
      </c>
      <c r="CS38" s="281">
        <v>0</v>
      </c>
      <c r="CT38" s="281">
        <v>0</v>
      </c>
      <c r="CU38" s="278">
        <v>0</v>
      </c>
      <c r="CV38" s="283">
        <v>0</v>
      </c>
      <c r="CW38" s="277">
        <v>0</v>
      </c>
      <c r="CX38" s="281">
        <v>0</v>
      </c>
      <c r="CY38" s="278">
        <v>0</v>
      </c>
      <c r="CZ38" s="280">
        <v>0</v>
      </c>
      <c r="DA38" s="281">
        <v>0</v>
      </c>
      <c r="DB38" s="281">
        <v>0</v>
      </c>
      <c r="DC38" s="281">
        <v>0</v>
      </c>
      <c r="DD38" s="281">
        <v>0</v>
      </c>
      <c r="DE38" s="281">
        <v>0</v>
      </c>
      <c r="DF38" s="278">
        <v>0</v>
      </c>
      <c r="DG38" s="283">
        <v>0</v>
      </c>
      <c r="DH38" s="277">
        <v>0</v>
      </c>
      <c r="DI38" s="281">
        <v>0</v>
      </c>
      <c r="DJ38" s="278">
        <v>0</v>
      </c>
      <c r="DK38" s="280">
        <v>0</v>
      </c>
      <c r="DL38" s="281">
        <v>0</v>
      </c>
      <c r="DM38" s="281">
        <v>0</v>
      </c>
      <c r="DN38" s="281">
        <v>0</v>
      </c>
      <c r="DO38" s="281">
        <v>0</v>
      </c>
      <c r="DP38" s="281">
        <v>0</v>
      </c>
      <c r="DQ38" s="278">
        <v>0</v>
      </c>
      <c r="DR38" s="283">
        <v>0</v>
      </c>
      <c r="DS38" s="277">
        <v>0</v>
      </c>
      <c r="DT38" s="281">
        <v>2</v>
      </c>
      <c r="DU38" s="278">
        <v>2</v>
      </c>
      <c r="DV38" s="280">
        <v>0</v>
      </c>
      <c r="DW38" s="281">
        <v>3</v>
      </c>
      <c r="DX38" s="281">
        <v>6</v>
      </c>
      <c r="DY38" s="281">
        <v>1</v>
      </c>
      <c r="DZ38" s="281">
        <v>1</v>
      </c>
      <c r="EA38" s="281">
        <v>3</v>
      </c>
      <c r="EB38" s="278">
        <v>14</v>
      </c>
      <c r="EC38" s="283">
        <v>16</v>
      </c>
      <c r="ED38" s="277">
        <v>0</v>
      </c>
      <c r="EE38" s="281">
        <v>0</v>
      </c>
      <c r="EF38" s="278">
        <v>0</v>
      </c>
      <c r="EG38" s="280">
        <v>0</v>
      </c>
      <c r="EH38" s="281">
        <v>0</v>
      </c>
      <c r="EI38" s="281">
        <v>2</v>
      </c>
      <c r="EJ38" s="281">
        <v>2</v>
      </c>
      <c r="EK38" s="281">
        <v>3</v>
      </c>
      <c r="EL38" s="281">
        <v>0</v>
      </c>
      <c r="EM38" s="278">
        <v>7</v>
      </c>
      <c r="EN38" s="283">
        <v>7</v>
      </c>
      <c r="EO38" s="277">
        <v>1</v>
      </c>
      <c r="EP38" s="281">
        <v>4</v>
      </c>
      <c r="EQ38" s="278">
        <v>5</v>
      </c>
      <c r="ER38" s="280">
        <v>0</v>
      </c>
      <c r="ES38" s="281">
        <v>8</v>
      </c>
      <c r="ET38" s="281">
        <v>8</v>
      </c>
      <c r="EU38" s="281">
        <v>1</v>
      </c>
      <c r="EV38" s="281">
        <v>3</v>
      </c>
      <c r="EW38" s="281">
        <v>3</v>
      </c>
      <c r="EX38" s="278">
        <v>23</v>
      </c>
      <c r="EY38" s="283">
        <v>28</v>
      </c>
    </row>
    <row r="39" spans="1:155" ht="19.5" customHeight="1" thickBot="1" x14ac:dyDescent="0.25">
      <c r="A39" s="263" t="s">
        <v>37</v>
      </c>
      <c r="B39" s="284">
        <v>0</v>
      </c>
      <c r="C39" s="288">
        <v>0</v>
      </c>
      <c r="D39" s="386">
        <v>0</v>
      </c>
      <c r="E39" s="287">
        <v>0</v>
      </c>
      <c r="F39" s="288">
        <v>0</v>
      </c>
      <c r="G39" s="288">
        <v>0</v>
      </c>
      <c r="H39" s="288">
        <v>0</v>
      </c>
      <c r="I39" s="288">
        <v>0</v>
      </c>
      <c r="J39" s="288">
        <v>1</v>
      </c>
      <c r="K39" s="289">
        <v>1</v>
      </c>
      <c r="L39" s="290">
        <v>1</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0</v>
      </c>
      <c r="AC39" s="288">
        <v>0</v>
      </c>
      <c r="AD39" s="288">
        <v>0</v>
      </c>
      <c r="AE39" s="288">
        <v>1</v>
      </c>
      <c r="AF39" s="288">
        <v>1</v>
      </c>
      <c r="AG39" s="285">
        <v>2</v>
      </c>
      <c r="AH39" s="290">
        <v>2</v>
      </c>
      <c r="AI39" s="284">
        <v>0</v>
      </c>
      <c r="AJ39" s="288">
        <v>0</v>
      </c>
      <c r="AK39" s="285">
        <v>0</v>
      </c>
      <c r="AL39" s="287">
        <v>0</v>
      </c>
      <c r="AM39" s="288">
        <v>0</v>
      </c>
      <c r="AN39" s="288">
        <v>0</v>
      </c>
      <c r="AO39" s="288">
        <v>0</v>
      </c>
      <c r="AP39" s="288">
        <v>0</v>
      </c>
      <c r="AQ39" s="288">
        <v>0</v>
      </c>
      <c r="AR39" s="285">
        <v>0</v>
      </c>
      <c r="AS39" s="290">
        <v>0</v>
      </c>
      <c r="AT39" s="284">
        <v>0</v>
      </c>
      <c r="AU39" s="288">
        <v>0</v>
      </c>
      <c r="AV39" s="285">
        <v>0</v>
      </c>
      <c r="AW39" s="287">
        <v>0</v>
      </c>
      <c r="AX39" s="288">
        <v>0</v>
      </c>
      <c r="AY39" s="288">
        <v>0</v>
      </c>
      <c r="AZ39" s="288">
        <v>0</v>
      </c>
      <c r="BA39" s="288">
        <v>1</v>
      </c>
      <c r="BB39" s="288">
        <v>1</v>
      </c>
      <c r="BC39" s="289">
        <v>2</v>
      </c>
      <c r="BD39" s="290">
        <v>2</v>
      </c>
      <c r="BE39" s="284">
        <v>0</v>
      </c>
      <c r="BF39" s="288">
        <v>0</v>
      </c>
      <c r="BG39" s="285">
        <v>0</v>
      </c>
      <c r="BH39" s="287">
        <v>0</v>
      </c>
      <c r="BI39" s="288">
        <v>0</v>
      </c>
      <c r="BJ39" s="288">
        <v>0</v>
      </c>
      <c r="BK39" s="288">
        <v>0</v>
      </c>
      <c r="BL39" s="288">
        <v>0</v>
      </c>
      <c r="BM39" s="288">
        <v>0</v>
      </c>
      <c r="BN39" s="285">
        <v>0</v>
      </c>
      <c r="BO39" s="290">
        <v>0</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0</v>
      </c>
      <c r="CI39" s="288">
        <v>1</v>
      </c>
      <c r="CJ39" s="285">
        <v>1</v>
      </c>
      <c r="CK39" s="290">
        <v>1</v>
      </c>
      <c r="CL39" s="284">
        <v>0</v>
      </c>
      <c r="CM39" s="288">
        <v>0</v>
      </c>
      <c r="CN39" s="285">
        <v>0</v>
      </c>
      <c r="CO39" s="287">
        <v>0</v>
      </c>
      <c r="CP39" s="288">
        <v>0</v>
      </c>
      <c r="CQ39" s="288">
        <v>0</v>
      </c>
      <c r="CR39" s="288">
        <v>0</v>
      </c>
      <c r="CS39" s="288">
        <v>1</v>
      </c>
      <c r="CT39" s="288">
        <v>0</v>
      </c>
      <c r="CU39" s="285">
        <v>1</v>
      </c>
      <c r="CV39" s="290">
        <v>1</v>
      </c>
      <c r="CW39" s="284">
        <v>0</v>
      </c>
      <c r="CX39" s="288">
        <v>0</v>
      </c>
      <c r="CY39" s="285">
        <v>0</v>
      </c>
      <c r="CZ39" s="287">
        <v>0</v>
      </c>
      <c r="DA39" s="288">
        <v>0</v>
      </c>
      <c r="DB39" s="288">
        <v>0</v>
      </c>
      <c r="DC39" s="288">
        <v>0</v>
      </c>
      <c r="DD39" s="288">
        <v>0</v>
      </c>
      <c r="DE39" s="288">
        <v>0</v>
      </c>
      <c r="DF39" s="285">
        <v>0</v>
      </c>
      <c r="DG39" s="290">
        <v>0</v>
      </c>
      <c r="DH39" s="284">
        <v>0</v>
      </c>
      <c r="DI39" s="288">
        <v>0</v>
      </c>
      <c r="DJ39" s="285">
        <v>0</v>
      </c>
      <c r="DK39" s="287">
        <v>0</v>
      </c>
      <c r="DL39" s="288">
        <v>0</v>
      </c>
      <c r="DM39" s="288">
        <v>0</v>
      </c>
      <c r="DN39" s="288">
        <v>0</v>
      </c>
      <c r="DO39" s="288">
        <v>0</v>
      </c>
      <c r="DP39" s="288">
        <v>0</v>
      </c>
      <c r="DQ39" s="285">
        <v>0</v>
      </c>
      <c r="DR39" s="290">
        <v>0</v>
      </c>
      <c r="DS39" s="284">
        <v>0</v>
      </c>
      <c r="DT39" s="288">
        <v>0</v>
      </c>
      <c r="DU39" s="285">
        <v>0</v>
      </c>
      <c r="DV39" s="287">
        <v>0</v>
      </c>
      <c r="DW39" s="288">
        <v>0</v>
      </c>
      <c r="DX39" s="288">
        <v>0</v>
      </c>
      <c r="DY39" s="288">
        <v>0</v>
      </c>
      <c r="DZ39" s="288">
        <v>1</v>
      </c>
      <c r="EA39" s="288">
        <v>1</v>
      </c>
      <c r="EB39" s="285">
        <v>2</v>
      </c>
      <c r="EC39" s="290">
        <v>2</v>
      </c>
      <c r="ED39" s="284">
        <v>0</v>
      </c>
      <c r="EE39" s="288">
        <v>0</v>
      </c>
      <c r="EF39" s="285">
        <v>0</v>
      </c>
      <c r="EG39" s="287">
        <v>0</v>
      </c>
      <c r="EH39" s="288">
        <v>0</v>
      </c>
      <c r="EI39" s="288">
        <v>0</v>
      </c>
      <c r="EJ39" s="288">
        <v>0</v>
      </c>
      <c r="EK39" s="288">
        <v>1</v>
      </c>
      <c r="EL39" s="288">
        <v>0</v>
      </c>
      <c r="EM39" s="285">
        <v>1</v>
      </c>
      <c r="EN39" s="290">
        <v>1</v>
      </c>
      <c r="EO39" s="284">
        <v>0</v>
      </c>
      <c r="EP39" s="288">
        <v>0</v>
      </c>
      <c r="EQ39" s="285">
        <v>0</v>
      </c>
      <c r="ER39" s="287">
        <v>0</v>
      </c>
      <c r="ES39" s="288">
        <v>0</v>
      </c>
      <c r="ET39" s="288">
        <v>0</v>
      </c>
      <c r="EU39" s="288">
        <v>1</v>
      </c>
      <c r="EV39" s="288">
        <v>1</v>
      </c>
      <c r="EW39" s="288">
        <v>1</v>
      </c>
      <c r="EX39" s="285">
        <v>3</v>
      </c>
      <c r="EY39" s="290">
        <v>3</v>
      </c>
    </row>
  </sheetData>
  <mergeCells count="59">
    <mergeCell ref="CL3:CV3"/>
    <mergeCell ref="H1:I1"/>
    <mergeCell ref="K1:L1"/>
    <mergeCell ref="A3:A5"/>
    <mergeCell ref="B3:L3"/>
    <mergeCell ref="M3:W3"/>
    <mergeCell ref="X3:AH3"/>
    <mergeCell ref="W4:W5"/>
    <mergeCell ref="X4:Z4"/>
    <mergeCell ref="AA4:AG4"/>
    <mergeCell ref="AH4:AH5"/>
    <mergeCell ref="AI3:AS3"/>
    <mergeCell ref="AT3:BD3"/>
    <mergeCell ref="BE3:BO3"/>
    <mergeCell ref="BP3:BZ3"/>
    <mergeCell ref="CA3:CK3"/>
    <mergeCell ref="B4:D4"/>
    <mergeCell ref="E4:K4"/>
    <mergeCell ref="L4:L5"/>
    <mergeCell ref="M4:O4"/>
    <mergeCell ref="P4:V4"/>
    <mergeCell ref="CW3:DG3"/>
    <mergeCell ref="DH3:DR3"/>
    <mergeCell ref="DS3:EC3"/>
    <mergeCell ref="ED3:EN3"/>
    <mergeCell ref="EO3:EY3"/>
    <mergeCell ref="BZ4:BZ5"/>
    <mergeCell ref="AI4:AK4"/>
    <mergeCell ref="AL4:AR4"/>
    <mergeCell ref="AS4:AS5"/>
    <mergeCell ref="AT4:AV4"/>
    <mergeCell ref="AW4:BC4"/>
    <mergeCell ref="BD4:BD5"/>
    <mergeCell ref="BE4:BG4"/>
    <mergeCell ref="BH4:BN4"/>
    <mergeCell ref="BO4:BO5"/>
    <mergeCell ref="BP4:BR4"/>
    <mergeCell ref="BS4:BY4"/>
    <mergeCell ref="DR4:DR5"/>
    <mergeCell ref="CA4:CC4"/>
    <mergeCell ref="CD4:CJ4"/>
    <mergeCell ref="CK4:CK5"/>
    <mergeCell ref="CL4:CN4"/>
    <mergeCell ref="CO4:CU4"/>
    <mergeCell ref="CV4:CV5"/>
    <mergeCell ref="CW4:CY4"/>
    <mergeCell ref="CZ4:DF4"/>
    <mergeCell ref="DG4:DG5"/>
    <mergeCell ref="DH4:DJ4"/>
    <mergeCell ref="DK4:DQ4"/>
    <mergeCell ref="EO4:EQ4"/>
    <mergeCell ref="ER4:EX4"/>
    <mergeCell ref="EY4:EY5"/>
    <mergeCell ref="DS4:DU4"/>
    <mergeCell ref="DV4:EB4"/>
    <mergeCell ref="EC4:EC5"/>
    <mergeCell ref="ED4:EF4"/>
    <mergeCell ref="EG4:EM4"/>
    <mergeCell ref="EN4:EN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56"/>
    <col min="5" max="5" width="7.77734375" style="256" customWidth="1"/>
    <col min="6" max="6" width="9" style="256"/>
    <col min="7" max="7" width="10.6640625" style="256" customWidth="1"/>
    <col min="8" max="15" width="9" style="256"/>
    <col min="16" max="16" width="7.77734375" style="256" customWidth="1"/>
    <col min="17" max="26" width="9" style="256"/>
    <col min="27" max="27" width="6.88671875" style="256" customWidth="1"/>
    <col min="28" max="37" width="9" style="256"/>
    <col min="38" max="38" width="7.21875" style="256" customWidth="1"/>
    <col min="39" max="48" width="9" style="256"/>
    <col min="49" max="49" width="7.44140625" style="256" customWidth="1"/>
    <col min="50" max="59" width="9" style="256"/>
    <col min="60" max="60" width="7.6640625" style="256" customWidth="1"/>
    <col min="61" max="70" width="9" style="256"/>
    <col min="71" max="71" width="7.88671875" style="256" customWidth="1"/>
    <col min="72" max="81" width="9" style="256"/>
    <col min="82" max="82" width="7" style="256" customWidth="1"/>
    <col min="83" max="92" width="9" style="256"/>
    <col min="93" max="93" width="7.6640625" style="256" customWidth="1"/>
    <col min="94" max="16384" width="9" style="256"/>
  </cols>
  <sheetData>
    <row r="1" spans="1:111" ht="19.5" customHeight="1" x14ac:dyDescent="0.2">
      <c r="A1" s="291" t="s">
        <v>123</v>
      </c>
      <c r="I1" s="528">
        <f>第１表!F2</f>
        <v>4</v>
      </c>
      <c r="J1" s="528"/>
      <c r="K1" s="248">
        <f>第１表!G2</f>
        <v>6</v>
      </c>
      <c r="L1" s="529">
        <f>IF(K1&lt;3,K1+12-2,K1-2)</f>
        <v>4</v>
      </c>
      <c r="M1" s="529"/>
    </row>
    <row r="2" spans="1:111" ht="17.25" customHeight="1" thickBot="1" x14ac:dyDescent="0.25">
      <c r="A2" s="291" t="s">
        <v>139</v>
      </c>
    </row>
    <row r="3" spans="1:111" ht="13.8" thickBot="1" x14ac:dyDescent="0.25">
      <c r="A3" s="549"/>
      <c r="B3" s="552" t="s">
        <v>112</v>
      </c>
      <c r="C3" s="552"/>
      <c r="D3" s="552"/>
      <c r="E3" s="552"/>
      <c r="F3" s="552"/>
      <c r="G3" s="552"/>
      <c r="H3" s="552"/>
      <c r="I3" s="552"/>
      <c r="J3" s="552"/>
      <c r="K3" s="552"/>
      <c r="L3" s="553"/>
      <c r="M3" s="547" t="s">
        <v>111</v>
      </c>
      <c r="N3" s="547"/>
      <c r="O3" s="547"/>
      <c r="P3" s="547"/>
      <c r="Q3" s="547"/>
      <c r="R3" s="547"/>
      <c r="S3" s="547"/>
      <c r="T3" s="547"/>
      <c r="U3" s="547"/>
      <c r="V3" s="547"/>
      <c r="W3" s="548"/>
      <c r="X3" s="546" t="s">
        <v>110</v>
      </c>
      <c r="Y3" s="547"/>
      <c r="Z3" s="547"/>
      <c r="AA3" s="547"/>
      <c r="AB3" s="547"/>
      <c r="AC3" s="547"/>
      <c r="AD3" s="547"/>
      <c r="AE3" s="547"/>
      <c r="AF3" s="547"/>
      <c r="AG3" s="547"/>
      <c r="AH3" s="548"/>
      <c r="AI3" s="546" t="s">
        <v>109</v>
      </c>
      <c r="AJ3" s="547"/>
      <c r="AK3" s="547"/>
      <c r="AL3" s="547"/>
      <c r="AM3" s="547"/>
      <c r="AN3" s="547"/>
      <c r="AO3" s="547"/>
      <c r="AP3" s="547"/>
      <c r="AQ3" s="547"/>
      <c r="AR3" s="547"/>
      <c r="AS3" s="548"/>
      <c r="AT3" s="546" t="s">
        <v>108</v>
      </c>
      <c r="AU3" s="547"/>
      <c r="AV3" s="547"/>
      <c r="AW3" s="547"/>
      <c r="AX3" s="547"/>
      <c r="AY3" s="547"/>
      <c r="AZ3" s="547"/>
      <c r="BA3" s="547"/>
      <c r="BB3" s="547"/>
      <c r="BC3" s="547"/>
      <c r="BD3" s="548"/>
      <c r="BE3" s="546" t="s">
        <v>107</v>
      </c>
      <c r="BF3" s="547"/>
      <c r="BG3" s="547"/>
      <c r="BH3" s="547"/>
      <c r="BI3" s="547"/>
      <c r="BJ3" s="547"/>
      <c r="BK3" s="547"/>
      <c r="BL3" s="547"/>
      <c r="BM3" s="547"/>
      <c r="BN3" s="547"/>
      <c r="BO3" s="548"/>
      <c r="BP3" s="546" t="s">
        <v>106</v>
      </c>
      <c r="BQ3" s="547"/>
      <c r="BR3" s="547"/>
      <c r="BS3" s="547"/>
      <c r="BT3" s="547"/>
      <c r="BU3" s="547"/>
      <c r="BV3" s="547"/>
      <c r="BW3" s="547"/>
      <c r="BX3" s="547"/>
      <c r="BY3" s="547"/>
      <c r="BZ3" s="548"/>
      <c r="CA3" s="546" t="s">
        <v>128</v>
      </c>
      <c r="CB3" s="547"/>
      <c r="CC3" s="547"/>
      <c r="CD3" s="547"/>
      <c r="CE3" s="547"/>
      <c r="CF3" s="547"/>
      <c r="CG3" s="547"/>
      <c r="CH3" s="547"/>
      <c r="CI3" s="547"/>
      <c r="CJ3" s="547"/>
      <c r="CK3" s="548"/>
      <c r="CL3" s="546" t="s">
        <v>105</v>
      </c>
      <c r="CM3" s="547"/>
      <c r="CN3" s="547"/>
      <c r="CO3" s="547"/>
      <c r="CP3" s="547"/>
      <c r="CQ3" s="547"/>
      <c r="CR3" s="547"/>
      <c r="CS3" s="547"/>
      <c r="CT3" s="547"/>
      <c r="CU3" s="547"/>
      <c r="CV3" s="548"/>
      <c r="CW3" s="546" t="s">
        <v>160</v>
      </c>
      <c r="CX3" s="547"/>
      <c r="CY3" s="547"/>
      <c r="CZ3" s="547"/>
      <c r="DA3" s="547"/>
      <c r="DB3" s="547"/>
      <c r="DC3" s="547"/>
      <c r="DD3" s="547"/>
      <c r="DE3" s="547"/>
      <c r="DF3" s="547"/>
      <c r="DG3" s="548"/>
    </row>
    <row r="4" spans="1:111" x14ac:dyDescent="0.2">
      <c r="A4" s="550"/>
      <c r="B4" s="554" t="s">
        <v>61</v>
      </c>
      <c r="C4" s="533"/>
      <c r="D4" s="534"/>
      <c r="E4" s="535" t="s">
        <v>62</v>
      </c>
      <c r="F4" s="533"/>
      <c r="G4" s="533"/>
      <c r="H4" s="533"/>
      <c r="I4" s="533"/>
      <c r="J4" s="533"/>
      <c r="K4" s="536"/>
      <c r="L4" s="530" t="s">
        <v>52</v>
      </c>
      <c r="M4" s="554" t="s">
        <v>61</v>
      </c>
      <c r="N4" s="533"/>
      <c r="O4" s="534"/>
      <c r="P4" s="535" t="s">
        <v>62</v>
      </c>
      <c r="Q4" s="533"/>
      <c r="R4" s="533"/>
      <c r="S4" s="533"/>
      <c r="T4" s="533"/>
      <c r="U4" s="533"/>
      <c r="V4" s="534"/>
      <c r="W4" s="530" t="s">
        <v>52</v>
      </c>
      <c r="X4" s="532" t="s">
        <v>61</v>
      </c>
      <c r="Y4" s="533"/>
      <c r="Z4" s="536"/>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6"/>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row>
    <row r="5" spans="1:111" ht="28.5" customHeight="1" thickBot="1" x14ac:dyDescent="0.25">
      <c r="A5" s="551"/>
      <c r="B5" s="265" t="s">
        <v>43</v>
      </c>
      <c r="C5" s="260" t="s">
        <v>44</v>
      </c>
      <c r="D5" s="383" t="s">
        <v>45</v>
      </c>
      <c r="E5" s="268" t="s">
        <v>83</v>
      </c>
      <c r="F5" s="260" t="s">
        <v>47</v>
      </c>
      <c r="G5" s="260" t="s">
        <v>48</v>
      </c>
      <c r="H5" s="260" t="s">
        <v>49</v>
      </c>
      <c r="I5" s="260" t="s">
        <v>50</v>
      </c>
      <c r="J5" s="260" t="s">
        <v>51</v>
      </c>
      <c r="K5" s="269" t="s">
        <v>45</v>
      </c>
      <c r="L5" s="531"/>
      <c r="M5" s="265" t="s">
        <v>43</v>
      </c>
      <c r="N5" s="260" t="s">
        <v>44</v>
      </c>
      <c r="O5" s="266" t="s">
        <v>45</v>
      </c>
      <c r="P5" s="268" t="s">
        <v>83</v>
      </c>
      <c r="Q5" s="260" t="s">
        <v>47</v>
      </c>
      <c r="R5" s="260" t="s">
        <v>48</v>
      </c>
      <c r="S5" s="260" t="s">
        <v>49</v>
      </c>
      <c r="T5" s="260" t="s">
        <v>50</v>
      </c>
      <c r="U5" s="260" t="s">
        <v>51</v>
      </c>
      <c r="V5" s="266" t="s">
        <v>45</v>
      </c>
      <c r="W5" s="531"/>
      <c r="X5" s="312" t="s">
        <v>43</v>
      </c>
      <c r="Y5" s="260" t="s">
        <v>44</v>
      </c>
      <c r="Z5" s="269" t="s">
        <v>45</v>
      </c>
      <c r="AA5" s="268" t="s">
        <v>83</v>
      </c>
      <c r="AB5" s="260" t="s">
        <v>47</v>
      </c>
      <c r="AC5" s="260" t="s">
        <v>48</v>
      </c>
      <c r="AD5" s="260" t="s">
        <v>49</v>
      </c>
      <c r="AE5" s="260" t="s">
        <v>50</v>
      </c>
      <c r="AF5" s="260" t="s">
        <v>51</v>
      </c>
      <c r="AG5" s="266" t="s">
        <v>45</v>
      </c>
      <c r="AH5" s="531"/>
      <c r="AI5" s="264" t="s">
        <v>43</v>
      </c>
      <c r="AJ5" s="260" t="s">
        <v>44</v>
      </c>
      <c r="AK5" s="266" t="s">
        <v>45</v>
      </c>
      <c r="AL5" s="268" t="s">
        <v>83</v>
      </c>
      <c r="AM5" s="260" t="s">
        <v>47</v>
      </c>
      <c r="AN5" s="260" t="s">
        <v>48</v>
      </c>
      <c r="AO5" s="260" t="s">
        <v>49</v>
      </c>
      <c r="AP5" s="260" t="s">
        <v>50</v>
      </c>
      <c r="AQ5" s="260" t="s">
        <v>51</v>
      </c>
      <c r="AR5" s="266" t="s">
        <v>45</v>
      </c>
      <c r="AS5" s="531"/>
      <c r="AT5" s="312" t="s">
        <v>43</v>
      </c>
      <c r="AU5" s="260" t="s">
        <v>44</v>
      </c>
      <c r="AV5" s="269" t="s">
        <v>45</v>
      </c>
      <c r="AW5" s="268" t="s">
        <v>83</v>
      </c>
      <c r="AX5" s="260" t="s">
        <v>47</v>
      </c>
      <c r="AY5" s="260" t="s">
        <v>48</v>
      </c>
      <c r="AZ5" s="260" t="s">
        <v>49</v>
      </c>
      <c r="BA5" s="260" t="s">
        <v>50</v>
      </c>
      <c r="BB5" s="260" t="s">
        <v>51</v>
      </c>
      <c r="BC5" s="269" t="s">
        <v>45</v>
      </c>
      <c r="BD5" s="531"/>
      <c r="BE5" s="312" t="s">
        <v>43</v>
      </c>
      <c r="BF5" s="260" t="s">
        <v>44</v>
      </c>
      <c r="BG5" s="266" t="s">
        <v>45</v>
      </c>
      <c r="BH5" s="268" t="s">
        <v>83</v>
      </c>
      <c r="BI5" s="260" t="s">
        <v>47</v>
      </c>
      <c r="BJ5" s="260" t="s">
        <v>48</v>
      </c>
      <c r="BK5" s="260" t="s">
        <v>49</v>
      </c>
      <c r="BL5" s="260" t="s">
        <v>50</v>
      </c>
      <c r="BM5" s="260" t="s">
        <v>51</v>
      </c>
      <c r="BN5" s="266" t="s">
        <v>45</v>
      </c>
      <c r="BO5" s="531"/>
      <c r="BP5" s="312" t="s">
        <v>43</v>
      </c>
      <c r="BQ5" s="260" t="s">
        <v>44</v>
      </c>
      <c r="BR5" s="266" t="s">
        <v>45</v>
      </c>
      <c r="BS5" s="268" t="s">
        <v>83</v>
      </c>
      <c r="BT5" s="260" t="s">
        <v>47</v>
      </c>
      <c r="BU5" s="260" t="s">
        <v>48</v>
      </c>
      <c r="BV5" s="260" t="s">
        <v>49</v>
      </c>
      <c r="BW5" s="260" t="s">
        <v>50</v>
      </c>
      <c r="BX5" s="260" t="s">
        <v>51</v>
      </c>
      <c r="BY5" s="266" t="s">
        <v>45</v>
      </c>
      <c r="BZ5" s="531"/>
      <c r="CA5" s="312" t="s">
        <v>43</v>
      </c>
      <c r="CB5" s="260" t="s">
        <v>44</v>
      </c>
      <c r="CC5" s="266" t="s">
        <v>45</v>
      </c>
      <c r="CD5" s="268" t="s">
        <v>83</v>
      </c>
      <c r="CE5" s="260" t="s">
        <v>47</v>
      </c>
      <c r="CF5" s="260" t="s">
        <v>48</v>
      </c>
      <c r="CG5" s="260" t="s">
        <v>49</v>
      </c>
      <c r="CH5" s="260" t="s">
        <v>50</v>
      </c>
      <c r="CI5" s="260" t="s">
        <v>51</v>
      </c>
      <c r="CJ5" s="266" t="s">
        <v>45</v>
      </c>
      <c r="CK5" s="531"/>
      <c r="CL5" s="312" t="s">
        <v>43</v>
      </c>
      <c r="CM5" s="260" t="s">
        <v>44</v>
      </c>
      <c r="CN5" s="266" t="s">
        <v>45</v>
      </c>
      <c r="CO5" s="268" t="s">
        <v>83</v>
      </c>
      <c r="CP5" s="260" t="s">
        <v>47</v>
      </c>
      <c r="CQ5" s="260" t="s">
        <v>48</v>
      </c>
      <c r="CR5" s="260" t="s">
        <v>49</v>
      </c>
      <c r="CS5" s="260" t="s">
        <v>50</v>
      </c>
      <c r="CT5" s="260" t="s">
        <v>51</v>
      </c>
      <c r="CU5" s="266" t="s">
        <v>45</v>
      </c>
      <c r="CV5" s="531"/>
      <c r="CW5" s="366" t="s">
        <v>43</v>
      </c>
      <c r="CX5" s="260" t="s">
        <v>44</v>
      </c>
      <c r="CY5" s="266" t="s">
        <v>45</v>
      </c>
      <c r="CZ5" s="268" t="s">
        <v>83</v>
      </c>
      <c r="DA5" s="260" t="s">
        <v>47</v>
      </c>
      <c r="DB5" s="260" t="s">
        <v>48</v>
      </c>
      <c r="DC5" s="260" t="s">
        <v>49</v>
      </c>
      <c r="DD5" s="260" t="s">
        <v>50</v>
      </c>
      <c r="DE5" s="260" t="s">
        <v>51</v>
      </c>
      <c r="DF5" s="266" t="s">
        <v>45</v>
      </c>
      <c r="DG5" s="531"/>
    </row>
    <row r="6" spans="1:111" ht="18.75" customHeight="1" x14ac:dyDescent="0.2">
      <c r="A6" s="261" t="s">
        <v>4</v>
      </c>
      <c r="B6" s="270">
        <v>1</v>
      </c>
      <c r="C6" s="274">
        <v>0</v>
      </c>
      <c r="D6" s="384">
        <v>1</v>
      </c>
      <c r="E6" s="273">
        <v>0</v>
      </c>
      <c r="F6" s="274">
        <v>204886</v>
      </c>
      <c r="G6" s="274">
        <v>322728</v>
      </c>
      <c r="H6" s="274">
        <v>331795</v>
      </c>
      <c r="I6" s="274">
        <v>395916</v>
      </c>
      <c r="J6" s="274">
        <v>381187</v>
      </c>
      <c r="K6" s="275">
        <v>1636512</v>
      </c>
      <c r="L6" s="276">
        <v>1636513</v>
      </c>
      <c r="M6" s="270">
        <v>5</v>
      </c>
      <c r="N6" s="274">
        <v>114</v>
      </c>
      <c r="O6" s="271">
        <v>119</v>
      </c>
      <c r="P6" s="273">
        <v>0</v>
      </c>
      <c r="Q6" s="274">
        <v>485</v>
      </c>
      <c r="R6" s="274">
        <v>2053</v>
      </c>
      <c r="S6" s="274">
        <v>3815</v>
      </c>
      <c r="T6" s="274">
        <v>8996</v>
      </c>
      <c r="U6" s="274">
        <v>18687</v>
      </c>
      <c r="V6" s="271">
        <v>34036</v>
      </c>
      <c r="W6" s="276">
        <v>34155</v>
      </c>
      <c r="X6" s="270">
        <v>11205</v>
      </c>
      <c r="Y6" s="274">
        <v>34790</v>
      </c>
      <c r="Z6" s="271">
        <v>45995</v>
      </c>
      <c r="AA6" s="273">
        <v>0</v>
      </c>
      <c r="AB6" s="274">
        <v>93145</v>
      </c>
      <c r="AC6" s="274">
        <v>149188</v>
      </c>
      <c r="AD6" s="274">
        <v>95161</v>
      </c>
      <c r="AE6" s="274">
        <v>86588</v>
      </c>
      <c r="AF6" s="274">
        <v>73091</v>
      </c>
      <c r="AG6" s="271">
        <v>497173</v>
      </c>
      <c r="AH6" s="276">
        <v>543168</v>
      </c>
      <c r="AI6" s="270">
        <v>2187</v>
      </c>
      <c r="AJ6" s="274">
        <v>7610</v>
      </c>
      <c r="AK6" s="271">
        <v>9797</v>
      </c>
      <c r="AL6" s="273">
        <v>0</v>
      </c>
      <c r="AM6" s="274">
        <v>11784</v>
      </c>
      <c r="AN6" s="274">
        <v>20120</v>
      </c>
      <c r="AO6" s="274">
        <v>13100</v>
      </c>
      <c r="AP6" s="274">
        <v>12016</v>
      </c>
      <c r="AQ6" s="274">
        <v>7381</v>
      </c>
      <c r="AR6" s="271">
        <v>64401</v>
      </c>
      <c r="AS6" s="276">
        <v>74198</v>
      </c>
      <c r="AT6" s="270">
        <v>0</v>
      </c>
      <c r="AU6" s="274">
        <v>0</v>
      </c>
      <c r="AV6" s="271">
        <v>0</v>
      </c>
      <c r="AW6" s="273">
        <v>0</v>
      </c>
      <c r="AX6" s="274">
        <v>181033</v>
      </c>
      <c r="AY6" s="274">
        <v>182358</v>
      </c>
      <c r="AZ6" s="274">
        <v>115571</v>
      </c>
      <c r="BA6" s="274">
        <v>66422</v>
      </c>
      <c r="BB6" s="274">
        <v>31304</v>
      </c>
      <c r="BC6" s="275">
        <v>576688</v>
      </c>
      <c r="BD6" s="276">
        <v>576688</v>
      </c>
      <c r="BE6" s="270">
        <v>0</v>
      </c>
      <c r="BF6" s="274">
        <v>0</v>
      </c>
      <c r="BG6" s="271">
        <v>0</v>
      </c>
      <c r="BH6" s="273">
        <v>0</v>
      </c>
      <c r="BI6" s="274">
        <v>29767</v>
      </c>
      <c r="BJ6" s="274">
        <v>46485</v>
      </c>
      <c r="BK6" s="274">
        <v>27721</v>
      </c>
      <c r="BL6" s="274">
        <v>17920</v>
      </c>
      <c r="BM6" s="274">
        <v>6314</v>
      </c>
      <c r="BN6" s="271">
        <v>128207</v>
      </c>
      <c r="BO6" s="276">
        <v>128207</v>
      </c>
      <c r="BP6" s="270">
        <v>309</v>
      </c>
      <c r="BQ6" s="274">
        <v>1081</v>
      </c>
      <c r="BR6" s="271">
        <v>1390</v>
      </c>
      <c r="BS6" s="273">
        <v>0</v>
      </c>
      <c r="BT6" s="274">
        <v>15218</v>
      </c>
      <c r="BU6" s="274">
        <v>29616</v>
      </c>
      <c r="BV6" s="274">
        <v>52668</v>
      </c>
      <c r="BW6" s="274">
        <v>42022</v>
      </c>
      <c r="BX6" s="274">
        <v>19928</v>
      </c>
      <c r="BY6" s="271">
        <v>159452</v>
      </c>
      <c r="BZ6" s="276">
        <v>160842</v>
      </c>
      <c r="CA6" s="270">
        <v>14</v>
      </c>
      <c r="CB6" s="274">
        <v>117</v>
      </c>
      <c r="CC6" s="271">
        <v>131</v>
      </c>
      <c r="CD6" s="273">
        <v>0</v>
      </c>
      <c r="CE6" s="274">
        <v>1143</v>
      </c>
      <c r="CF6" s="274">
        <v>2858</v>
      </c>
      <c r="CG6" s="274">
        <v>4115</v>
      </c>
      <c r="CH6" s="274">
        <v>3688</v>
      </c>
      <c r="CI6" s="274">
        <v>2407</v>
      </c>
      <c r="CJ6" s="271">
        <v>14211</v>
      </c>
      <c r="CK6" s="276">
        <v>14342</v>
      </c>
      <c r="CL6" s="270">
        <v>0</v>
      </c>
      <c r="CM6" s="274">
        <v>0</v>
      </c>
      <c r="CN6" s="271">
        <v>0</v>
      </c>
      <c r="CO6" s="273">
        <v>0</v>
      </c>
      <c r="CP6" s="274">
        <v>0</v>
      </c>
      <c r="CQ6" s="274">
        <v>0</v>
      </c>
      <c r="CR6" s="274">
        <v>0</v>
      </c>
      <c r="CS6" s="274">
        <v>0</v>
      </c>
      <c r="CT6" s="274">
        <v>0</v>
      </c>
      <c r="CU6" s="271">
        <v>0</v>
      </c>
      <c r="CV6" s="276">
        <v>0</v>
      </c>
      <c r="CW6" s="270">
        <v>0</v>
      </c>
      <c r="CX6" s="274">
        <v>0</v>
      </c>
      <c r="CY6" s="271">
        <v>0</v>
      </c>
      <c r="CZ6" s="273">
        <v>0</v>
      </c>
      <c r="DA6" s="274">
        <v>0</v>
      </c>
      <c r="DB6" s="274">
        <v>0</v>
      </c>
      <c r="DC6" s="274">
        <v>3</v>
      </c>
      <c r="DD6" s="274">
        <v>0</v>
      </c>
      <c r="DE6" s="274">
        <v>0</v>
      </c>
      <c r="DF6" s="271">
        <v>3</v>
      </c>
      <c r="DG6" s="276">
        <v>3</v>
      </c>
    </row>
    <row r="7" spans="1:111" ht="18.75" customHeight="1" x14ac:dyDescent="0.2">
      <c r="A7" s="262" t="s">
        <v>5</v>
      </c>
      <c r="B7" s="277">
        <v>0</v>
      </c>
      <c r="C7" s="281">
        <v>0</v>
      </c>
      <c r="D7" s="385">
        <v>0</v>
      </c>
      <c r="E7" s="280">
        <v>0</v>
      </c>
      <c r="F7" s="281">
        <v>68190</v>
      </c>
      <c r="G7" s="281">
        <v>141049</v>
      </c>
      <c r="H7" s="281">
        <v>124325</v>
      </c>
      <c r="I7" s="281">
        <v>137396</v>
      </c>
      <c r="J7" s="281">
        <v>141920</v>
      </c>
      <c r="K7" s="282">
        <v>612880</v>
      </c>
      <c r="L7" s="283">
        <v>612880</v>
      </c>
      <c r="M7" s="277">
        <v>2</v>
      </c>
      <c r="N7" s="281">
        <v>49</v>
      </c>
      <c r="O7" s="278">
        <v>51</v>
      </c>
      <c r="P7" s="280">
        <v>0</v>
      </c>
      <c r="Q7" s="281">
        <v>127</v>
      </c>
      <c r="R7" s="281">
        <v>762</v>
      </c>
      <c r="S7" s="281">
        <v>1428</v>
      </c>
      <c r="T7" s="281">
        <v>3612</v>
      </c>
      <c r="U7" s="281">
        <v>8235</v>
      </c>
      <c r="V7" s="278">
        <v>14164</v>
      </c>
      <c r="W7" s="283">
        <v>14215</v>
      </c>
      <c r="X7" s="277">
        <v>4963</v>
      </c>
      <c r="Y7" s="281">
        <v>17429</v>
      </c>
      <c r="Z7" s="278">
        <v>22392</v>
      </c>
      <c r="AA7" s="280">
        <v>0</v>
      </c>
      <c r="AB7" s="281">
        <v>33547</v>
      </c>
      <c r="AC7" s="281">
        <v>79310</v>
      </c>
      <c r="AD7" s="281">
        <v>46893</v>
      </c>
      <c r="AE7" s="281">
        <v>40606</v>
      </c>
      <c r="AF7" s="281">
        <v>33458</v>
      </c>
      <c r="AG7" s="278">
        <v>233814</v>
      </c>
      <c r="AH7" s="283">
        <v>256206</v>
      </c>
      <c r="AI7" s="277">
        <v>905</v>
      </c>
      <c r="AJ7" s="281">
        <v>4008</v>
      </c>
      <c r="AK7" s="278">
        <v>4913</v>
      </c>
      <c r="AL7" s="280">
        <v>0</v>
      </c>
      <c r="AM7" s="281">
        <v>2808</v>
      </c>
      <c r="AN7" s="281">
        <v>8581</v>
      </c>
      <c r="AO7" s="281">
        <v>5312</v>
      </c>
      <c r="AP7" s="281">
        <v>5102</v>
      </c>
      <c r="AQ7" s="281">
        <v>2864</v>
      </c>
      <c r="AR7" s="278">
        <v>24667</v>
      </c>
      <c r="AS7" s="283">
        <v>29580</v>
      </c>
      <c r="AT7" s="277">
        <v>0</v>
      </c>
      <c r="AU7" s="281">
        <v>0</v>
      </c>
      <c r="AV7" s="278">
        <v>0</v>
      </c>
      <c r="AW7" s="280">
        <v>0</v>
      </c>
      <c r="AX7" s="281">
        <v>56564</v>
      </c>
      <c r="AY7" s="281">
        <v>73678</v>
      </c>
      <c r="AZ7" s="281">
        <v>41835</v>
      </c>
      <c r="BA7" s="281">
        <v>22445</v>
      </c>
      <c r="BB7" s="281">
        <v>11251</v>
      </c>
      <c r="BC7" s="282">
        <v>205773</v>
      </c>
      <c r="BD7" s="283">
        <v>205773</v>
      </c>
      <c r="BE7" s="277">
        <v>0</v>
      </c>
      <c r="BF7" s="281">
        <v>0</v>
      </c>
      <c r="BG7" s="278">
        <v>0</v>
      </c>
      <c r="BH7" s="280">
        <v>0</v>
      </c>
      <c r="BI7" s="281">
        <v>8611</v>
      </c>
      <c r="BJ7" s="281">
        <v>21047</v>
      </c>
      <c r="BK7" s="281">
        <v>12060</v>
      </c>
      <c r="BL7" s="281">
        <v>7504</v>
      </c>
      <c r="BM7" s="281">
        <v>2808</v>
      </c>
      <c r="BN7" s="278">
        <v>52030</v>
      </c>
      <c r="BO7" s="283">
        <v>52030</v>
      </c>
      <c r="BP7" s="277">
        <v>83</v>
      </c>
      <c r="BQ7" s="281">
        <v>487</v>
      </c>
      <c r="BR7" s="278">
        <v>570</v>
      </c>
      <c r="BS7" s="280">
        <v>0</v>
      </c>
      <c r="BT7" s="281">
        <v>4384</v>
      </c>
      <c r="BU7" s="281">
        <v>11791</v>
      </c>
      <c r="BV7" s="281">
        <v>19492</v>
      </c>
      <c r="BW7" s="281">
        <v>15767</v>
      </c>
      <c r="BX7" s="281">
        <v>7307</v>
      </c>
      <c r="BY7" s="278">
        <v>58741</v>
      </c>
      <c r="BZ7" s="283">
        <v>59311</v>
      </c>
      <c r="CA7" s="277">
        <v>6</v>
      </c>
      <c r="CB7" s="281">
        <v>46</v>
      </c>
      <c r="CC7" s="278">
        <v>52</v>
      </c>
      <c r="CD7" s="280">
        <v>0</v>
      </c>
      <c r="CE7" s="281">
        <v>586</v>
      </c>
      <c r="CF7" s="281">
        <v>1727</v>
      </c>
      <c r="CG7" s="281">
        <v>2312</v>
      </c>
      <c r="CH7" s="281">
        <v>2154</v>
      </c>
      <c r="CI7" s="281">
        <v>1495</v>
      </c>
      <c r="CJ7" s="278">
        <v>8274</v>
      </c>
      <c r="CK7" s="283">
        <v>8326</v>
      </c>
      <c r="CL7" s="277">
        <v>0</v>
      </c>
      <c r="CM7" s="281">
        <v>0</v>
      </c>
      <c r="CN7" s="278">
        <v>0</v>
      </c>
      <c r="CO7" s="280">
        <v>0</v>
      </c>
      <c r="CP7" s="281">
        <v>0</v>
      </c>
      <c r="CQ7" s="281">
        <v>0</v>
      </c>
      <c r="CR7" s="281">
        <v>0</v>
      </c>
      <c r="CS7" s="281">
        <v>0</v>
      </c>
      <c r="CT7" s="281">
        <v>0</v>
      </c>
      <c r="CU7" s="278">
        <v>0</v>
      </c>
      <c r="CV7" s="283">
        <v>0</v>
      </c>
      <c r="CW7" s="277">
        <v>0</v>
      </c>
      <c r="CX7" s="281">
        <v>0</v>
      </c>
      <c r="CY7" s="278">
        <v>0</v>
      </c>
      <c r="CZ7" s="280">
        <v>0</v>
      </c>
      <c r="DA7" s="281">
        <v>0</v>
      </c>
      <c r="DB7" s="281">
        <v>0</v>
      </c>
      <c r="DC7" s="281">
        <v>0</v>
      </c>
      <c r="DD7" s="281">
        <v>0</v>
      </c>
      <c r="DE7" s="281">
        <v>0</v>
      </c>
      <c r="DF7" s="278">
        <v>0</v>
      </c>
      <c r="DG7" s="283">
        <v>0</v>
      </c>
    </row>
    <row r="8" spans="1:111" ht="18.75" customHeight="1" x14ac:dyDescent="0.2">
      <c r="A8" s="262" t="s">
        <v>6</v>
      </c>
      <c r="B8" s="277">
        <v>0</v>
      </c>
      <c r="C8" s="281">
        <v>0</v>
      </c>
      <c r="D8" s="385">
        <v>0</v>
      </c>
      <c r="E8" s="280">
        <v>0</v>
      </c>
      <c r="F8" s="281">
        <v>35213</v>
      </c>
      <c r="G8" s="281">
        <v>46483</v>
      </c>
      <c r="H8" s="281">
        <v>51980</v>
      </c>
      <c r="I8" s="281">
        <v>63494</v>
      </c>
      <c r="J8" s="281">
        <v>63488</v>
      </c>
      <c r="K8" s="282">
        <v>260658</v>
      </c>
      <c r="L8" s="283">
        <v>260658</v>
      </c>
      <c r="M8" s="277">
        <v>0</v>
      </c>
      <c r="N8" s="281">
        <v>27</v>
      </c>
      <c r="O8" s="278">
        <v>27</v>
      </c>
      <c r="P8" s="280">
        <v>0</v>
      </c>
      <c r="Q8" s="281">
        <v>59</v>
      </c>
      <c r="R8" s="281">
        <v>232</v>
      </c>
      <c r="S8" s="281">
        <v>479</v>
      </c>
      <c r="T8" s="281">
        <v>1303</v>
      </c>
      <c r="U8" s="281">
        <v>2541</v>
      </c>
      <c r="V8" s="278">
        <v>4614</v>
      </c>
      <c r="W8" s="283">
        <v>4641</v>
      </c>
      <c r="X8" s="277">
        <v>1934</v>
      </c>
      <c r="Y8" s="281">
        <v>5660</v>
      </c>
      <c r="Z8" s="278">
        <v>7594</v>
      </c>
      <c r="AA8" s="280">
        <v>0</v>
      </c>
      <c r="AB8" s="281">
        <v>20352</v>
      </c>
      <c r="AC8" s="281">
        <v>20826</v>
      </c>
      <c r="AD8" s="281">
        <v>14514</v>
      </c>
      <c r="AE8" s="281">
        <v>15025</v>
      </c>
      <c r="AF8" s="281">
        <v>11994</v>
      </c>
      <c r="AG8" s="278">
        <v>82711</v>
      </c>
      <c r="AH8" s="283">
        <v>90305</v>
      </c>
      <c r="AI8" s="277">
        <v>205</v>
      </c>
      <c r="AJ8" s="281">
        <v>523</v>
      </c>
      <c r="AK8" s="278">
        <v>728</v>
      </c>
      <c r="AL8" s="280">
        <v>0</v>
      </c>
      <c r="AM8" s="281">
        <v>1801</v>
      </c>
      <c r="AN8" s="281">
        <v>2612</v>
      </c>
      <c r="AO8" s="281">
        <v>1536</v>
      </c>
      <c r="AP8" s="281">
        <v>1597</v>
      </c>
      <c r="AQ8" s="281">
        <v>919</v>
      </c>
      <c r="AR8" s="278">
        <v>8465</v>
      </c>
      <c r="AS8" s="283">
        <v>9193</v>
      </c>
      <c r="AT8" s="277">
        <v>0</v>
      </c>
      <c r="AU8" s="281">
        <v>0</v>
      </c>
      <c r="AV8" s="278">
        <v>0</v>
      </c>
      <c r="AW8" s="280">
        <v>0</v>
      </c>
      <c r="AX8" s="281">
        <v>30462</v>
      </c>
      <c r="AY8" s="281">
        <v>23393</v>
      </c>
      <c r="AZ8" s="281">
        <v>15303</v>
      </c>
      <c r="BA8" s="281">
        <v>9824</v>
      </c>
      <c r="BB8" s="281">
        <v>4681</v>
      </c>
      <c r="BC8" s="282">
        <v>83663</v>
      </c>
      <c r="BD8" s="283">
        <v>83663</v>
      </c>
      <c r="BE8" s="277">
        <v>0</v>
      </c>
      <c r="BF8" s="281">
        <v>0</v>
      </c>
      <c r="BG8" s="278">
        <v>0</v>
      </c>
      <c r="BH8" s="280">
        <v>0</v>
      </c>
      <c r="BI8" s="281">
        <v>4136</v>
      </c>
      <c r="BJ8" s="281">
        <v>5272</v>
      </c>
      <c r="BK8" s="281">
        <v>3713</v>
      </c>
      <c r="BL8" s="281">
        <v>2720</v>
      </c>
      <c r="BM8" s="281">
        <v>858</v>
      </c>
      <c r="BN8" s="278">
        <v>16699</v>
      </c>
      <c r="BO8" s="283">
        <v>16699</v>
      </c>
      <c r="BP8" s="277">
        <v>67</v>
      </c>
      <c r="BQ8" s="281">
        <v>83</v>
      </c>
      <c r="BR8" s="278">
        <v>150</v>
      </c>
      <c r="BS8" s="280">
        <v>0</v>
      </c>
      <c r="BT8" s="281">
        <v>2040</v>
      </c>
      <c r="BU8" s="281">
        <v>3164</v>
      </c>
      <c r="BV8" s="281">
        <v>5511</v>
      </c>
      <c r="BW8" s="281">
        <v>5093</v>
      </c>
      <c r="BX8" s="281">
        <v>2488</v>
      </c>
      <c r="BY8" s="278">
        <v>18296</v>
      </c>
      <c r="BZ8" s="283">
        <v>18446</v>
      </c>
      <c r="CA8" s="277">
        <v>7</v>
      </c>
      <c r="CB8" s="281">
        <v>1</v>
      </c>
      <c r="CC8" s="278">
        <v>8</v>
      </c>
      <c r="CD8" s="280">
        <v>0</v>
      </c>
      <c r="CE8" s="281">
        <v>135</v>
      </c>
      <c r="CF8" s="281">
        <v>278</v>
      </c>
      <c r="CG8" s="281">
        <v>483</v>
      </c>
      <c r="CH8" s="281">
        <v>503</v>
      </c>
      <c r="CI8" s="281">
        <v>310</v>
      </c>
      <c r="CJ8" s="278">
        <v>1709</v>
      </c>
      <c r="CK8" s="283">
        <v>1717</v>
      </c>
      <c r="CL8" s="277">
        <v>0</v>
      </c>
      <c r="CM8" s="281">
        <v>0</v>
      </c>
      <c r="CN8" s="278">
        <v>0</v>
      </c>
      <c r="CO8" s="280">
        <v>0</v>
      </c>
      <c r="CP8" s="281">
        <v>0</v>
      </c>
      <c r="CQ8" s="281">
        <v>0</v>
      </c>
      <c r="CR8" s="281">
        <v>0</v>
      </c>
      <c r="CS8" s="281">
        <v>0</v>
      </c>
      <c r="CT8" s="281">
        <v>0</v>
      </c>
      <c r="CU8" s="278">
        <v>0</v>
      </c>
      <c r="CV8" s="283">
        <v>0</v>
      </c>
      <c r="CW8" s="277">
        <v>0</v>
      </c>
      <c r="CX8" s="281">
        <v>0</v>
      </c>
      <c r="CY8" s="278">
        <v>0</v>
      </c>
      <c r="CZ8" s="280">
        <v>0</v>
      </c>
      <c r="DA8" s="281">
        <v>0</v>
      </c>
      <c r="DB8" s="281">
        <v>0</v>
      </c>
      <c r="DC8" s="281">
        <v>0</v>
      </c>
      <c r="DD8" s="281">
        <v>0</v>
      </c>
      <c r="DE8" s="281">
        <v>0</v>
      </c>
      <c r="DF8" s="278">
        <v>0</v>
      </c>
      <c r="DG8" s="283">
        <v>0</v>
      </c>
    </row>
    <row r="9" spans="1:111" ht="18.75" customHeight="1" x14ac:dyDescent="0.2">
      <c r="A9" s="262" t="s">
        <v>14</v>
      </c>
      <c r="B9" s="277">
        <v>0</v>
      </c>
      <c r="C9" s="281">
        <v>0</v>
      </c>
      <c r="D9" s="385">
        <v>0</v>
      </c>
      <c r="E9" s="280">
        <v>0</v>
      </c>
      <c r="F9" s="281">
        <v>14390</v>
      </c>
      <c r="G9" s="281">
        <v>23728</v>
      </c>
      <c r="H9" s="281">
        <v>25598</v>
      </c>
      <c r="I9" s="281">
        <v>27047</v>
      </c>
      <c r="J9" s="281">
        <v>23950</v>
      </c>
      <c r="K9" s="282">
        <v>114713</v>
      </c>
      <c r="L9" s="283">
        <v>114713</v>
      </c>
      <c r="M9" s="277">
        <v>0</v>
      </c>
      <c r="N9" s="281">
        <v>7</v>
      </c>
      <c r="O9" s="278">
        <v>7</v>
      </c>
      <c r="P9" s="280">
        <v>0</v>
      </c>
      <c r="Q9" s="281">
        <v>9</v>
      </c>
      <c r="R9" s="281">
        <v>103</v>
      </c>
      <c r="S9" s="281">
        <v>281</v>
      </c>
      <c r="T9" s="281">
        <v>602</v>
      </c>
      <c r="U9" s="281">
        <v>1312</v>
      </c>
      <c r="V9" s="278">
        <v>2307</v>
      </c>
      <c r="W9" s="283">
        <v>2314</v>
      </c>
      <c r="X9" s="277">
        <v>693</v>
      </c>
      <c r="Y9" s="281">
        <v>2806</v>
      </c>
      <c r="Z9" s="278">
        <v>3499</v>
      </c>
      <c r="AA9" s="280">
        <v>0</v>
      </c>
      <c r="AB9" s="281">
        <v>4932</v>
      </c>
      <c r="AC9" s="281">
        <v>9720</v>
      </c>
      <c r="AD9" s="281">
        <v>7094</v>
      </c>
      <c r="AE9" s="281">
        <v>6654</v>
      </c>
      <c r="AF9" s="281">
        <v>5666</v>
      </c>
      <c r="AG9" s="278">
        <v>34066</v>
      </c>
      <c r="AH9" s="283">
        <v>37565</v>
      </c>
      <c r="AI9" s="277">
        <v>77</v>
      </c>
      <c r="AJ9" s="281">
        <v>417</v>
      </c>
      <c r="AK9" s="278">
        <v>494</v>
      </c>
      <c r="AL9" s="280">
        <v>0</v>
      </c>
      <c r="AM9" s="281">
        <v>207</v>
      </c>
      <c r="AN9" s="281">
        <v>826</v>
      </c>
      <c r="AO9" s="281">
        <v>868</v>
      </c>
      <c r="AP9" s="281">
        <v>575</v>
      </c>
      <c r="AQ9" s="281">
        <v>281</v>
      </c>
      <c r="AR9" s="278">
        <v>2757</v>
      </c>
      <c r="AS9" s="283">
        <v>3251</v>
      </c>
      <c r="AT9" s="277">
        <v>0</v>
      </c>
      <c r="AU9" s="281">
        <v>0</v>
      </c>
      <c r="AV9" s="278">
        <v>0</v>
      </c>
      <c r="AW9" s="280">
        <v>0</v>
      </c>
      <c r="AX9" s="281">
        <v>12623</v>
      </c>
      <c r="AY9" s="281">
        <v>14570</v>
      </c>
      <c r="AZ9" s="281">
        <v>11318</v>
      </c>
      <c r="BA9" s="281">
        <v>6853</v>
      </c>
      <c r="BB9" s="281">
        <v>3220</v>
      </c>
      <c r="BC9" s="282">
        <v>48584</v>
      </c>
      <c r="BD9" s="283">
        <v>48584</v>
      </c>
      <c r="BE9" s="277">
        <v>0</v>
      </c>
      <c r="BF9" s="281">
        <v>0</v>
      </c>
      <c r="BG9" s="278">
        <v>0</v>
      </c>
      <c r="BH9" s="280">
        <v>0</v>
      </c>
      <c r="BI9" s="281">
        <v>948</v>
      </c>
      <c r="BJ9" s="281">
        <v>2678</v>
      </c>
      <c r="BK9" s="281">
        <v>1837</v>
      </c>
      <c r="BL9" s="281">
        <v>1298</v>
      </c>
      <c r="BM9" s="281">
        <v>375</v>
      </c>
      <c r="BN9" s="278">
        <v>7136</v>
      </c>
      <c r="BO9" s="283">
        <v>7136</v>
      </c>
      <c r="BP9" s="277">
        <v>29</v>
      </c>
      <c r="BQ9" s="281">
        <v>97</v>
      </c>
      <c r="BR9" s="278">
        <v>126</v>
      </c>
      <c r="BS9" s="280">
        <v>0</v>
      </c>
      <c r="BT9" s="281">
        <v>913</v>
      </c>
      <c r="BU9" s="281">
        <v>2298</v>
      </c>
      <c r="BV9" s="281">
        <v>4947</v>
      </c>
      <c r="BW9" s="281">
        <v>3545</v>
      </c>
      <c r="BX9" s="281">
        <v>1827</v>
      </c>
      <c r="BY9" s="278">
        <v>13530</v>
      </c>
      <c r="BZ9" s="283">
        <v>13656</v>
      </c>
      <c r="CA9" s="277">
        <v>0</v>
      </c>
      <c r="CB9" s="281">
        <v>0</v>
      </c>
      <c r="CC9" s="278">
        <v>0</v>
      </c>
      <c r="CD9" s="280">
        <v>0</v>
      </c>
      <c r="CE9" s="281">
        <v>22</v>
      </c>
      <c r="CF9" s="281">
        <v>79</v>
      </c>
      <c r="CG9" s="281">
        <v>81</v>
      </c>
      <c r="CH9" s="281">
        <v>104</v>
      </c>
      <c r="CI9" s="281">
        <v>29</v>
      </c>
      <c r="CJ9" s="278">
        <v>315</v>
      </c>
      <c r="CK9" s="283">
        <v>315</v>
      </c>
      <c r="CL9" s="277">
        <v>0</v>
      </c>
      <c r="CM9" s="281">
        <v>0</v>
      </c>
      <c r="CN9" s="278">
        <v>0</v>
      </c>
      <c r="CO9" s="280">
        <v>0</v>
      </c>
      <c r="CP9" s="281">
        <v>0</v>
      </c>
      <c r="CQ9" s="281">
        <v>0</v>
      </c>
      <c r="CR9" s="281">
        <v>0</v>
      </c>
      <c r="CS9" s="281">
        <v>0</v>
      </c>
      <c r="CT9" s="281">
        <v>0</v>
      </c>
      <c r="CU9" s="278">
        <v>0</v>
      </c>
      <c r="CV9" s="283">
        <v>0</v>
      </c>
      <c r="CW9" s="277">
        <v>0</v>
      </c>
      <c r="CX9" s="281">
        <v>0</v>
      </c>
      <c r="CY9" s="278">
        <v>0</v>
      </c>
      <c r="CZ9" s="280">
        <v>0</v>
      </c>
      <c r="DA9" s="281">
        <v>0</v>
      </c>
      <c r="DB9" s="281">
        <v>0</v>
      </c>
      <c r="DC9" s="281">
        <v>0</v>
      </c>
      <c r="DD9" s="281">
        <v>0</v>
      </c>
      <c r="DE9" s="281">
        <v>0</v>
      </c>
      <c r="DF9" s="278">
        <v>0</v>
      </c>
      <c r="DG9" s="283">
        <v>0</v>
      </c>
    </row>
    <row r="10" spans="1:111" ht="18.75" customHeight="1" x14ac:dyDescent="0.2">
      <c r="A10" s="262" t="s">
        <v>7</v>
      </c>
      <c r="B10" s="277">
        <v>0</v>
      </c>
      <c r="C10" s="281">
        <v>0</v>
      </c>
      <c r="D10" s="385">
        <v>0</v>
      </c>
      <c r="E10" s="280">
        <v>0</v>
      </c>
      <c r="F10" s="281">
        <v>16083</v>
      </c>
      <c r="G10" s="281">
        <v>17723</v>
      </c>
      <c r="H10" s="281">
        <v>18747</v>
      </c>
      <c r="I10" s="281">
        <v>28287</v>
      </c>
      <c r="J10" s="281">
        <v>23002</v>
      </c>
      <c r="K10" s="282">
        <v>103842</v>
      </c>
      <c r="L10" s="283">
        <v>103842</v>
      </c>
      <c r="M10" s="277">
        <v>0</v>
      </c>
      <c r="N10" s="281">
        <v>0</v>
      </c>
      <c r="O10" s="278">
        <v>0</v>
      </c>
      <c r="P10" s="280">
        <v>0</v>
      </c>
      <c r="Q10" s="281">
        <v>60</v>
      </c>
      <c r="R10" s="281">
        <v>141</v>
      </c>
      <c r="S10" s="281">
        <v>237</v>
      </c>
      <c r="T10" s="281">
        <v>592</v>
      </c>
      <c r="U10" s="281">
        <v>996</v>
      </c>
      <c r="V10" s="278">
        <v>2026</v>
      </c>
      <c r="W10" s="283">
        <v>2026</v>
      </c>
      <c r="X10" s="277">
        <v>87</v>
      </c>
      <c r="Y10" s="281">
        <v>226</v>
      </c>
      <c r="Z10" s="278">
        <v>313</v>
      </c>
      <c r="AA10" s="280">
        <v>0</v>
      </c>
      <c r="AB10" s="281">
        <v>3518</v>
      </c>
      <c r="AC10" s="281">
        <v>4091</v>
      </c>
      <c r="AD10" s="281">
        <v>2950</v>
      </c>
      <c r="AE10" s="281">
        <v>2950</v>
      </c>
      <c r="AF10" s="281">
        <v>2432</v>
      </c>
      <c r="AG10" s="278">
        <v>15941</v>
      </c>
      <c r="AH10" s="283">
        <v>16254</v>
      </c>
      <c r="AI10" s="277">
        <v>40</v>
      </c>
      <c r="AJ10" s="281">
        <v>58</v>
      </c>
      <c r="AK10" s="278">
        <v>98</v>
      </c>
      <c r="AL10" s="280">
        <v>0</v>
      </c>
      <c r="AM10" s="281">
        <v>512</v>
      </c>
      <c r="AN10" s="281">
        <v>584</v>
      </c>
      <c r="AO10" s="281">
        <v>340</v>
      </c>
      <c r="AP10" s="281">
        <v>483</v>
      </c>
      <c r="AQ10" s="281">
        <v>276</v>
      </c>
      <c r="AR10" s="278">
        <v>2195</v>
      </c>
      <c r="AS10" s="283">
        <v>2293</v>
      </c>
      <c r="AT10" s="277">
        <v>0</v>
      </c>
      <c r="AU10" s="281">
        <v>0</v>
      </c>
      <c r="AV10" s="278">
        <v>0</v>
      </c>
      <c r="AW10" s="280">
        <v>0</v>
      </c>
      <c r="AX10" s="281">
        <v>13477</v>
      </c>
      <c r="AY10" s="281">
        <v>9654</v>
      </c>
      <c r="AZ10" s="281">
        <v>5563</v>
      </c>
      <c r="BA10" s="281">
        <v>3046</v>
      </c>
      <c r="BB10" s="281">
        <v>1196</v>
      </c>
      <c r="BC10" s="282">
        <v>32936</v>
      </c>
      <c r="BD10" s="283">
        <v>32936</v>
      </c>
      <c r="BE10" s="277">
        <v>0</v>
      </c>
      <c r="BF10" s="281">
        <v>0</v>
      </c>
      <c r="BG10" s="278">
        <v>0</v>
      </c>
      <c r="BH10" s="280">
        <v>0</v>
      </c>
      <c r="BI10" s="281">
        <v>1828</v>
      </c>
      <c r="BJ10" s="281">
        <v>1789</v>
      </c>
      <c r="BK10" s="281">
        <v>1077</v>
      </c>
      <c r="BL10" s="281">
        <v>513</v>
      </c>
      <c r="BM10" s="281">
        <v>141</v>
      </c>
      <c r="BN10" s="278">
        <v>5348</v>
      </c>
      <c r="BO10" s="283">
        <v>5348</v>
      </c>
      <c r="BP10" s="277">
        <v>5</v>
      </c>
      <c r="BQ10" s="281">
        <v>10</v>
      </c>
      <c r="BR10" s="278">
        <v>15</v>
      </c>
      <c r="BS10" s="280">
        <v>0</v>
      </c>
      <c r="BT10" s="281">
        <v>1515</v>
      </c>
      <c r="BU10" s="281">
        <v>2150</v>
      </c>
      <c r="BV10" s="281">
        <v>2775</v>
      </c>
      <c r="BW10" s="281">
        <v>1806</v>
      </c>
      <c r="BX10" s="281">
        <v>1038</v>
      </c>
      <c r="BY10" s="278">
        <v>9284</v>
      </c>
      <c r="BZ10" s="283">
        <v>9299</v>
      </c>
      <c r="CA10" s="277">
        <v>1</v>
      </c>
      <c r="CB10" s="281">
        <v>0</v>
      </c>
      <c r="CC10" s="278">
        <v>1</v>
      </c>
      <c r="CD10" s="280">
        <v>0</v>
      </c>
      <c r="CE10" s="281">
        <v>45</v>
      </c>
      <c r="CF10" s="281">
        <v>69</v>
      </c>
      <c r="CG10" s="281">
        <v>107</v>
      </c>
      <c r="CH10" s="281">
        <v>83</v>
      </c>
      <c r="CI10" s="281">
        <v>58</v>
      </c>
      <c r="CJ10" s="278">
        <v>362</v>
      </c>
      <c r="CK10" s="283">
        <v>363</v>
      </c>
      <c r="CL10" s="277">
        <v>0</v>
      </c>
      <c r="CM10" s="281">
        <v>0</v>
      </c>
      <c r="CN10" s="278">
        <v>0</v>
      </c>
      <c r="CO10" s="280">
        <v>0</v>
      </c>
      <c r="CP10" s="281">
        <v>0</v>
      </c>
      <c r="CQ10" s="281">
        <v>0</v>
      </c>
      <c r="CR10" s="281">
        <v>0</v>
      </c>
      <c r="CS10" s="281">
        <v>0</v>
      </c>
      <c r="CT10" s="281">
        <v>0</v>
      </c>
      <c r="CU10" s="278">
        <v>0</v>
      </c>
      <c r="CV10" s="283">
        <v>0</v>
      </c>
      <c r="CW10" s="277">
        <v>0</v>
      </c>
      <c r="CX10" s="281">
        <v>0</v>
      </c>
      <c r="CY10" s="278">
        <v>0</v>
      </c>
      <c r="CZ10" s="280">
        <v>0</v>
      </c>
      <c r="DA10" s="281">
        <v>0</v>
      </c>
      <c r="DB10" s="281">
        <v>0</v>
      </c>
      <c r="DC10" s="281">
        <v>0</v>
      </c>
      <c r="DD10" s="281">
        <v>0</v>
      </c>
      <c r="DE10" s="281">
        <v>0</v>
      </c>
      <c r="DF10" s="278">
        <v>0</v>
      </c>
      <c r="DG10" s="283">
        <v>0</v>
      </c>
    </row>
    <row r="11" spans="1:111" ht="18.75" customHeight="1" x14ac:dyDescent="0.2">
      <c r="A11" s="262" t="s">
        <v>8</v>
      </c>
      <c r="B11" s="277">
        <v>0</v>
      </c>
      <c r="C11" s="281">
        <v>0</v>
      </c>
      <c r="D11" s="385">
        <v>0</v>
      </c>
      <c r="E11" s="280">
        <v>0</v>
      </c>
      <c r="F11" s="281">
        <v>6660</v>
      </c>
      <c r="G11" s="281">
        <v>10856</v>
      </c>
      <c r="H11" s="281">
        <v>12363</v>
      </c>
      <c r="I11" s="281">
        <v>12506</v>
      </c>
      <c r="J11" s="281">
        <v>13736</v>
      </c>
      <c r="K11" s="282">
        <v>56121</v>
      </c>
      <c r="L11" s="283">
        <v>56121</v>
      </c>
      <c r="M11" s="277">
        <v>0</v>
      </c>
      <c r="N11" s="281">
        <v>0</v>
      </c>
      <c r="O11" s="278">
        <v>0</v>
      </c>
      <c r="P11" s="280">
        <v>0</v>
      </c>
      <c r="Q11" s="281">
        <v>12</v>
      </c>
      <c r="R11" s="281">
        <v>78</v>
      </c>
      <c r="S11" s="281">
        <v>157</v>
      </c>
      <c r="T11" s="281">
        <v>257</v>
      </c>
      <c r="U11" s="281">
        <v>557</v>
      </c>
      <c r="V11" s="278">
        <v>1061</v>
      </c>
      <c r="W11" s="283">
        <v>1061</v>
      </c>
      <c r="X11" s="277">
        <v>184</v>
      </c>
      <c r="Y11" s="281">
        <v>336</v>
      </c>
      <c r="Z11" s="278">
        <v>520</v>
      </c>
      <c r="AA11" s="280">
        <v>0</v>
      </c>
      <c r="AB11" s="281">
        <v>1454</v>
      </c>
      <c r="AC11" s="281">
        <v>2437</v>
      </c>
      <c r="AD11" s="281">
        <v>1572</v>
      </c>
      <c r="AE11" s="281">
        <v>1310</v>
      </c>
      <c r="AF11" s="281">
        <v>1583</v>
      </c>
      <c r="AG11" s="278">
        <v>8356</v>
      </c>
      <c r="AH11" s="283">
        <v>8876</v>
      </c>
      <c r="AI11" s="277">
        <v>32</v>
      </c>
      <c r="AJ11" s="281">
        <v>127</v>
      </c>
      <c r="AK11" s="278">
        <v>159</v>
      </c>
      <c r="AL11" s="280">
        <v>0</v>
      </c>
      <c r="AM11" s="281">
        <v>603</v>
      </c>
      <c r="AN11" s="281">
        <v>912</v>
      </c>
      <c r="AO11" s="281">
        <v>692</v>
      </c>
      <c r="AP11" s="281">
        <v>433</v>
      </c>
      <c r="AQ11" s="281">
        <v>282</v>
      </c>
      <c r="AR11" s="278">
        <v>2922</v>
      </c>
      <c r="AS11" s="283">
        <v>3081</v>
      </c>
      <c r="AT11" s="277">
        <v>0</v>
      </c>
      <c r="AU11" s="281">
        <v>0</v>
      </c>
      <c r="AV11" s="278">
        <v>0</v>
      </c>
      <c r="AW11" s="280">
        <v>0</v>
      </c>
      <c r="AX11" s="281">
        <v>5400</v>
      </c>
      <c r="AY11" s="281">
        <v>5846</v>
      </c>
      <c r="AZ11" s="281">
        <v>4411</v>
      </c>
      <c r="BA11" s="281">
        <v>2037</v>
      </c>
      <c r="BB11" s="281">
        <v>1412</v>
      </c>
      <c r="BC11" s="282">
        <v>19106</v>
      </c>
      <c r="BD11" s="283">
        <v>19106</v>
      </c>
      <c r="BE11" s="277">
        <v>0</v>
      </c>
      <c r="BF11" s="281">
        <v>0</v>
      </c>
      <c r="BG11" s="278">
        <v>0</v>
      </c>
      <c r="BH11" s="280">
        <v>0</v>
      </c>
      <c r="BI11" s="281">
        <v>754</v>
      </c>
      <c r="BJ11" s="281">
        <v>1194</v>
      </c>
      <c r="BK11" s="281">
        <v>694</v>
      </c>
      <c r="BL11" s="281">
        <v>460</v>
      </c>
      <c r="BM11" s="281">
        <v>132</v>
      </c>
      <c r="BN11" s="278">
        <v>3234</v>
      </c>
      <c r="BO11" s="283">
        <v>3234</v>
      </c>
      <c r="BP11" s="277">
        <v>14</v>
      </c>
      <c r="BQ11" s="281">
        <v>59</v>
      </c>
      <c r="BR11" s="278">
        <v>73</v>
      </c>
      <c r="BS11" s="280">
        <v>0</v>
      </c>
      <c r="BT11" s="281">
        <v>504</v>
      </c>
      <c r="BU11" s="281">
        <v>1349</v>
      </c>
      <c r="BV11" s="281">
        <v>2649</v>
      </c>
      <c r="BW11" s="281">
        <v>1813</v>
      </c>
      <c r="BX11" s="281">
        <v>745</v>
      </c>
      <c r="BY11" s="278">
        <v>7060</v>
      </c>
      <c r="BZ11" s="283">
        <v>7133</v>
      </c>
      <c r="CA11" s="277">
        <v>0</v>
      </c>
      <c r="CB11" s="281">
        <v>0</v>
      </c>
      <c r="CC11" s="278">
        <v>0</v>
      </c>
      <c r="CD11" s="280">
        <v>0</v>
      </c>
      <c r="CE11" s="281">
        <v>1</v>
      </c>
      <c r="CF11" s="281">
        <v>47</v>
      </c>
      <c r="CG11" s="281">
        <v>67</v>
      </c>
      <c r="CH11" s="281">
        <v>31</v>
      </c>
      <c r="CI11" s="281">
        <v>0</v>
      </c>
      <c r="CJ11" s="278">
        <v>146</v>
      </c>
      <c r="CK11" s="283">
        <v>146</v>
      </c>
      <c r="CL11" s="277">
        <v>0</v>
      </c>
      <c r="CM11" s="281">
        <v>0</v>
      </c>
      <c r="CN11" s="278">
        <v>0</v>
      </c>
      <c r="CO11" s="280">
        <v>0</v>
      </c>
      <c r="CP11" s="281">
        <v>0</v>
      </c>
      <c r="CQ11" s="281">
        <v>0</v>
      </c>
      <c r="CR11" s="281">
        <v>0</v>
      </c>
      <c r="CS11" s="281">
        <v>0</v>
      </c>
      <c r="CT11" s="281">
        <v>0</v>
      </c>
      <c r="CU11" s="278">
        <v>0</v>
      </c>
      <c r="CV11" s="283">
        <v>0</v>
      </c>
      <c r="CW11" s="277">
        <v>0</v>
      </c>
      <c r="CX11" s="281">
        <v>0</v>
      </c>
      <c r="CY11" s="278">
        <v>0</v>
      </c>
      <c r="CZ11" s="280">
        <v>0</v>
      </c>
      <c r="DA11" s="281">
        <v>0</v>
      </c>
      <c r="DB11" s="281">
        <v>0</v>
      </c>
      <c r="DC11" s="281">
        <v>0</v>
      </c>
      <c r="DD11" s="281">
        <v>0</v>
      </c>
      <c r="DE11" s="281">
        <v>0</v>
      </c>
      <c r="DF11" s="278">
        <v>0</v>
      </c>
      <c r="DG11" s="283">
        <v>0</v>
      </c>
    </row>
    <row r="12" spans="1:111" ht="18.75" customHeight="1" x14ac:dyDescent="0.2">
      <c r="A12" s="262" t="s">
        <v>9</v>
      </c>
      <c r="B12" s="277">
        <v>0</v>
      </c>
      <c r="C12" s="281">
        <v>0</v>
      </c>
      <c r="D12" s="385">
        <v>0</v>
      </c>
      <c r="E12" s="280">
        <v>0</v>
      </c>
      <c r="F12" s="281">
        <v>6094</v>
      </c>
      <c r="G12" s="281">
        <v>7983</v>
      </c>
      <c r="H12" s="281">
        <v>10161</v>
      </c>
      <c r="I12" s="281">
        <v>16721</v>
      </c>
      <c r="J12" s="281">
        <v>14902</v>
      </c>
      <c r="K12" s="282">
        <v>55861</v>
      </c>
      <c r="L12" s="283">
        <v>55861</v>
      </c>
      <c r="M12" s="277">
        <v>0</v>
      </c>
      <c r="N12" s="281">
        <v>0</v>
      </c>
      <c r="O12" s="278">
        <v>0</v>
      </c>
      <c r="P12" s="280">
        <v>0</v>
      </c>
      <c r="Q12" s="281">
        <v>34</v>
      </c>
      <c r="R12" s="281">
        <v>26</v>
      </c>
      <c r="S12" s="281">
        <v>89</v>
      </c>
      <c r="T12" s="281">
        <v>241</v>
      </c>
      <c r="U12" s="281">
        <v>547</v>
      </c>
      <c r="V12" s="278">
        <v>937</v>
      </c>
      <c r="W12" s="283">
        <v>937</v>
      </c>
      <c r="X12" s="277">
        <v>178</v>
      </c>
      <c r="Y12" s="281">
        <v>485</v>
      </c>
      <c r="Z12" s="278">
        <v>663</v>
      </c>
      <c r="AA12" s="280">
        <v>0</v>
      </c>
      <c r="AB12" s="281">
        <v>3226</v>
      </c>
      <c r="AC12" s="281">
        <v>2848</v>
      </c>
      <c r="AD12" s="281">
        <v>2263</v>
      </c>
      <c r="AE12" s="281">
        <v>2344</v>
      </c>
      <c r="AF12" s="281">
        <v>2101</v>
      </c>
      <c r="AG12" s="278">
        <v>12782</v>
      </c>
      <c r="AH12" s="283">
        <v>13445</v>
      </c>
      <c r="AI12" s="277">
        <v>68</v>
      </c>
      <c r="AJ12" s="281">
        <v>160</v>
      </c>
      <c r="AK12" s="278">
        <v>228</v>
      </c>
      <c r="AL12" s="280">
        <v>0</v>
      </c>
      <c r="AM12" s="281">
        <v>572</v>
      </c>
      <c r="AN12" s="281">
        <v>636</v>
      </c>
      <c r="AO12" s="281">
        <v>546</v>
      </c>
      <c r="AP12" s="281">
        <v>609</v>
      </c>
      <c r="AQ12" s="281">
        <v>524</v>
      </c>
      <c r="AR12" s="278">
        <v>2887</v>
      </c>
      <c r="AS12" s="283">
        <v>3115</v>
      </c>
      <c r="AT12" s="277">
        <v>0</v>
      </c>
      <c r="AU12" s="281">
        <v>0</v>
      </c>
      <c r="AV12" s="278">
        <v>0</v>
      </c>
      <c r="AW12" s="280">
        <v>0</v>
      </c>
      <c r="AX12" s="281">
        <v>4272</v>
      </c>
      <c r="AY12" s="281">
        <v>3448</v>
      </c>
      <c r="AZ12" s="281">
        <v>2576</v>
      </c>
      <c r="BA12" s="281">
        <v>1447</v>
      </c>
      <c r="BB12" s="281">
        <v>636</v>
      </c>
      <c r="BC12" s="282">
        <v>12379</v>
      </c>
      <c r="BD12" s="283">
        <v>12379</v>
      </c>
      <c r="BE12" s="277">
        <v>0</v>
      </c>
      <c r="BF12" s="281">
        <v>0</v>
      </c>
      <c r="BG12" s="278">
        <v>0</v>
      </c>
      <c r="BH12" s="280">
        <v>0</v>
      </c>
      <c r="BI12" s="281">
        <v>843</v>
      </c>
      <c r="BJ12" s="281">
        <v>824</v>
      </c>
      <c r="BK12" s="281">
        <v>464</v>
      </c>
      <c r="BL12" s="281">
        <v>561</v>
      </c>
      <c r="BM12" s="281">
        <v>110</v>
      </c>
      <c r="BN12" s="278">
        <v>2802</v>
      </c>
      <c r="BO12" s="283">
        <v>2802</v>
      </c>
      <c r="BP12" s="277">
        <v>12</v>
      </c>
      <c r="BQ12" s="281">
        <v>-1</v>
      </c>
      <c r="BR12" s="278">
        <v>11</v>
      </c>
      <c r="BS12" s="280">
        <v>0</v>
      </c>
      <c r="BT12" s="281">
        <v>485</v>
      </c>
      <c r="BU12" s="281">
        <v>717</v>
      </c>
      <c r="BV12" s="281">
        <v>1122</v>
      </c>
      <c r="BW12" s="281">
        <v>1338</v>
      </c>
      <c r="BX12" s="281">
        <v>680</v>
      </c>
      <c r="BY12" s="278">
        <v>4342</v>
      </c>
      <c r="BZ12" s="283">
        <v>4353</v>
      </c>
      <c r="CA12" s="277">
        <v>0</v>
      </c>
      <c r="CB12" s="281">
        <v>0</v>
      </c>
      <c r="CC12" s="278">
        <v>0</v>
      </c>
      <c r="CD12" s="280">
        <v>0</v>
      </c>
      <c r="CE12" s="281">
        <v>34</v>
      </c>
      <c r="CF12" s="281">
        <v>113</v>
      </c>
      <c r="CG12" s="281">
        <v>198</v>
      </c>
      <c r="CH12" s="281">
        <v>142</v>
      </c>
      <c r="CI12" s="281">
        <v>55</v>
      </c>
      <c r="CJ12" s="278">
        <v>542</v>
      </c>
      <c r="CK12" s="283">
        <v>542</v>
      </c>
      <c r="CL12" s="277">
        <v>0</v>
      </c>
      <c r="CM12" s="281">
        <v>0</v>
      </c>
      <c r="CN12" s="278">
        <v>0</v>
      </c>
      <c r="CO12" s="280">
        <v>0</v>
      </c>
      <c r="CP12" s="281">
        <v>0</v>
      </c>
      <c r="CQ12" s="281">
        <v>0</v>
      </c>
      <c r="CR12" s="281">
        <v>0</v>
      </c>
      <c r="CS12" s="281">
        <v>0</v>
      </c>
      <c r="CT12" s="281">
        <v>0</v>
      </c>
      <c r="CU12" s="278">
        <v>0</v>
      </c>
      <c r="CV12" s="283">
        <v>0</v>
      </c>
      <c r="CW12" s="277">
        <v>0</v>
      </c>
      <c r="CX12" s="281">
        <v>0</v>
      </c>
      <c r="CY12" s="278">
        <v>0</v>
      </c>
      <c r="CZ12" s="280">
        <v>0</v>
      </c>
      <c r="DA12" s="281">
        <v>0</v>
      </c>
      <c r="DB12" s="281">
        <v>0</v>
      </c>
      <c r="DC12" s="281">
        <v>0</v>
      </c>
      <c r="DD12" s="281">
        <v>0</v>
      </c>
      <c r="DE12" s="281">
        <v>0</v>
      </c>
      <c r="DF12" s="278">
        <v>0</v>
      </c>
      <c r="DG12" s="283">
        <v>0</v>
      </c>
    </row>
    <row r="13" spans="1:111" ht="18.75" customHeight="1" x14ac:dyDescent="0.2">
      <c r="A13" s="262" t="s">
        <v>10</v>
      </c>
      <c r="B13" s="277">
        <v>1</v>
      </c>
      <c r="C13" s="281">
        <v>0</v>
      </c>
      <c r="D13" s="385">
        <v>1</v>
      </c>
      <c r="E13" s="280">
        <v>0</v>
      </c>
      <c r="F13" s="281">
        <v>16862</v>
      </c>
      <c r="G13" s="281">
        <v>15258</v>
      </c>
      <c r="H13" s="281">
        <v>18057</v>
      </c>
      <c r="I13" s="281">
        <v>23298</v>
      </c>
      <c r="J13" s="281">
        <v>20997</v>
      </c>
      <c r="K13" s="282">
        <v>94472</v>
      </c>
      <c r="L13" s="283">
        <v>94473</v>
      </c>
      <c r="M13" s="277">
        <v>0</v>
      </c>
      <c r="N13" s="281">
        <v>0</v>
      </c>
      <c r="O13" s="278">
        <v>0</v>
      </c>
      <c r="P13" s="280">
        <v>0</v>
      </c>
      <c r="Q13" s="281">
        <v>45</v>
      </c>
      <c r="R13" s="281">
        <v>87</v>
      </c>
      <c r="S13" s="281">
        <v>163</v>
      </c>
      <c r="T13" s="281">
        <v>455</v>
      </c>
      <c r="U13" s="281">
        <v>798</v>
      </c>
      <c r="V13" s="278">
        <v>1548</v>
      </c>
      <c r="W13" s="283">
        <v>1548</v>
      </c>
      <c r="X13" s="277">
        <v>809</v>
      </c>
      <c r="Y13" s="281">
        <v>2088</v>
      </c>
      <c r="Z13" s="278">
        <v>2897</v>
      </c>
      <c r="AA13" s="280">
        <v>0</v>
      </c>
      <c r="AB13" s="281">
        <v>6903</v>
      </c>
      <c r="AC13" s="281">
        <v>5161</v>
      </c>
      <c r="AD13" s="281">
        <v>3322</v>
      </c>
      <c r="AE13" s="281">
        <v>2698</v>
      </c>
      <c r="AF13" s="281">
        <v>2879</v>
      </c>
      <c r="AG13" s="278">
        <v>20963</v>
      </c>
      <c r="AH13" s="283">
        <v>23860</v>
      </c>
      <c r="AI13" s="277">
        <v>219</v>
      </c>
      <c r="AJ13" s="281">
        <v>434</v>
      </c>
      <c r="AK13" s="278">
        <v>653</v>
      </c>
      <c r="AL13" s="280">
        <v>0</v>
      </c>
      <c r="AM13" s="281">
        <v>1162</v>
      </c>
      <c r="AN13" s="281">
        <v>1198</v>
      </c>
      <c r="AO13" s="281">
        <v>612</v>
      </c>
      <c r="AP13" s="281">
        <v>628</v>
      </c>
      <c r="AQ13" s="281">
        <v>612</v>
      </c>
      <c r="AR13" s="278">
        <v>4212</v>
      </c>
      <c r="AS13" s="283">
        <v>4865</v>
      </c>
      <c r="AT13" s="277">
        <v>0</v>
      </c>
      <c r="AU13" s="281">
        <v>0</v>
      </c>
      <c r="AV13" s="278">
        <v>0</v>
      </c>
      <c r="AW13" s="280">
        <v>0</v>
      </c>
      <c r="AX13" s="281">
        <v>13260</v>
      </c>
      <c r="AY13" s="281">
        <v>8054</v>
      </c>
      <c r="AZ13" s="281">
        <v>5395</v>
      </c>
      <c r="BA13" s="281">
        <v>2811</v>
      </c>
      <c r="BB13" s="281">
        <v>1191</v>
      </c>
      <c r="BC13" s="282">
        <v>30711</v>
      </c>
      <c r="BD13" s="283">
        <v>30711</v>
      </c>
      <c r="BE13" s="277">
        <v>0</v>
      </c>
      <c r="BF13" s="281">
        <v>0</v>
      </c>
      <c r="BG13" s="278">
        <v>0</v>
      </c>
      <c r="BH13" s="280">
        <v>0</v>
      </c>
      <c r="BI13" s="281">
        <v>1745</v>
      </c>
      <c r="BJ13" s="281">
        <v>1099</v>
      </c>
      <c r="BK13" s="281">
        <v>772</v>
      </c>
      <c r="BL13" s="281">
        <v>430</v>
      </c>
      <c r="BM13" s="281">
        <v>154</v>
      </c>
      <c r="BN13" s="278">
        <v>4200</v>
      </c>
      <c r="BO13" s="283">
        <v>4200</v>
      </c>
      <c r="BP13" s="277">
        <v>27</v>
      </c>
      <c r="BQ13" s="281">
        <v>102</v>
      </c>
      <c r="BR13" s="278">
        <v>129</v>
      </c>
      <c r="BS13" s="280">
        <v>0</v>
      </c>
      <c r="BT13" s="281">
        <v>1393</v>
      </c>
      <c r="BU13" s="281">
        <v>1323</v>
      </c>
      <c r="BV13" s="281">
        <v>2728</v>
      </c>
      <c r="BW13" s="281">
        <v>1706</v>
      </c>
      <c r="BX13" s="281">
        <v>1033</v>
      </c>
      <c r="BY13" s="278">
        <v>8183</v>
      </c>
      <c r="BZ13" s="283">
        <v>8312</v>
      </c>
      <c r="CA13" s="277">
        <v>0</v>
      </c>
      <c r="CB13" s="281">
        <v>8</v>
      </c>
      <c r="CC13" s="278">
        <v>8</v>
      </c>
      <c r="CD13" s="280">
        <v>0</v>
      </c>
      <c r="CE13" s="281">
        <v>42</v>
      </c>
      <c r="CF13" s="281">
        <v>109</v>
      </c>
      <c r="CG13" s="281">
        <v>167</v>
      </c>
      <c r="CH13" s="281">
        <v>65</v>
      </c>
      <c r="CI13" s="281">
        <v>19</v>
      </c>
      <c r="CJ13" s="278">
        <v>402</v>
      </c>
      <c r="CK13" s="283">
        <v>410</v>
      </c>
      <c r="CL13" s="277">
        <v>0</v>
      </c>
      <c r="CM13" s="281">
        <v>0</v>
      </c>
      <c r="CN13" s="278">
        <v>0</v>
      </c>
      <c r="CO13" s="280">
        <v>0</v>
      </c>
      <c r="CP13" s="281">
        <v>0</v>
      </c>
      <c r="CQ13" s="281">
        <v>0</v>
      </c>
      <c r="CR13" s="281">
        <v>0</v>
      </c>
      <c r="CS13" s="281">
        <v>0</v>
      </c>
      <c r="CT13" s="281">
        <v>0</v>
      </c>
      <c r="CU13" s="278">
        <v>0</v>
      </c>
      <c r="CV13" s="283">
        <v>0</v>
      </c>
      <c r="CW13" s="277">
        <v>0</v>
      </c>
      <c r="CX13" s="281">
        <v>0</v>
      </c>
      <c r="CY13" s="278">
        <v>0</v>
      </c>
      <c r="CZ13" s="280">
        <v>0</v>
      </c>
      <c r="DA13" s="281">
        <v>0</v>
      </c>
      <c r="DB13" s="281">
        <v>0</v>
      </c>
      <c r="DC13" s="281">
        <v>0</v>
      </c>
      <c r="DD13" s="281">
        <v>0</v>
      </c>
      <c r="DE13" s="281">
        <v>0</v>
      </c>
      <c r="DF13" s="278">
        <v>0</v>
      </c>
      <c r="DG13" s="283">
        <v>0</v>
      </c>
    </row>
    <row r="14" spans="1:111" ht="18.75" customHeight="1" x14ac:dyDescent="0.2">
      <c r="A14" s="262" t="s">
        <v>11</v>
      </c>
      <c r="B14" s="277">
        <v>0</v>
      </c>
      <c r="C14" s="281">
        <v>0</v>
      </c>
      <c r="D14" s="385">
        <v>0</v>
      </c>
      <c r="E14" s="280">
        <v>0</v>
      </c>
      <c r="F14" s="281">
        <v>6342</v>
      </c>
      <c r="G14" s="281">
        <v>6664</v>
      </c>
      <c r="H14" s="281">
        <v>8722</v>
      </c>
      <c r="I14" s="281">
        <v>9714</v>
      </c>
      <c r="J14" s="281">
        <v>9080</v>
      </c>
      <c r="K14" s="282">
        <v>40522</v>
      </c>
      <c r="L14" s="283">
        <v>40522</v>
      </c>
      <c r="M14" s="277">
        <v>0</v>
      </c>
      <c r="N14" s="281">
        <v>4</v>
      </c>
      <c r="O14" s="278">
        <v>4</v>
      </c>
      <c r="P14" s="280">
        <v>0</v>
      </c>
      <c r="Q14" s="281">
        <v>20</v>
      </c>
      <c r="R14" s="281">
        <v>69</v>
      </c>
      <c r="S14" s="281">
        <v>121</v>
      </c>
      <c r="T14" s="281">
        <v>206</v>
      </c>
      <c r="U14" s="281">
        <v>342</v>
      </c>
      <c r="V14" s="278">
        <v>758</v>
      </c>
      <c r="W14" s="283">
        <v>762</v>
      </c>
      <c r="X14" s="277">
        <v>170</v>
      </c>
      <c r="Y14" s="281">
        <v>383</v>
      </c>
      <c r="Z14" s="278">
        <v>553</v>
      </c>
      <c r="AA14" s="280">
        <v>0</v>
      </c>
      <c r="AB14" s="281">
        <v>2502</v>
      </c>
      <c r="AC14" s="281">
        <v>1890</v>
      </c>
      <c r="AD14" s="281">
        <v>1888</v>
      </c>
      <c r="AE14" s="281">
        <v>1515</v>
      </c>
      <c r="AF14" s="281">
        <v>1615</v>
      </c>
      <c r="AG14" s="278">
        <v>9410</v>
      </c>
      <c r="AH14" s="283">
        <v>9963</v>
      </c>
      <c r="AI14" s="277">
        <v>27</v>
      </c>
      <c r="AJ14" s="281">
        <v>99</v>
      </c>
      <c r="AK14" s="278">
        <v>126</v>
      </c>
      <c r="AL14" s="280">
        <v>0</v>
      </c>
      <c r="AM14" s="281">
        <v>543</v>
      </c>
      <c r="AN14" s="281">
        <v>295</v>
      </c>
      <c r="AO14" s="281">
        <v>234</v>
      </c>
      <c r="AP14" s="281">
        <v>257</v>
      </c>
      <c r="AQ14" s="281">
        <v>65</v>
      </c>
      <c r="AR14" s="278">
        <v>1394</v>
      </c>
      <c r="AS14" s="283">
        <v>1520</v>
      </c>
      <c r="AT14" s="277">
        <v>0</v>
      </c>
      <c r="AU14" s="281">
        <v>0</v>
      </c>
      <c r="AV14" s="278">
        <v>0</v>
      </c>
      <c r="AW14" s="280">
        <v>0</v>
      </c>
      <c r="AX14" s="281">
        <v>6577</v>
      </c>
      <c r="AY14" s="281">
        <v>3965</v>
      </c>
      <c r="AZ14" s="281">
        <v>2912</v>
      </c>
      <c r="BA14" s="281">
        <v>1852</v>
      </c>
      <c r="BB14" s="281">
        <v>980</v>
      </c>
      <c r="BC14" s="282">
        <v>16286</v>
      </c>
      <c r="BD14" s="283">
        <v>16286</v>
      </c>
      <c r="BE14" s="277">
        <v>0</v>
      </c>
      <c r="BF14" s="281">
        <v>0</v>
      </c>
      <c r="BG14" s="278">
        <v>0</v>
      </c>
      <c r="BH14" s="280">
        <v>0</v>
      </c>
      <c r="BI14" s="281">
        <v>1431</v>
      </c>
      <c r="BJ14" s="281">
        <v>847</v>
      </c>
      <c r="BK14" s="281">
        <v>609</v>
      </c>
      <c r="BL14" s="281">
        <v>451</v>
      </c>
      <c r="BM14" s="281">
        <v>118</v>
      </c>
      <c r="BN14" s="278">
        <v>3456</v>
      </c>
      <c r="BO14" s="283">
        <v>3456</v>
      </c>
      <c r="BP14" s="277">
        <v>24</v>
      </c>
      <c r="BQ14" s="281">
        <v>40</v>
      </c>
      <c r="BR14" s="278">
        <v>64</v>
      </c>
      <c r="BS14" s="280">
        <v>0</v>
      </c>
      <c r="BT14" s="281">
        <v>679</v>
      </c>
      <c r="BU14" s="281">
        <v>773</v>
      </c>
      <c r="BV14" s="281">
        <v>1052</v>
      </c>
      <c r="BW14" s="281">
        <v>812</v>
      </c>
      <c r="BX14" s="281">
        <v>323</v>
      </c>
      <c r="BY14" s="278">
        <v>3639</v>
      </c>
      <c r="BZ14" s="283">
        <v>3703</v>
      </c>
      <c r="CA14" s="277">
        <v>0</v>
      </c>
      <c r="CB14" s="281">
        <v>0</v>
      </c>
      <c r="CC14" s="278">
        <v>0</v>
      </c>
      <c r="CD14" s="280">
        <v>0</v>
      </c>
      <c r="CE14" s="281">
        <v>40</v>
      </c>
      <c r="CF14" s="281">
        <v>27</v>
      </c>
      <c r="CG14" s="281">
        <v>139</v>
      </c>
      <c r="CH14" s="281">
        <v>76</v>
      </c>
      <c r="CI14" s="281">
        <v>40</v>
      </c>
      <c r="CJ14" s="278">
        <v>322</v>
      </c>
      <c r="CK14" s="283">
        <v>322</v>
      </c>
      <c r="CL14" s="277">
        <v>0</v>
      </c>
      <c r="CM14" s="281">
        <v>0</v>
      </c>
      <c r="CN14" s="278">
        <v>0</v>
      </c>
      <c r="CO14" s="280">
        <v>0</v>
      </c>
      <c r="CP14" s="281">
        <v>0</v>
      </c>
      <c r="CQ14" s="281">
        <v>0</v>
      </c>
      <c r="CR14" s="281">
        <v>0</v>
      </c>
      <c r="CS14" s="281">
        <v>0</v>
      </c>
      <c r="CT14" s="281">
        <v>0</v>
      </c>
      <c r="CU14" s="278">
        <v>0</v>
      </c>
      <c r="CV14" s="283">
        <v>0</v>
      </c>
      <c r="CW14" s="277">
        <v>0</v>
      </c>
      <c r="CX14" s="281">
        <v>0</v>
      </c>
      <c r="CY14" s="278">
        <v>0</v>
      </c>
      <c r="CZ14" s="280">
        <v>0</v>
      </c>
      <c r="DA14" s="281">
        <v>0</v>
      </c>
      <c r="DB14" s="281">
        <v>0</v>
      </c>
      <c r="DC14" s="281">
        <v>0</v>
      </c>
      <c r="DD14" s="281">
        <v>0</v>
      </c>
      <c r="DE14" s="281">
        <v>0</v>
      </c>
      <c r="DF14" s="278">
        <v>0</v>
      </c>
      <c r="DG14" s="283">
        <v>0</v>
      </c>
    </row>
    <row r="15" spans="1:111" ht="18.75" customHeight="1" x14ac:dyDescent="0.2">
      <c r="A15" s="262" t="s">
        <v>12</v>
      </c>
      <c r="B15" s="277">
        <v>0</v>
      </c>
      <c r="C15" s="281">
        <v>0</v>
      </c>
      <c r="D15" s="385">
        <v>0</v>
      </c>
      <c r="E15" s="280">
        <v>0</v>
      </c>
      <c r="F15" s="281">
        <v>5891</v>
      </c>
      <c r="G15" s="281">
        <v>8049</v>
      </c>
      <c r="H15" s="281">
        <v>9025</v>
      </c>
      <c r="I15" s="281">
        <v>12853</v>
      </c>
      <c r="J15" s="281">
        <v>10936</v>
      </c>
      <c r="K15" s="282">
        <v>46754</v>
      </c>
      <c r="L15" s="283">
        <v>46754</v>
      </c>
      <c r="M15" s="277">
        <v>0</v>
      </c>
      <c r="N15" s="281">
        <v>16</v>
      </c>
      <c r="O15" s="278">
        <v>16</v>
      </c>
      <c r="P15" s="280">
        <v>0</v>
      </c>
      <c r="Q15" s="281">
        <v>12</v>
      </c>
      <c r="R15" s="281">
        <v>90</v>
      </c>
      <c r="S15" s="281">
        <v>71</v>
      </c>
      <c r="T15" s="281">
        <v>285</v>
      </c>
      <c r="U15" s="281">
        <v>433</v>
      </c>
      <c r="V15" s="278">
        <v>891</v>
      </c>
      <c r="W15" s="283">
        <v>907</v>
      </c>
      <c r="X15" s="277">
        <v>408</v>
      </c>
      <c r="Y15" s="281">
        <v>1114</v>
      </c>
      <c r="Z15" s="278">
        <v>1522</v>
      </c>
      <c r="AA15" s="280">
        <v>0</v>
      </c>
      <c r="AB15" s="281">
        <v>1853</v>
      </c>
      <c r="AC15" s="281">
        <v>2053</v>
      </c>
      <c r="AD15" s="281">
        <v>1604</v>
      </c>
      <c r="AE15" s="281">
        <v>1612</v>
      </c>
      <c r="AF15" s="281">
        <v>1330</v>
      </c>
      <c r="AG15" s="278">
        <v>8452</v>
      </c>
      <c r="AH15" s="283">
        <v>9974</v>
      </c>
      <c r="AI15" s="277">
        <v>34</v>
      </c>
      <c r="AJ15" s="281">
        <v>191</v>
      </c>
      <c r="AK15" s="278">
        <v>225</v>
      </c>
      <c r="AL15" s="280">
        <v>0</v>
      </c>
      <c r="AM15" s="281">
        <v>175</v>
      </c>
      <c r="AN15" s="281">
        <v>515</v>
      </c>
      <c r="AO15" s="281">
        <v>265</v>
      </c>
      <c r="AP15" s="281">
        <v>255</v>
      </c>
      <c r="AQ15" s="281">
        <v>168</v>
      </c>
      <c r="AR15" s="278">
        <v>1378</v>
      </c>
      <c r="AS15" s="283">
        <v>1603</v>
      </c>
      <c r="AT15" s="277">
        <v>0</v>
      </c>
      <c r="AU15" s="281">
        <v>0</v>
      </c>
      <c r="AV15" s="278">
        <v>0</v>
      </c>
      <c r="AW15" s="280">
        <v>0</v>
      </c>
      <c r="AX15" s="281">
        <v>5283</v>
      </c>
      <c r="AY15" s="281">
        <v>4096</v>
      </c>
      <c r="AZ15" s="281">
        <v>3321</v>
      </c>
      <c r="BA15" s="281">
        <v>2300</v>
      </c>
      <c r="BB15" s="281">
        <v>750</v>
      </c>
      <c r="BC15" s="282">
        <v>15750</v>
      </c>
      <c r="BD15" s="283">
        <v>15750</v>
      </c>
      <c r="BE15" s="277">
        <v>0</v>
      </c>
      <c r="BF15" s="281">
        <v>0</v>
      </c>
      <c r="BG15" s="278">
        <v>0</v>
      </c>
      <c r="BH15" s="280">
        <v>0</v>
      </c>
      <c r="BI15" s="281">
        <v>835</v>
      </c>
      <c r="BJ15" s="281">
        <v>1217</v>
      </c>
      <c r="BK15" s="281">
        <v>882</v>
      </c>
      <c r="BL15" s="281">
        <v>640</v>
      </c>
      <c r="BM15" s="281">
        <v>255</v>
      </c>
      <c r="BN15" s="278">
        <v>3829</v>
      </c>
      <c r="BO15" s="283">
        <v>3829</v>
      </c>
      <c r="BP15" s="277">
        <v>14</v>
      </c>
      <c r="BQ15" s="281">
        <v>21</v>
      </c>
      <c r="BR15" s="278">
        <v>35</v>
      </c>
      <c r="BS15" s="280">
        <v>0</v>
      </c>
      <c r="BT15" s="281">
        <v>528</v>
      </c>
      <c r="BU15" s="281">
        <v>665</v>
      </c>
      <c r="BV15" s="281">
        <v>1475</v>
      </c>
      <c r="BW15" s="281">
        <v>1234</v>
      </c>
      <c r="BX15" s="281">
        <v>621</v>
      </c>
      <c r="BY15" s="278">
        <v>4523</v>
      </c>
      <c r="BZ15" s="283">
        <v>4558</v>
      </c>
      <c r="CA15" s="277">
        <v>0</v>
      </c>
      <c r="CB15" s="281">
        <v>50</v>
      </c>
      <c r="CC15" s="278">
        <v>50</v>
      </c>
      <c r="CD15" s="280">
        <v>0</v>
      </c>
      <c r="CE15" s="281">
        <v>15</v>
      </c>
      <c r="CF15" s="281">
        <v>37</v>
      </c>
      <c r="CG15" s="281">
        <v>29</v>
      </c>
      <c r="CH15" s="281">
        <v>14</v>
      </c>
      <c r="CI15" s="281">
        <v>18</v>
      </c>
      <c r="CJ15" s="278">
        <v>113</v>
      </c>
      <c r="CK15" s="283">
        <v>163</v>
      </c>
      <c r="CL15" s="277">
        <v>0</v>
      </c>
      <c r="CM15" s="281">
        <v>0</v>
      </c>
      <c r="CN15" s="278">
        <v>0</v>
      </c>
      <c r="CO15" s="280">
        <v>0</v>
      </c>
      <c r="CP15" s="281">
        <v>0</v>
      </c>
      <c r="CQ15" s="281">
        <v>0</v>
      </c>
      <c r="CR15" s="281">
        <v>0</v>
      </c>
      <c r="CS15" s="281">
        <v>0</v>
      </c>
      <c r="CT15" s="281">
        <v>0</v>
      </c>
      <c r="CU15" s="278">
        <v>0</v>
      </c>
      <c r="CV15" s="283">
        <v>0</v>
      </c>
      <c r="CW15" s="277">
        <v>0</v>
      </c>
      <c r="CX15" s="281">
        <v>0</v>
      </c>
      <c r="CY15" s="278">
        <v>0</v>
      </c>
      <c r="CZ15" s="280">
        <v>0</v>
      </c>
      <c r="DA15" s="281">
        <v>0</v>
      </c>
      <c r="DB15" s="281">
        <v>0</v>
      </c>
      <c r="DC15" s="281">
        <v>0</v>
      </c>
      <c r="DD15" s="281">
        <v>0</v>
      </c>
      <c r="DE15" s="281">
        <v>0</v>
      </c>
      <c r="DF15" s="278">
        <v>0</v>
      </c>
      <c r="DG15" s="283">
        <v>0</v>
      </c>
    </row>
    <row r="16" spans="1:111" ht="18.75" customHeight="1" x14ac:dyDescent="0.2">
      <c r="A16" s="262" t="s">
        <v>13</v>
      </c>
      <c r="B16" s="277">
        <v>0</v>
      </c>
      <c r="C16" s="281">
        <v>0</v>
      </c>
      <c r="D16" s="385">
        <v>0</v>
      </c>
      <c r="E16" s="280">
        <v>0</v>
      </c>
      <c r="F16" s="281">
        <v>1974</v>
      </c>
      <c r="G16" s="281">
        <v>3366</v>
      </c>
      <c r="H16" s="281">
        <v>3794</v>
      </c>
      <c r="I16" s="281">
        <v>4449</v>
      </c>
      <c r="J16" s="281">
        <v>5749</v>
      </c>
      <c r="K16" s="282">
        <v>19332</v>
      </c>
      <c r="L16" s="283">
        <v>19332</v>
      </c>
      <c r="M16" s="277">
        <v>3</v>
      </c>
      <c r="N16" s="281">
        <v>0</v>
      </c>
      <c r="O16" s="278">
        <v>3</v>
      </c>
      <c r="P16" s="280">
        <v>0</v>
      </c>
      <c r="Q16" s="281">
        <v>0</v>
      </c>
      <c r="R16" s="281">
        <v>15</v>
      </c>
      <c r="S16" s="281">
        <v>30</v>
      </c>
      <c r="T16" s="281">
        <v>65</v>
      </c>
      <c r="U16" s="281">
        <v>170</v>
      </c>
      <c r="V16" s="278">
        <v>280</v>
      </c>
      <c r="W16" s="283">
        <v>283</v>
      </c>
      <c r="X16" s="277">
        <v>49</v>
      </c>
      <c r="Y16" s="281">
        <v>110</v>
      </c>
      <c r="Z16" s="278">
        <v>159</v>
      </c>
      <c r="AA16" s="280">
        <v>0</v>
      </c>
      <c r="AB16" s="281">
        <v>874</v>
      </c>
      <c r="AC16" s="281">
        <v>1198</v>
      </c>
      <c r="AD16" s="281">
        <v>895</v>
      </c>
      <c r="AE16" s="281">
        <v>842</v>
      </c>
      <c r="AF16" s="281">
        <v>816</v>
      </c>
      <c r="AG16" s="278">
        <v>4625</v>
      </c>
      <c r="AH16" s="283">
        <v>4784</v>
      </c>
      <c r="AI16" s="277">
        <v>24</v>
      </c>
      <c r="AJ16" s="281">
        <v>54</v>
      </c>
      <c r="AK16" s="278">
        <v>78</v>
      </c>
      <c r="AL16" s="280">
        <v>0</v>
      </c>
      <c r="AM16" s="281">
        <v>185</v>
      </c>
      <c r="AN16" s="281">
        <v>271</v>
      </c>
      <c r="AO16" s="281">
        <v>105</v>
      </c>
      <c r="AP16" s="281">
        <v>66</v>
      </c>
      <c r="AQ16" s="281">
        <v>52</v>
      </c>
      <c r="AR16" s="278">
        <v>679</v>
      </c>
      <c r="AS16" s="283">
        <v>757</v>
      </c>
      <c r="AT16" s="277">
        <v>0</v>
      </c>
      <c r="AU16" s="281">
        <v>0</v>
      </c>
      <c r="AV16" s="278">
        <v>0</v>
      </c>
      <c r="AW16" s="280">
        <v>0</v>
      </c>
      <c r="AX16" s="281">
        <v>1422</v>
      </c>
      <c r="AY16" s="281">
        <v>1574</v>
      </c>
      <c r="AZ16" s="281">
        <v>971</v>
      </c>
      <c r="BA16" s="281">
        <v>684</v>
      </c>
      <c r="BB16" s="281">
        <v>266</v>
      </c>
      <c r="BC16" s="282">
        <v>4917</v>
      </c>
      <c r="BD16" s="283">
        <v>4917</v>
      </c>
      <c r="BE16" s="277">
        <v>0</v>
      </c>
      <c r="BF16" s="281">
        <v>0</v>
      </c>
      <c r="BG16" s="278">
        <v>0</v>
      </c>
      <c r="BH16" s="280">
        <v>0</v>
      </c>
      <c r="BI16" s="281">
        <v>187</v>
      </c>
      <c r="BJ16" s="281">
        <v>259</v>
      </c>
      <c r="BK16" s="281">
        <v>149</v>
      </c>
      <c r="BL16" s="281">
        <v>181</v>
      </c>
      <c r="BM16" s="281">
        <v>90</v>
      </c>
      <c r="BN16" s="278">
        <v>866</v>
      </c>
      <c r="BO16" s="283">
        <v>866</v>
      </c>
      <c r="BP16" s="277">
        <v>0</v>
      </c>
      <c r="BQ16" s="281">
        <v>0</v>
      </c>
      <c r="BR16" s="278">
        <v>0</v>
      </c>
      <c r="BS16" s="280">
        <v>0</v>
      </c>
      <c r="BT16" s="281">
        <v>111</v>
      </c>
      <c r="BU16" s="281">
        <v>253</v>
      </c>
      <c r="BV16" s="281">
        <v>534</v>
      </c>
      <c r="BW16" s="281">
        <v>617</v>
      </c>
      <c r="BX16" s="281">
        <v>354</v>
      </c>
      <c r="BY16" s="278">
        <v>1869</v>
      </c>
      <c r="BZ16" s="283">
        <v>1869</v>
      </c>
      <c r="CA16" s="277">
        <v>0</v>
      </c>
      <c r="CB16" s="281">
        <v>0</v>
      </c>
      <c r="CC16" s="278">
        <v>0</v>
      </c>
      <c r="CD16" s="280">
        <v>0</v>
      </c>
      <c r="CE16" s="281">
        <v>3</v>
      </c>
      <c r="CF16" s="281">
        <v>20</v>
      </c>
      <c r="CG16" s="281">
        <v>56</v>
      </c>
      <c r="CH16" s="281">
        <v>39</v>
      </c>
      <c r="CI16" s="281">
        <v>3</v>
      </c>
      <c r="CJ16" s="278">
        <v>121</v>
      </c>
      <c r="CK16" s="283">
        <v>121</v>
      </c>
      <c r="CL16" s="277">
        <v>0</v>
      </c>
      <c r="CM16" s="281">
        <v>0</v>
      </c>
      <c r="CN16" s="278">
        <v>0</v>
      </c>
      <c r="CO16" s="280">
        <v>0</v>
      </c>
      <c r="CP16" s="281">
        <v>0</v>
      </c>
      <c r="CQ16" s="281">
        <v>0</v>
      </c>
      <c r="CR16" s="281">
        <v>0</v>
      </c>
      <c r="CS16" s="281">
        <v>0</v>
      </c>
      <c r="CT16" s="281">
        <v>0</v>
      </c>
      <c r="CU16" s="278">
        <v>0</v>
      </c>
      <c r="CV16" s="283">
        <v>0</v>
      </c>
      <c r="CW16" s="277">
        <v>0</v>
      </c>
      <c r="CX16" s="281">
        <v>0</v>
      </c>
      <c r="CY16" s="278">
        <v>0</v>
      </c>
      <c r="CZ16" s="280">
        <v>0</v>
      </c>
      <c r="DA16" s="281">
        <v>0</v>
      </c>
      <c r="DB16" s="281">
        <v>0</v>
      </c>
      <c r="DC16" s="281">
        <v>0</v>
      </c>
      <c r="DD16" s="281">
        <v>0</v>
      </c>
      <c r="DE16" s="281">
        <v>0</v>
      </c>
      <c r="DF16" s="278">
        <v>0</v>
      </c>
      <c r="DG16" s="283">
        <v>0</v>
      </c>
    </row>
    <row r="17" spans="1:111" ht="18.75" customHeight="1" x14ac:dyDescent="0.2">
      <c r="A17" s="262" t="s">
        <v>15</v>
      </c>
      <c r="B17" s="277">
        <v>0</v>
      </c>
      <c r="C17" s="281">
        <v>0</v>
      </c>
      <c r="D17" s="385">
        <v>0</v>
      </c>
      <c r="E17" s="280">
        <v>0</v>
      </c>
      <c r="F17" s="281">
        <v>1120</v>
      </c>
      <c r="G17" s="281">
        <v>2092</v>
      </c>
      <c r="H17" s="281">
        <v>1769</v>
      </c>
      <c r="I17" s="281">
        <v>1464</v>
      </c>
      <c r="J17" s="281">
        <v>1932</v>
      </c>
      <c r="K17" s="282">
        <v>8377</v>
      </c>
      <c r="L17" s="283">
        <v>8377</v>
      </c>
      <c r="M17" s="277">
        <v>0</v>
      </c>
      <c r="N17" s="281">
        <v>0</v>
      </c>
      <c r="O17" s="278">
        <v>0</v>
      </c>
      <c r="P17" s="280">
        <v>0</v>
      </c>
      <c r="Q17" s="281">
        <v>0</v>
      </c>
      <c r="R17" s="281">
        <v>29</v>
      </c>
      <c r="S17" s="281">
        <v>31</v>
      </c>
      <c r="T17" s="281">
        <v>49</v>
      </c>
      <c r="U17" s="281">
        <v>161</v>
      </c>
      <c r="V17" s="278">
        <v>270</v>
      </c>
      <c r="W17" s="283">
        <v>270</v>
      </c>
      <c r="X17" s="277">
        <v>12</v>
      </c>
      <c r="Y17" s="281">
        <v>77</v>
      </c>
      <c r="Z17" s="278">
        <v>89</v>
      </c>
      <c r="AA17" s="280">
        <v>0</v>
      </c>
      <c r="AB17" s="281">
        <v>223</v>
      </c>
      <c r="AC17" s="281">
        <v>619</v>
      </c>
      <c r="AD17" s="281">
        <v>229</v>
      </c>
      <c r="AE17" s="281">
        <v>207</v>
      </c>
      <c r="AF17" s="281">
        <v>393</v>
      </c>
      <c r="AG17" s="278">
        <v>1671</v>
      </c>
      <c r="AH17" s="283">
        <v>1760</v>
      </c>
      <c r="AI17" s="277">
        <v>0</v>
      </c>
      <c r="AJ17" s="281">
        <v>8</v>
      </c>
      <c r="AK17" s="278">
        <v>8</v>
      </c>
      <c r="AL17" s="280">
        <v>0</v>
      </c>
      <c r="AM17" s="281">
        <v>47</v>
      </c>
      <c r="AN17" s="281">
        <v>94</v>
      </c>
      <c r="AO17" s="281">
        <v>52</v>
      </c>
      <c r="AP17" s="281">
        <v>46</v>
      </c>
      <c r="AQ17" s="281">
        <v>24</v>
      </c>
      <c r="AR17" s="278">
        <v>263</v>
      </c>
      <c r="AS17" s="283">
        <v>271</v>
      </c>
      <c r="AT17" s="277">
        <v>0</v>
      </c>
      <c r="AU17" s="281">
        <v>0</v>
      </c>
      <c r="AV17" s="278">
        <v>0</v>
      </c>
      <c r="AW17" s="280">
        <v>0</v>
      </c>
      <c r="AX17" s="281">
        <v>735</v>
      </c>
      <c r="AY17" s="281">
        <v>1315</v>
      </c>
      <c r="AZ17" s="281">
        <v>575</v>
      </c>
      <c r="BA17" s="281">
        <v>185</v>
      </c>
      <c r="BB17" s="281">
        <v>139</v>
      </c>
      <c r="BC17" s="282">
        <v>2949</v>
      </c>
      <c r="BD17" s="283">
        <v>2949</v>
      </c>
      <c r="BE17" s="277">
        <v>0</v>
      </c>
      <c r="BF17" s="281">
        <v>0</v>
      </c>
      <c r="BG17" s="278">
        <v>0</v>
      </c>
      <c r="BH17" s="280">
        <v>0</v>
      </c>
      <c r="BI17" s="281">
        <v>237</v>
      </c>
      <c r="BJ17" s="281">
        <v>293</v>
      </c>
      <c r="BK17" s="281">
        <v>116</v>
      </c>
      <c r="BL17" s="281">
        <v>80</v>
      </c>
      <c r="BM17" s="281">
        <v>20</v>
      </c>
      <c r="BN17" s="278">
        <v>746</v>
      </c>
      <c r="BO17" s="283">
        <v>746</v>
      </c>
      <c r="BP17" s="277">
        <v>0</v>
      </c>
      <c r="BQ17" s="281">
        <v>0</v>
      </c>
      <c r="BR17" s="278">
        <v>0</v>
      </c>
      <c r="BS17" s="280">
        <v>0</v>
      </c>
      <c r="BT17" s="281">
        <v>87</v>
      </c>
      <c r="BU17" s="281">
        <v>322</v>
      </c>
      <c r="BV17" s="281">
        <v>745</v>
      </c>
      <c r="BW17" s="281">
        <v>996</v>
      </c>
      <c r="BX17" s="281">
        <v>227</v>
      </c>
      <c r="BY17" s="278">
        <v>2377</v>
      </c>
      <c r="BZ17" s="283">
        <v>2377</v>
      </c>
      <c r="CA17" s="277">
        <v>0</v>
      </c>
      <c r="CB17" s="281">
        <v>0</v>
      </c>
      <c r="CC17" s="278">
        <v>0</v>
      </c>
      <c r="CD17" s="280">
        <v>0</v>
      </c>
      <c r="CE17" s="281">
        <v>12</v>
      </c>
      <c r="CF17" s="281">
        <v>19</v>
      </c>
      <c r="CG17" s="281">
        <v>47</v>
      </c>
      <c r="CH17" s="281">
        <v>10</v>
      </c>
      <c r="CI17" s="281">
        <v>0</v>
      </c>
      <c r="CJ17" s="278">
        <v>88</v>
      </c>
      <c r="CK17" s="283">
        <v>88</v>
      </c>
      <c r="CL17" s="277">
        <v>0</v>
      </c>
      <c r="CM17" s="281">
        <v>0</v>
      </c>
      <c r="CN17" s="278">
        <v>0</v>
      </c>
      <c r="CO17" s="280">
        <v>0</v>
      </c>
      <c r="CP17" s="281">
        <v>0</v>
      </c>
      <c r="CQ17" s="281">
        <v>0</v>
      </c>
      <c r="CR17" s="281">
        <v>0</v>
      </c>
      <c r="CS17" s="281">
        <v>0</v>
      </c>
      <c r="CT17" s="281">
        <v>0</v>
      </c>
      <c r="CU17" s="278">
        <v>0</v>
      </c>
      <c r="CV17" s="283">
        <v>0</v>
      </c>
      <c r="CW17" s="277">
        <v>0</v>
      </c>
      <c r="CX17" s="281">
        <v>0</v>
      </c>
      <c r="CY17" s="278">
        <v>0</v>
      </c>
      <c r="CZ17" s="280">
        <v>0</v>
      </c>
      <c r="DA17" s="281">
        <v>0</v>
      </c>
      <c r="DB17" s="281">
        <v>0</v>
      </c>
      <c r="DC17" s="281">
        <v>0</v>
      </c>
      <c r="DD17" s="281">
        <v>0</v>
      </c>
      <c r="DE17" s="281">
        <v>0</v>
      </c>
      <c r="DF17" s="278">
        <v>0</v>
      </c>
      <c r="DG17" s="283">
        <v>0</v>
      </c>
    </row>
    <row r="18" spans="1:111" ht="18.75" customHeight="1" x14ac:dyDescent="0.2">
      <c r="A18" s="262" t="s">
        <v>16</v>
      </c>
      <c r="B18" s="277">
        <v>0</v>
      </c>
      <c r="C18" s="281">
        <v>0</v>
      </c>
      <c r="D18" s="385">
        <v>0</v>
      </c>
      <c r="E18" s="280">
        <v>0</v>
      </c>
      <c r="F18" s="281">
        <v>2172</v>
      </c>
      <c r="G18" s="281">
        <v>3540</v>
      </c>
      <c r="H18" s="281">
        <v>4850</v>
      </c>
      <c r="I18" s="281">
        <v>5028</v>
      </c>
      <c r="J18" s="281">
        <v>3977</v>
      </c>
      <c r="K18" s="282">
        <v>19567</v>
      </c>
      <c r="L18" s="283">
        <v>19567</v>
      </c>
      <c r="M18" s="277">
        <v>0</v>
      </c>
      <c r="N18" s="281">
        <v>0</v>
      </c>
      <c r="O18" s="278">
        <v>0</v>
      </c>
      <c r="P18" s="280">
        <v>0</v>
      </c>
      <c r="Q18" s="281">
        <v>8</v>
      </c>
      <c r="R18" s="281">
        <v>52</v>
      </c>
      <c r="S18" s="281">
        <v>67</v>
      </c>
      <c r="T18" s="281">
        <v>100</v>
      </c>
      <c r="U18" s="281">
        <v>262</v>
      </c>
      <c r="V18" s="278">
        <v>489</v>
      </c>
      <c r="W18" s="283">
        <v>489</v>
      </c>
      <c r="X18" s="277">
        <v>67</v>
      </c>
      <c r="Y18" s="281">
        <v>311</v>
      </c>
      <c r="Z18" s="278">
        <v>378</v>
      </c>
      <c r="AA18" s="280">
        <v>0</v>
      </c>
      <c r="AB18" s="281">
        <v>1144</v>
      </c>
      <c r="AC18" s="281">
        <v>2404</v>
      </c>
      <c r="AD18" s="281">
        <v>1529</v>
      </c>
      <c r="AE18" s="281">
        <v>1403</v>
      </c>
      <c r="AF18" s="281">
        <v>1092</v>
      </c>
      <c r="AG18" s="278">
        <v>7572</v>
      </c>
      <c r="AH18" s="283">
        <v>7950</v>
      </c>
      <c r="AI18" s="277">
        <v>0</v>
      </c>
      <c r="AJ18" s="281">
        <v>66</v>
      </c>
      <c r="AK18" s="278">
        <v>66</v>
      </c>
      <c r="AL18" s="280">
        <v>0</v>
      </c>
      <c r="AM18" s="281">
        <v>119</v>
      </c>
      <c r="AN18" s="281">
        <v>247</v>
      </c>
      <c r="AO18" s="281">
        <v>351</v>
      </c>
      <c r="AP18" s="281">
        <v>76</v>
      </c>
      <c r="AQ18" s="281">
        <v>133</v>
      </c>
      <c r="AR18" s="278">
        <v>926</v>
      </c>
      <c r="AS18" s="283">
        <v>992</v>
      </c>
      <c r="AT18" s="277">
        <v>0</v>
      </c>
      <c r="AU18" s="281">
        <v>0</v>
      </c>
      <c r="AV18" s="278">
        <v>0</v>
      </c>
      <c r="AW18" s="280">
        <v>0</v>
      </c>
      <c r="AX18" s="281">
        <v>2954</v>
      </c>
      <c r="AY18" s="281">
        <v>4066</v>
      </c>
      <c r="AZ18" s="281">
        <v>3290</v>
      </c>
      <c r="BA18" s="281">
        <v>1879</v>
      </c>
      <c r="BB18" s="281">
        <v>1032</v>
      </c>
      <c r="BC18" s="282">
        <v>13221</v>
      </c>
      <c r="BD18" s="283">
        <v>13221</v>
      </c>
      <c r="BE18" s="277">
        <v>0</v>
      </c>
      <c r="BF18" s="281">
        <v>0</v>
      </c>
      <c r="BG18" s="278">
        <v>0</v>
      </c>
      <c r="BH18" s="280">
        <v>0</v>
      </c>
      <c r="BI18" s="281">
        <v>1432</v>
      </c>
      <c r="BJ18" s="281">
        <v>2232</v>
      </c>
      <c r="BK18" s="281">
        <v>990</v>
      </c>
      <c r="BL18" s="281">
        <v>513</v>
      </c>
      <c r="BM18" s="281">
        <v>218</v>
      </c>
      <c r="BN18" s="278">
        <v>5385</v>
      </c>
      <c r="BO18" s="283">
        <v>5385</v>
      </c>
      <c r="BP18" s="277">
        <v>10</v>
      </c>
      <c r="BQ18" s="281">
        <v>6</v>
      </c>
      <c r="BR18" s="278">
        <v>16</v>
      </c>
      <c r="BS18" s="280">
        <v>0</v>
      </c>
      <c r="BT18" s="281">
        <v>258</v>
      </c>
      <c r="BU18" s="281">
        <v>461</v>
      </c>
      <c r="BV18" s="281">
        <v>1033</v>
      </c>
      <c r="BW18" s="281">
        <v>470</v>
      </c>
      <c r="BX18" s="281">
        <v>253</v>
      </c>
      <c r="BY18" s="278">
        <v>2475</v>
      </c>
      <c r="BZ18" s="283">
        <v>2491</v>
      </c>
      <c r="CA18" s="277">
        <v>0</v>
      </c>
      <c r="CB18" s="281">
        <v>0</v>
      </c>
      <c r="CC18" s="278">
        <v>0</v>
      </c>
      <c r="CD18" s="280">
        <v>0</v>
      </c>
      <c r="CE18" s="281">
        <v>14</v>
      </c>
      <c r="CF18" s="281">
        <v>12</v>
      </c>
      <c r="CG18" s="281">
        <v>79</v>
      </c>
      <c r="CH18" s="281">
        <v>61</v>
      </c>
      <c r="CI18" s="281">
        <v>21</v>
      </c>
      <c r="CJ18" s="278">
        <v>187</v>
      </c>
      <c r="CK18" s="283">
        <v>187</v>
      </c>
      <c r="CL18" s="277">
        <v>0</v>
      </c>
      <c r="CM18" s="281">
        <v>0</v>
      </c>
      <c r="CN18" s="278">
        <v>0</v>
      </c>
      <c r="CO18" s="280">
        <v>0</v>
      </c>
      <c r="CP18" s="281">
        <v>0</v>
      </c>
      <c r="CQ18" s="281">
        <v>0</v>
      </c>
      <c r="CR18" s="281">
        <v>0</v>
      </c>
      <c r="CS18" s="281">
        <v>0</v>
      </c>
      <c r="CT18" s="281">
        <v>0</v>
      </c>
      <c r="CU18" s="278">
        <v>0</v>
      </c>
      <c r="CV18" s="283">
        <v>0</v>
      </c>
      <c r="CW18" s="277">
        <v>0</v>
      </c>
      <c r="CX18" s="281">
        <v>0</v>
      </c>
      <c r="CY18" s="278">
        <v>0</v>
      </c>
      <c r="CZ18" s="280">
        <v>0</v>
      </c>
      <c r="DA18" s="281">
        <v>0</v>
      </c>
      <c r="DB18" s="281">
        <v>0</v>
      </c>
      <c r="DC18" s="281">
        <v>0</v>
      </c>
      <c r="DD18" s="281">
        <v>0</v>
      </c>
      <c r="DE18" s="281">
        <v>0</v>
      </c>
      <c r="DF18" s="278">
        <v>0</v>
      </c>
      <c r="DG18" s="283">
        <v>0</v>
      </c>
    </row>
    <row r="19" spans="1:111" ht="18.75" customHeight="1" x14ac:dyDescent="0.2">
      <c r="A19" s="262" t="s">
        <v>17</v>
      </c>
      <c r="B19" s="277">
        <v>0</v>
      </c>
      <c r="C19" s="281">
        <v>0</v>
      </c>
      <c r="D19" s="385">
        <v>0</v>
      </c>
      <c r="E19" s="280">
        <v>0</v>
      </c>
      <c r="F19" s="281">
        <v>2409</v>
      </c>
      <c r="G19" s="281">
        <v>6523</v>
      </c>
      <c r="H19" s="281">
        <v>7467</v>
      </c>
      <c r="I19" s="281">
        <v>9000</v>
      </c>
      <c r="J19" s="281">
        <v>11625</v>
      </c>
      <c r="K19" s="282">
        <v>37024</v>
      </c>
      <c r="L19" s="283">
        <v>37024</v>
      </c>
      <c r="M19" s="277">
        <v>0</v>
      </c>
      <c r="N19" s="281">
        <v>9</v>
      </c>
      <c r="O19" s="278">
        <v>9</v>
      </c>
      <c r="P19" s="280">
        <v>0</v>
      </c>
      <c r="Q19" s="281">
        <v>0</v>
      </c>
      <c r="R19" s="281">
        <v>46</v>
      </c>
      <c r="S19" s="281">
        <v>104</v>
      </c>
      <c r="T19" s="281">
        <v>167</v>
      </c>
      <c r="U19" s="281">
        <v>417</v>
      </c>
      <c r="V19" s="278">
        <v>734</v>
      </c>
      <c r="W19" s="283">
        <v>743</v>
      </c>
      <c r="X19" s="277">
        <v>120</v>
      </c>
      <c r="Y19" s="281">
        <v>551</v>
      </c>
      <c r="Z19" s="278">
        <v>671</v>
      </c>
      <c r="AA19" s="280">
        <v>0</v>
      </c>
      <c r="AB19" s="281">
        <v>1059</v>
      </c>
      <c r="AC19" s="281">
        <v>2786</v>
      </c>
      <c r="AD19" s="281">
        <v>1639</v>
      </c>
      <c r="AE19" s="281">
        <v>1517</v>
      </c>
      <c r="AF19" s="281">
        <v>1322</v>
      </c>
      <c r="AG19" s="278">
        <v>8323</v>
      </c>
      <c r="AH19" s="283">
        <v>8994</v>
      </c>
      <c r="AI19" s="277">
        <v>30</v>
      </c>
      <c r="AJ19" s="281">
        <v>66</v>
      </c>
      <c r="AK19" s="278">
        <v>96</v>
      </c>
      <c r="AL19" s="280">
        <v>0</v>
      </c>
      <c r="AM19" s="281">
        <v>108</v>
      </c>
      <c r="AN19" s="281">
        <v>462</v>
      </c>
      <c r="AO19" s="281">
        <v>350</v>
      </c>
      <c r="AP19" s="281">
        <v>206</v>
      </c>
      <c r="AQ19" s="281">
        <v>135</v>
      </c>
      <c r="AR19" s="278">
        <v>1261</v>
      </c>
      <c r="AS19" s="283">
        <v>1357</v>
      </c>
      <c r="AT19" s="277">
        <v>0</v>
      </c>
      <c r="AU19" s="281">
        <v>0</v>
      </c>
      <c r="AV19" s="278">
        <v>0</v>
      </c>
      <c r="AW19" s="280">
        <v>0</v>
      </c>
      <c r="AX19" s="281">
        <v>3163</v>
      </c>
      <c r="AY19" s="281">
        <v>5469</v>
      </c>
      <c r="AZ19" s="281">
        <v>3236</v>
      </c>
      <c r="BA19" s="281">
        <v>2113</v>
      </c>
      <c r="BB19" s="281">
        <v>874</v>
      </c>
      <c r="BC19" s="282">
        <v>14855</v>
      </c>
      <c r="BD19" s="283">
        <v>14855</v>
      </c>
      <c r="BE19" s="277">
        <v>0</v>
      </c>
      <c r="BF19" s="281">
        <v>0</v>
      </c>
      <c r="BG19" s="278">
        <v>0</v>
      </c>
      <c r="BH19" s="280">
        <v>0</v>
      </c>
      <c r="BI19" s="281">
        <v>539</v>
      </c>
      <c r="BJ19" s="281">
        <v>1403</v>
      </c>
      <c r="BK19" s="281">
        <v>652</v>
      </c>
      <c r="BL19" s="281">
        <v>347</v>
      </c>
      <c r="BM19" s="281">
        <v>133</v>
      </c>
      <c r="BN19" s="278">
        <v>3074</v>
      </c>
      <c r="BO19" s="283">
        <v>3074</v>
      </c>
      <c r="BP19" s="277">
        <v>10</v>
      </c>
      <c r="BQ19" s="281">
        <v>17</v>
      </c>
      <c r="BR19" s="278">
        <v>27</v>
      </c>
      <c r="BS19" s="280">
        <v>0</v>
      </c>
      <c r="BT19" s="281">
        <v>353</v>
      </c>
      <c r="BU19" s="281">
        <v>670</v>
      </c>
      <c r="BV19" s="281">
        <v>1107</v>
      </c>
      <c r="BW19" s="281">
        <v>935</v>
      </c>
      <c r="BX19" s="281">
        <v>473</v>
      </c>
      <c r="BY19" s="278">
        <v>3538</v>
      </c>
      <c r="BZ19" s="283">
        <v>3565</v>
      </c>
      <c r="CA19" s="277">
        <v>0</v>
      </c>
      <c r="CB19" s="281">
        <v>0</v>
      </c>
      <c r="CC19" s="278">
        <v>0</v>
      </c>
      <c r="CD19" s="280">
        <v>0</v>
      </c>
      <c r="CE19" s="281">
        <v>33</v>
      </c>
      <c r="CF19" s="281">
        <v>68</v>
      </c>
      <c r="CG19" s="281">
        <v>52</v>
      </c>
      <c r="CH19" s="281">
        <v>46</v>
      </c>
      <c r="CI19" s="281">
        <v>66</v>
      </c>
      <c r="CJ19" s="278">
        <v>265</v>
      </c>
      <c r="CK19" s="283">
        <v>265</v>
      </c>
      <c r="CL19" s="277">
        <v>0</v>
      </c>
      <c r="CM19" s="281">
        <v>0</v>
      </c>
      <c r="CN19" s="278">
        <v>0</v>
      </c>
      <c r="CO19" s="280">
        <v>0</v>
      </c>
      <c r="CP19" s="281">
        <v>0</v>
      </c>
      <c r="CQ19" s="281">
        <v>0</v>
      </c>
      <c r="CR19" s="281">
        <v>0</v>
      </c>
      <c r="CS19" s="281">
        <v>0</v>
      </c>
      <c r="CT19" s="281">
        <v>0</v>
      </c>
      <c r="CU19" s="278">
        <v>0</v>
      </c>
      <c r="CV19" s="283">
        <v>0</v>
      </c>
      <c r="CW19" s="277">
        <v>0</v>
      </c>
      <c r="CX19" s="281">
        <v>0</v>
      </c>
      <c r="CY19" s="278">
        <v>0</v>
      </c>
      <c r="CZ19" s="280">
        <v>0</v>
      </c>
      <c r="DA19" s="281">
        <v>0</v>
      </c>
      <c r="DB19" s="281">
        <v>0</v>
      </c>
      <c r="DC19" s="281">
        <v>0</v>
      </c>
      <c r="DD19" s="281">
        <v>0</v>
      </c>
      <c r="DE19" s="281">
        <v>0</v>
      </c>
      <c r="DF19" s="278">
        <v>0</v>
      </c>
      <c r="DG19" s="283">
        <v>0</v>
      </c>
    </row>
    <row r="20" spans="1:111" ht="18.75" customHeight="1" x14ac:dyDescent="0.2">
      <c r="A20" s="262" t="s">
        <v>18</v>
      </c>
      <c r="B20" s="277">
        <v>0</v>
      </c>
      <c r="C20" s="281">
        <v>0</v>
      </c>
      <c r="D20" s="385">
        <v>0</v>
      </c>
      <c r="E20" s="280">
        <v>0</v>
      </c>
      <c r="F20" s="281">
        <v>5275</v>
      </c>
      <c r="G20" s="281">
        <v>7256</v>
      </c>
      <c r="H20" s="281">
        <v>9009</v>
      </c>
      <c r="I20" s="281">
        <v>13086</v>
      </c>
      <c r="J20" s="281">
        <v>9035</v>
      </c>
      <c r="K20" s="282">
        <v>43661</v>
      </c>
      <c r="L20" s="283">
        <v>43661</v>
      </c>
      <c r="M20" s="277">
        <v>0</v>
      </c>
      <c r="N20" s="281">
        <v>0</v>
      </c>
      <c r="O20" s="278">
        <v>0</v>
      </c>
      <c r="P20" s="280">
        <v>0</v>
      </c>
      <c r="Q20" s="281">
        <v>23</v>
      </c>
      <c r="R20" s="281">
        <v>63</v>
      </c>
      <c r="S20" s="281">
        <v>106</v>
      </c>
      <c r="T20" s="281">
        <v>162</v>
      </c>
      <c r="U20" s="281">
        <v>422</v>
      </c>
      <c r="V20" s="278">
        <v>776</v>
      </c>
      <c r="W20" s="283">
        <v>776</v>
      </c>
      <c r="X20" s="277">
        <v>283</v>
      </c>
      <c r="Y20" s="281">
        <v>670</v>
      </c>
      <c r="Z20" s="278">
        <v>953</v>
      </c>
      <c r="AA20" s="280">
        <v>0</v>
      </c>
      <c r="AB20" s="281">
        <v>2387</v>
      </c>
      <c r="AC20" s="281">
        <v>2878</v>
      </c>
      <c r="AD20" s="281">
        <v>2155</v>
      </c>
      <c r="AE20" s="281">
        <v>1799</v>
      </c>
      <c r="AF20" s="281">
        <v>1509</v>
      </c>
      <c r="AG20" s="278">
        <v>10728</v>
      </c>
      <c r="AH20" s="283">
        <v>11681</v>
      </c>
      <c r="AI20" s="277">
        <v>76</v>
      </c>
      <c r="AJ20" s="281">
        <v>69</v>
      </c>
      <c r="AK20" s="278">
        <v>145</v>
      </c>
      <c r="AL20" s="280">
        <v>0</v>
      </c>
      <c r="AM20" s="281">
        <v>541</v>
      </c>
      <c r="AN20" s="281">
        <v>548</v>
      </c>
      <c r="AO20" s="281">
        <v>508</v>
      </c>
      <c r="AP20" s="281">
        <v>445</v>
      </c>
      <c r="AQ20" s="281">
        <v>193</v>
      </c>
      <c r="AR20" s="278">
        <v>2235</v>
      </c>
      <c r="AS20" s="283">
        <v>2380</v>
      </c>
      <c r="AT20" s="277">
        <v>0</v>
      </c>
      <c r="AU20" s="281">
        <v>0</v>
      </c>
      <c r="AV20" s="278">
        <v>0</v>
      </c>
      <c r="AW20" s="280">
        <v>0</v>
      </c>
      <c r="AX20" s="281">
        <v>5564</v>
      </c>
      <c r="AY20" s="281">
        <v>5670</v>
      </c>
      <c r="AZ20" s="281">
        <v>3954</v>
      </c>
      <c r="BA20" s="281">
        <v>2220</v>
      </c>
      <c r="BB20" s="281">
        <v>867</v>
      </c>
      <c r="BC20" s="282">
        <v>18275</v>
      </c>
      <c r="BD20" s="283">
        <v>18275</v>
      </c>
      <c r="BE20" s="277">
        <v>0</v>
      </c>
      <c r="BF20" s="281">
        <v>0</v>
      </c>
      <c r="BG20" s="278">
        <v>0</v>
      </c>
      <c r="BH20" s="280">
        <v>0</v>
      </c>
      <c r="BI20" s="281">
        <v>1348</v>
      </c>
      <c r="BJ20" s="281">
        <v>1536</v>
      </c>
      <c r="BK20" s="281">
        <v>947</v>
      </c>
      <c r="BL20" s="281">
        <v>536</v>
      </c>
      <c r="BM20" s="281">
        <v>124</v>
      </c>
      <c r="BN20" s="278">
        <v>4491</v>
      </c>
      <c r="BO20" s="283">
        <v>4491</v>
      </c>
      <c r="BP20" s="277">
        <v>0</v>
      </c>
      <c r="BQ20" s="281">
        <v>7</v>
      </c>
      <c r="BR20" s="278">
        <v>7</v>
      </c>
      <c r="BS20" s="280">
        <v>0</v>
      </c>
      <c r="BT20" s="281">
        <v>458</v>
      </c>
      <c r="BU20" s="281">
        <v>906</v>
      </c>
      <c r="BV20" s="281">
        <v>1885</v>
      </c>
      <c r="BW20" s="281">
        <v>1539</v>
      </c>
      <c r="BX20" s="281">
        <v>693</v>
      </c>
      <c r="BY20" s="278">
        <v>5481</v>
      </c>
      <c r="BZ20" s="283">
        <v>5488</v>
      </c>
      <c r="CA20" s="277">
        <v>0</v>
      </c>
      <c r="CB20" s="281">
        <v>0</v>
      </c>
      <c r="CC20" s="278">
        <v>0</v>
      </c>
      <c r="CD20" s="280">
        <v>0</v>
      </c>
      <c r="CE20" s="281">
        <v>3</v>
      </c>
      <c r="CF20" s="281">
        <v>9</v>
      </c>
      <c r="CG20" s="281">
        <v>25</v>
      </c>
      <c r="CH20" s="281">
        <v>31</v>
      </c>
      <c r="CI20" s="281">
        <v>23</v>
      </c>
      <c r="CJ20" s="278">
        <v>91</v>
      </c>
      <c r="CK20" s="283">
        <v>91</v>
      </c>
      <c r="CL20" s="277">
        <v>0</v>
      </c>
      <c r="CM20" s="281">
        <v>0</v>
      </c>
      <c r="CN20" s="278">
        <v>0</v>
      </c>
      <c r="CO20" s="280">
        <v>0</v>
      </c>
      <c r="CP20" s="281">
        <v>0</v>
      </c>
      <c r="CQ20" s="281">
        <v>0</v>
      </c>
      <c r="CR20" s="281">
        <v>0</v>
      </c>
      <c r="CS20" s="281">
        <v>0</v>
      </c>
      <c r="CT20" s="281">
        <v>0</v>
      </c>
      <c r="CU20" s="278">
        <v>0</v>
      </c>
      <c r="CV20" s="283">
        <v>0</v>
      </c>
      <c r="CW20" s="277">
        <v>0</v>
      </c>
      <c r="CX20" s="281">
        <v>0</v>
      </c>
      <c r="CY20" s="278">
        <v>0</v>
      </c>
      <c r="CZ20" s="280">
        <v>0</v>
      </c>
      <c r="DA20" s="281">
        <v>0</v>
      </c>
      <c r="DB20" s="281">
        <v>0</v>
      </c>
      <c r="DC20" s="281">
        <v>0</v>
      </c>
      <c r="DD20" s="281">
        <v>0</v>
      </c>
      <c r="DE20" s="281">
        <v>0</v>
      </c>
      <c r="DF20" s="278">
        <v>0</v>
      </c>
      <c r="DG20" s="283">
        <v>0</v>
      </c>
    </row>
    <row r="21" spans="1:111" ht="18.75" customHeight="1" x14ac:dyDescent="0.2">
      <c r="A21" s="262" t="s">
        <v>19</v>
      </c>
      <c r="B21" s="277">
        <v>0</v>
      </c>
      <c r="C21" s="281">
        <v>0</v>
      </c>
      <c r="D21" s="385">
        <v>0</v>
      </c>
      <c r="E21" s="280">
        <v>0</v>
      </c>
      <c r="F21" s="281">
        <v>2100</v>
      </c>
      <c r="G21" s="281">
        <v>2417</v>
      </c>
      <c r="H21" s="281">
        <v>2779</v>
      </c>
      <c r="I21" s="281">
        <v>3312</v>
      </c>
      <c r="J21" s="281">
        <v>2240</v>
      </c>
      <c r="K21" s="282">
        <v>12848</v>
      </c>
      <c r="L21" s="283">
        <v>12848</v>
      </c>
      <c r="M21" s="277">
        <v>0</v>
      </c>
      <c r="N21" s="281">
        <v>0</v>
      </c>
      <c r="O21" s="278">
        <v>0</v>
      </c>
      <c r="P21" s="280">
        <v>0</v>
      </c>
      <c r="Q21" s="281">
        <v>17</v>
      </c>
      <c r="R21" s="281">
        <v>14</v>
      </c>
      <c r="S21" s="281">
        <v>56</v>
      </c>
      <c r="T21" s="281">
        <v>102</v>
      </c>
      <c r="U21" s="281">
        <v>155</v>
      </c>
      <c r="V21" s="278">
        <v>344</v>
      </c>
      <c r="W21" s="283">
        <v>344</v>
      </c>
      <c r="X21" s="277">
        <v>122</v>
      </c>
      <c r="Y21" s="281">
        <v>241</v>
      </c>
      <c r="Z21" s="278">
        <v>363</v>
      </c>
      <c r="AA21" s="280">
        <v>0</v>
      </c>
      <c r="AB21" s="281">
        <v>1208</v>
      </c>
      <c r="AC21" s="281">
        <v>1188</v>
      </c>
      <c r="AD21" s="281">
        <v>859</v>
      </c>
      <c r="AE21" s="281">
        <v>708</v>
      </c>
      <c r="AF21" s="281">
        <v>681</v>
      </c>
      <c r="AG21" s="278">
        <v>4644</v>
      </c>
      <c r="AH21" s="283">
        <v>5007</v>
      </c>
      <c r="AI21" s="277">
        <v>16</v>
      </c>
      <c r="AJ21" s="281">
        <v>55</v>
      </c>
      <c r="AK21" s="278">
        <v>71</v>
      </c>
      <c r="AL21" s="280">
        <v>0</v>
      </c>
      <c r="AM21" s="281">
        <v>249</v>
      </c>
      <c r="AN21" s="281">
        <v>151</v>
      </c>
      <c r="AO21" s="281">
        <v>77</v>
      </c>
      <c r="AP21" s="281">
        <v>117</v>
      </c>
      <c r="AQ21" s="281">
        <v>45</v>
      </c>
      <c r="AR21" s="278">
        <v>639</v>
      </c>
      <c r="AS21" s="283">
        <v>710</v>
      </c>
      <c r="AT21" s="277">
        <v>0</v>
      </c>
      <c r="AU21" s="281">
        <v>0</v>
      </c>
      <c r="AV21" s="278">
        <v>0</v>
      </c>
      <c r="AW21" s="280">
        <v>0</v>
      </c>
      <c r="AX21" s="281">
        <v>2252</v>
      </c>
      <c r="AY21" s="281">
        <v>2543</v>
      </c>
      <c r="AZ21" s="281">
        <v>1291</v>
      </c>
      <c r="BA21" s="281">
        <v>542</v>
      </c>
      <c r="BB21" s="281">
        <v>436</v>
      </c>
      <c r="BC21" s="282">
        <v>7064</v>
      </c>
      <c r="BD21" s="283">
        <v>7064</v>
      </c>
      <c r="BE21" s="277">
        <v>0</v>
      </c>
      <c r="BF21" s="281">
        <v>0</v>
      </c>
      <c r="BG21" s="278">
        <v>0</v>
      </c>
      <c r="BH21" s="280">
        <v>0</v>
      </c>
      <c r="BI21" s="281">
        <v>763</v>
      </c>
      <c r="BJ21" s="281">
        <v>697</v>
      </c>
      <c r="BK21" s="281">
        <v>413</v>
      </c>
      <c r="BL21" s="281">
        <v>253</v>
      </c>
      <c r="BM21" s="281">
        <v>110</v>
      </c>
      <c r="BN21" s="278">
        <v>2236</v>
      </c>
      <c r="BO21" s="283">
        <v>2236</v>
      </c>
      <c r="BP21" s="277">
        <v>0</v>
      </c>
      <c r="BQ21" s="281">
        <v>0</v>
      </c>
      <c r="BR21" s="278">
        <v>0</v>
      </c>
      <c r="BS21" s="280">
        <v>0</v>
      </c>
      <c r="BT21" s="281">
        <v>128</v>
      </c>
      <c r="BU21" s="281">
        <v>321</v>
      </c>
      <c r="BV21" s="281">
        <v>547</v>
      </c>
      <c r="BW21" s="281">
        <v>415</v>
      </c>
      <c r="BX21" s="281">
        <v>167</v>
      </c>
      <c r="BY21" s="278">
        <v>1578</v>
      </c>
      <c r="BZ21" s="283">
        <v>1578</v>
      </c>
      <c r="CA21" s="277">
        <v>0</v>
      </c>
      <c r="CB21" s="281">
        <v>0</v>
      </c>
      <c r="CC21" s="278">
        <v>0</v>
      </c>
      <c r="CD21" s="280">
        <v>0</v>
      </c>
      <c r="CE21" s="281">
        <v>24</v>
      </c>
      <c r="CF21" s="281">
        <v>73</v>
      </c>
      <c r="CG21" s="281">
        <v>40</v>
      </c>
      <c r="CH21" s="281">
        <v>68</v>
      </c>
      <c r="CI21" s="281">
        <v>37</v>
      </c>
      <c r="CJ21" s="278">
        <v>242</v>
      </c>
      <c r="CK21" s="283">
        <v>242</v>
      </c>
      <c r="CL21" s="277">
        <v>0</v>
      </c>
      <c r="CM21" s="281">
        <v>0</v>
      </c>
      <c r="CN21" s="278">
        <v>0</v>
      </c>
      <c r="CO21" s="280">
        <v>0</v>
      </c>
      <c r="CP21" s="281">
        <v>0</v>
      </c>
      <c r="CQ21" s="281">
        <v>0</v>
      </c>
      <c r="CR21" s="281">
        <v>0</v>
      </c>
      <c r="CS21" s="281">
        <v>0</v>
      </c>
      <c r="CT21" s="281">
        <v>0</v>
      </c>
      <c r="CU21" s="278">
        <v>0</v>
      </c>
      <c r="CV21" s="283">
        <v>0</v>
      </c>
      <c r="CW21" s="277">
        <v>0</v>
      </c>
      <c r="CX21" s="281">
        <v>0</v>
      </c>
      <c r="CY21" s="278">
        <v>0</v>
      </c>
      <c r="CZ21" s="280">
        <v>0</v>
      </c>
      <c r="DA21" s="281">
        <v>0</v>
      </c>
      <c r="DB21" s="281">
        <v>0</v>
      </c>
      <c r="DC21" s="281">
        <v>0</v>
      </c>
      <c r="DD21" s="281">
        <v>0</v>
      </c>
      <c r="DE21" s="281">
        <v>0</v>
      </c>
      <c r="DF21" s="278">
        <v>0</v>
      </c>
      <c r="DG21" s="283">
        <v>0</v>
      </c>
    </row>
    <row r="22" spans="1:111" ht="18.75" customHeight="1" x14ac:dyDescent="0.2">
      <c r="A22" s="262" t="s">
        <v>20</v>
      </c>
      <c r="B22" s="277">
        <v>0</v>
      </c>
      <c r="C22" s="281">
        <v>0</v>
      </c>
      <c r="D22" s="385">
        <v>0</v>
      </c>
      <c r="E22" s="280">
        <v>0</v>
      </c>
      <c r="F22" s="281">
        <v>2535</v>
      </c>
      <c r="G22" s="281">
        <v>3058</v>
      </c>
      <c r="H22" s="281">
        <v>4111</v>
      </c>
      <c r="I22" s="281">
        <v>4735</v>
      </c>
      <c r="J22" s="281">
        <v>3723</v>
      </c>
      <c r="K22" s="282">
        <v>18162</v>
      </c>
      <c r="L22" s="283">
        <v>18162</v>
      </c>
      <c r="M22" s="277">
        <v>0</v>
      </c>
      <c r="N22" s="281">
        <v>1</v>
      </c>
      <c r="O22" s="278">
        <v>1</v>
      </c>
      <c r="P22" s="280">
        <v>0</v>
      </c>
      <c r="Q22" s="281">
        <v>14</v>
      </c>
      <c r="R22" s="281">
        <v>34</v>
      </c>
      <c r="S22" s="281">
        <v>52</v>
      </c>
      <c r="T22" s="281">
        <v>92</v>
      </c>
      <c r="U22" s="281">
        <v>233</v>
      </c>
      <c r="V22" s="278">
        <v>425</v>
      </c>
      <c r="W22" s="283">
        <v>426</v>
      </c>
      <c r="X22" s="277">
        <v>131</v>
      </c>
      <c r="Y22" s="281">
        <v>356</v>
      </c>
      <c r="Z22" s="278">
        <v>487</v>
      </c>
      <c r="AA22" s="280">
        <v>0</v>
      </c>
      <c r="AB22" s="281">
        <v>2084</v>
      </c>
      <c r="AC22" s="281">
        <v>1664</v>
      </c>
      <c r="AD22" s="281">
        <v>960</v>
      </c>
      <c r="AE22" s="281">
        <v>803</v>
      </c>
      <c r="AF22" s="281">
        <v>638</v>
      </c>
      <c r="AG22" s="278">
        <v>6149</v>
      </c>
      <c r="AH22" s="283">
        <v>6636</v>
      </c>
      <c r="AI22" s="277">
        <v>106</v>
      </c>
      <c r="AJ22" s="281">
        <v>327</v>
      </c>
      <c r="AK22" s="278">
        <v>433</v>
      </c>
      <c r="AL22" s="280">
        <v>0</v>
      </c>
      <c r="AM22" s="281">
        <v>591</v>
      </c>
      <c r="AN22" s="281">
        <v>615</v>
      </c>
      <c r="AO22" s="281">
        <v>362</v>
      </c>
      <c r="AP22" s="281">
        <v>332</v>
      </c>
      <c r="AQ22" s="281">
        <v>287</v>
      </c>
      <c r="AR22" s="278">
        <v>2187</v>
      </c>
      <c r="AS22" s="283">
        <v>2620</v>
      </c>
      <c r="AT22" s="277">
        <v>0</v>
      </c>
      <c r="AU22" s="281">
        <v>0</v>
      </c>
      <c r="AV22" s="278">
        <v>0</v>
      </c>
      <c r="AW22" s="280">
        <v>0</v>
      </c>
      <c r="AX22" s="281">
        <v>2665</v>
      </c>
      <c r="AY22" s="281">
        <v>1774</v>
      </c>
      <c r="AZ22" s="281">
        <v>1510</v>
      </c>
      <c r="BA22" s="281">
        <v>767</v>
      </c>
      <c r="BB22" s="281">
        <v>335</v>
      </c>
      <c r="BC22" s="282">
        <v>7051</v>
      </c>
      <c r="BD22" s="283">
        <v>7051</v>
      </c>
      <c r="BE22" s="277">
        <v>0</v>
      </c>
      <c r="BF22" s="281">
        <v>0</v>
      </c>
      <c r="BG22" s="278">
        <v>0</v>
      </c>
      <c r="BH22" s="280">
        <v>0</v>
      </c>
      <c r="BI22" s="281">
        <v>1237</v>
      </c>
      <c r="BJ22" s="281">
        <v>853</v>
      </c>
      <c r="BK22" s="281">
        <v>533</v>
      </c>
      <c r="BL22" s="281">
        <v>380</v>
      </c>
      <c r="BM22" s="281">
        <v>89</v>
      </c>
      <c r="BN22" s="278">
        <v>3092</v>
      </c>
      <c r="BO22" s="283">
        <v>3092</v>
      </c>
      <c r="BP22" s="277">
        <v>2</v>
      </c>
      <c r="BQ22" s="281">
        <v>26</v>
      </c>
      <c r="BR22" s="278">
        <v>28</v>
      </c>
      <c r="BS22" s="280">
        <v>0</v>
      </c>
      <c r="BT22" s="281">
        <v>324</v>
      </c>
      <c r="BU22" s="281">
        <v>460</v>
      </c>
      <c r="BV22" s="281">
        <v>1364</v>
      </c>
      <c r="BW22" s="281">
        <v>735</v>
      </c>
      <c r="BX22" s="281">
        <v>267</v>
      </c>
      <c r="BY22" s="278">
        <v>3150</v>
      </c>
      <c r="BZ22" s="283">
        <v>3178</v>
      </c>
      <c r="CA22" s="277">
        <v>0</v>
      </c>
      <c r="CB22" s="281">
        <v>0</v>
      </c>
      <c r="CC22" s="278">
        <v>0</v>
      </c>
      <c r="CD22" s="280">
        <v>0</v>
      </c>
      <c r="CE22" s="281">
        <v>5</v>
      </c>
      <c r="CF22" s="281">
        <v>33</v>
      </c>
      <c r="CG22" s="281">
        <v>76</v>
      </c>
      <c r="CH22" s="281">
        <v>52</v>
      </c>
      <c r="CI22" s="281">
        <v>33</v>
      </c>
      <c r="CJ22" s="278">
        <v>199</v>
      </c>
      <c r="CK22" s="283">
        <v>199</v>
      </c>
      <c r="CL22" s="277">
        <v>0</v>
      </c>
      <c r="CM22" s="281">
        <v>0</v>
      </c>
      <c r="CN22" s="278">
        <v>0</v>
      </c>
      <c r="CO22" s="280">
        <v>0</v>
      </c>
      <c r="CP22" s="281">
        <v>0</v>
      </c>
      <c r="CQ22" s="281">
        <v>0</v>
      </c>
      <c r="CR22" s="281">
        <v>0</v>
      </c>
      <c r="CS22" s="281">
        <v>0</v>
      </c>
      <c r="CT22" s="281">
        <v>0</v>
      </c>
      <c r="CU22" s="278">
        <v>0</v>
      </c>
      <c r="CV22" s="283">
        <v>0</v>
      </c>
      <c r="CW22" s="277">
        <v>0</v>
      </c>
      <c r="CX22" s="281">
        <v>0</v>
      </c>
      <c r="CY22" s="278">
        <v>0</v>
      </c>
      <c r="CZ22" s="280">
        <v>0</v>
      </c>
      <c r="DA22" s="281">
        <v>0</v>
      </c>
      <c r="DB22" s="281">
        <v>0</v>
      </c>
      <c r="DC22" s="281">
        <v>0</v>
      </c>
      <c r="DD22" s="281">
        <v>0</v>
      </c>
      <c r="DE22" s="281">
        <v>0</v>
      </c>
      <c r="DF22" s="278">
        <v>0</v>
      </c>
      <c r="DG22" s="283">
        <v>0</v>
      </c>
    </row>
    <row r="23" spans="1:111" ht="18.75" customHeight="1" x14ac:dyDescent="0.2">
      <c r="A23" s="262" t="s">
        <v>21</v>
      </c>
      <c r="B23" s="277">
        <v>0</v>
      </c>
      <c r="C23" s="281">
        <v>0</v>
      </c>
      <c r="D23" s="385">
        <v>0</v>
      </c>
      <c r="E23" s="280">
        <v>0</v>
      </c>
      <c r="F23" s="281">
        <v>2690</v>
      </c>
      <c r="G23" s="281">
        <v>5756</v>
      </c>
      <c r="H23" s="281">
        <v>6095</v>
      </c>
      <c r="I23" s="281">
        <v>7245</v>
      </c>
      <c r="J23" s="281">
        <v>5048</v>
      </c>
      <c r="K23" s="282">
        <v>26834</v>
      </c>
      <c r="L23" s="283">
        <v>26834</v>
      </c>
      <c r="M23" s="277">
        <v>0</v>
      </c>
      <c r="N23" s="281">
        <v>0</v>
      </c>
      <c r="O23" s="278">
        <v>0</v>
      </c>
      <c r="P23" s="280">
        <v>0</v>
      </c>
      <c r="Q23" s="281">
        <v>0</v>
      </c>
      <c r="R23" s="281">
        <v>24</v>
      </c>
      <c r="S23" s="281">
        <v>93</v>
      </c>
      <c r="T23" s="281">
        <v>119</v>
      </c>
      <c r="U23" s="281">
        <v>212</v>
      </c>
      <c r="V23" s="278">
        <v>448</v>
      </c>
      <c r="W23" s="283">
        <v>448</v>
      </c>
      <c r="X23" s="277">
        <v>283</v>
      </c>
      <c r="Y23" s="281">
        <v>498</v>
      </c>
      <c r="Z23" s="278">
        <v>781</v>
      </c>
      <c r="AA23" s="280">
        <v>0</v>
      </c>
      <c r="AB23" s="281">
        <v>1506</v>
      </c>
      <c r="AC23" s="281">
        <v>2565</v>
      </c>
      <c r="AD23" s="281">
        <v>1381</v>
      </c>
      <c r="AE23" s="281">
        <v>1272</v>
      </c>
      <c r="AF23" s="281">
        <v>681</v>
      </c>
      <c r="AG23" s="278">
        <v>7405</v>
      </c>
      <c r="AH23" s="283">
        <v>8186</v>
      </c>
      <c r="AI23" s="277">
        <v>117</v>
      </c>
      <c r="AJ23" s="281">
        <v>302</v>
      </c>
      <c r="AK23" s="278">
        <v>419</v>
      </c>
      <c r="AL23" s="280">
        <v>0</v>
      </c>
      <c r="AM23" s="281">
        <v>194</v>
      </c>
      <c r="AN23" s="281">
        <v>405</v>
      </c>
      <c r="AO23" s="281">
        <v>155</v>
      </c>
      <c r="AP23" s="281">
        <v>229</v>
      </c>
      <c r="AQ23" s="281">
        <v>46</v>
      </c>
      <c r="AR23" s="278">
        <v>1029</v>
      </c>
      <c r="AS23" s="283">
        <v>1448</v>
      </c>
      <c r="AT23" s="277">
        <v>0</v>
      </c>
      <c r="AU23" s="281">
        <v>0</v>
      </c>
      <c r="AV23" s="278">
        <v>0</v>
      </c>
      <c r="AW23" s="280">
        <v>0</v>
      </c>
      <c r="AX23" s="281">
        <v>2431</v>
      </c>
      <c r="AY23" s="281">
        <v>3048</v>
      </c>
      <c r="AZ23" s="281">
        <v>1845</v>
      </c>
      <c r="BA23" s="281">
        <v>1176</v>
      </c>
      <c r="BB23" s="281">
        <v>377</v>
      </c>
      <c r="BC23" s="282">
        <v>8877</v>
      </c>
      <c r="BD23" s="283">
        <v>8877</v>
      </c>
      <c r="BE23" s="277">
        <v>0</v>
      </c>
      <c r="BF23" s="281">
        <v>0</v>
      </c>
      <c r="BG23" s="278">
        <v>0</v>
      </c>
      <c r="BH23" s="280">
        <v>0</v>
      </c>
      <c r="BI23" s="281">
        <v>392</v>
      </c>
      <c r="BJ23" s="281">
        <v>515</v>
      </c>
      <c r="BK23" s="281">
        <v>322</v>
      </c>
      <c r="BL23" s="281">
        <v>82</v>
      </c>
      <c r="BM23" s="281">
        <v>122</v>
      </c>
      <c r="BN23" s="278">
        <v>1433</v>
      </c>
      <c r="BO23" s="283">
        <v>1433</v>
      </c>
      <c r="BP23" s="277">
        <v>6</v>
      </c>
      <c r="BQ23" s="281">
        <v>21</v>
      </c>
      <c r="BR23" s="278">
        <v>27</v>
      </c>
      <c r="BS23" s="280">
        <v>0</v>
      </c>
      <c r="BT23" s="281">
        <v>220</v>
      </c>
      <c r="BU23" s="281">
        <v>447</v>
      </c>
      <c r="BV23" s="281">
        <v>1145</v>
      </c>
      <c r="BW23" s="281">
        <v>879</v>
      </c>
      <c r="BX23" s="281">
        <v>507</v>
      </c>
      <c r="BY23" s="278">
        <v>3198</v>
      </c>
      <c r="BZ23" s="283">
        <v>3225</v>
      </c>
      <c r="CA23" s="277">
        <v>0</v>
      </c>
      <c r="CB23" s="281">
        <v>0</v>
      </c>
      <c r="CC23" s="278">
        <v>0</v>
      </c>
      <c r="CD23" s="280">
        <v>0</v>
      </c>
      <c r="CE23" s="281">
        <v>12</v>
      </c>
      <c r="CF23" s="281">
        <v>29</v>
      </c>
      <c r="CG23" s="281">
        <v>29</v>
      </c>
      <c r="CH23" s="281">
        <v>3</v>
      </c>
      <c r="CI23" s="281">
        <v>40</v>
      </c>
      <c r="CJ23" s="278">
        <v>113</v>
      </c>
      <c r="CK23" s="283">
        <v>113</v>
      </c>
      <c r="CL23" s="277">
        <v>0</v>
      </c>
      <c r="CM23" s="281">
        <v>0</v>
      </c>
      <c r="CN23" s="278">
        <v>0</v>
      </c>
      <c r="CO23" s="280">
        <v>0</v>
      </c>
      <c r="CP23" s="281">
        <v>0</v>
      </c>
      <c r="CQ23" s="281">
        <v>0</v>
      </c>
      <c r="CR23" s="281">
        <v>0</v>
      </c>
      <c r="CS23" s="281">
        <v>0</v>
      </c>
      <c r="CT23" s="281">
        <v>0</v>
      </c>
      <c r="CU23" s="278">
        <v>0</v>
      </c>
      <c r="CV23" s="283">
        <v>0</v>
      </c>
      <c r="CW23" s="277">
        <v>0</v>
      </c>
      <c r="CX23" s="281">
        <v>0</v>
      </c>
      <c r="CY23" s="278">
        <v>0</v>
      </c>
      <c r="CZ23" s="280">
        <v>0</v>
      </c>
      <c r="DA23" s="281">
        <v>0</v>
      </c>
      <c r="DB23" s="281">
        <v>0</v>
      </c>
      <c r="DC23" s="281">
        <v>0</v>
      </c>
      <c r="DD23" s="281">
        <v>0</v>
      </c>
      <c r="DE23" s="281">
        <v>0</v>
      </c>
      <c r="DF23" s="278">
        <v>0</v>
      </c>
      <c r="DG23" s="283">
        <v>0</v>
      </c>
    </row>
    <row r="24" spans="1:111" ht="18.75" customHeight="1" x14ac:dyDescent="0.2">
      <c r="A24" s="262" t="s">
        <v>22</v>
      </c>
      <c r="B24" s="277">
        <v>0</v>
      </c>
      <c r="C24" s="281">
        <v>0</v>
      </c>
      <c r="D24" s="385">
        <v>0</v>
      </c>
      <c r="E24" s="280">
        <v>0</v>
      </c>
      <c r="F24" s="281">
        <v>651</v>
      </c>
      <c r="G24" s="281">
        <v>1084</v>
      </c>
      <c r="H24" s="281">
        <v>767</v>
      </c>
      <c r="I24" s="281">
        <v>1521</v>
      </c>
      <c r="J24" s="281">
        <v>1260</v>
      </c>
      <c r="K24" s="282">
        <v>5283</v>
      </c>
      <c r="L24" s="283">
        <v>5283</v>
      </c>
      <c r="M24" s="277">
        <v>0</v>
      </c>
      <c r="N24" s="281">
        <v>0</v>
      </c>
      <c r="O24" s="278">
        <v>0</v>
      </c>
      <c r="P24" s="280">
        <v>0</v>
      </c>
      <c r="Q24" s="281">
        <v>0</v>
      </c>
      <c r="R24" s="281">
        <v>4</v>
      </c>
      <c r="S24" s="281">
        <v>36</v>
      </c>
      <c r="T24" s="281">
        <v>54</v>
      </c>
      <c r="U24" s="281">
        <v>113</v>
      </c>
      <c r="V24" s="278">
        <v>207</v>
      </c>
      <c r="W24" s="283">
        <v>207</v>
      </c>
      <c r="X24" s="277">
        <v>17</v>
      </c>
      <c r="Y24" s="281">
        <v>69</v>
      </c>
      <c r="Z24" s="278">
        <v>86</v>
      </c>
      <c r="AA24" s="280">
        <v>0</v>
      </c>
      <c r="AB24" s="281">
        <v>281</v>
      </c>
      <c r="AC24" s="281">
        <v>585</v>
      </c>
      <c r="AD24" s="281">
        <v>183</v>
      </c>
      <c r="AE24" s="281">
        <v>256</v>
      </c>
      <c r="AF24" s="281">
        <v>288</v>
      </c>
      <c r="AG24" s="278">
        <v>1593</v>
      </c>
      <c r="AH24" s="283">
        <v>1679</v>
      </c>
      <c r="AI24" s="277">
        <v>0</v>
      </c>
      <c r="AJ24" s="281">
        <v>23</v>
      </c>
      <c r="AK24" s="278">
        <v>23</v>
      </c>
      <c r="AL24" s="280">
        <v>0</v>
      </c>
      <c r="AM24" s="281">
        <v>108</v>
      </c>
      <c r="AN24" s="281">
        <v>75</v>
      </c>
      <c r="AO24" s="281">
        <v>79</v>
      </c>
      <c r="AP24" s="281">
        <v>21</v>
      </c>
      <c r="AQ24" s="281">
        <v>62</v>
      </c>
      <c r="AR24" s="278">
        <v>345</v>
      </c>
      <c r="AS24" s="283">
        <v>368</v>
      </c>
      <c r="AT24" s="277">
        <v>0</v>
      </c>
      <c r="AU24" s="281">
        <v>0</v>
      </c>
      <c r="AV24" s="278">
        <v>0</v>
      </c>
      <c r="AW24" s="280">
        <v>0</v>
      </c>
      <c r="AX24" s="281">
        <v>1084</v>
      </c>
      <c r="AY24" s="281">
        <v>998</v>
      </c>
      <c r="AZ24" s="281">
        <v>425</v>
      </c>
      <c r="BA24" s="281">
        <v>311</v>
      </c>
      <c r="BB24" s="281">
        <v>185</v>
      </c>
      <c r="BC24" s="282">
        <v>3003</v>
      </c>
      <c r="BD24" s="283">
        <v>3003</v>
      </c>
      <c r="BE24" s="277">
        <v>0</v>
      </c>
      <c r="BF24" s="281">
        <v>0</v>
      </c>
      <c r="BG24" s="278">
        <v>0</v>
      </c>
      <c r="BH24" s="280">
        <v>0</v>
      </c>
      <c r="BI24" s="281">
        <v>142</v>
      </c>
      <c r="BJ24" s="281">
        <v>120</v>
      </c>
      <c r="BK24" s="281">
        <v>118</v>
      </c>
      <c r="BL24" s="281">
        <v>90</v>
      </c>
      <c r="BM24" s="281">
        <v>36</v>
      </c>
      <c r="BN24" s="278">
        <v>506</v>
      </c>
      <c r="BO24" s="283">
        <v>506</v>
      </c>
      <c r="BP24" s="277">
        <v>0</v>
      </c>
      <c r="BQ24" s="281">
        <v>36</v>
      </c>
      <c r="BR24" s="278">
        <v>36</v>
      </c>
      <c r="BS24" s="280">
        <v>0</v>
      </c>
      <c r="BT24" s="281">
        <v>59</v>
      </c>
      <c r="BU24" s="281">
        <v>158</v>
      </c>
      <c r="BV24" s="281">
        <v>448</v>
      </c>
      <c r="BW24" s="281">
        <v>199</v>
      </c>
      <c r="BX24" s="281">
        <v>81</v>
      </c>
      <c r="BY24" s="278">
        <v>945</v>
      </c>
      <c r="BZ24" s="283">
        <v>981</v>
      </c>
      <c r="CA24" s="277">
        <v>0</v>
      </c>
      <c r="CB24" s="281">
        <v>0</v>
      </c>
      <c r="CC24" s="278">
        <v>0</v>
      </c>
      <c r="CD24" s="280">
        <v>0</v>
      </c>
      <c r="CE24" s="281">
        <v>8</v>
      </c>
      <c r="CF24" s="281">
        <v>3</v>
      </c>
      <c r="CG24" s="281">
        <v>36</v>
      </c>
      <c r="CH24" s="281">
        <v>19</v>
      </c>
      <c r="CI24" s="281">
        <v>6</v>
      </c>
      <c r="CJ24" s="278">
        <v>72</v>
      </c>
      <c r="CK24" s="283">
        <v>72</v>
      </c>
      <c r="CL24" s="277">
        <v>0</v>
      </c>
      <c r="CM24" s="281">
        <v>0</v>
      </c>
      <c r="CN24" s="278">
        <v>0</v>
      </c>
      <c r="CO24" s="280">
        <v>0</v>
      </c>
      <c r="CP24" s="281">
        <v>0</v>
      </c>
      <c r="CQ24" s="281">
        <v>0</v>
      </c>
      <c r="CR24" s="281">
        <v>0</v>
      </c>
      <c r="CS24" s="281">
        <v>0</v>
      </c>
      <c r="CT24" s="281">
        <v>0</v>
      </c>
      <c r="CU24" s="278">
        <v>0</v>
      </c>
      <c r="CV24" s="283">
        <v>0</v>
      </c>
      <c r="CW24" s="277">
        <v>0</v>
      </c>
      <c r="CX24" s="281">
        <v>0</v>
      </c>
      <c r="CY24" s="278">
        <v>0</v>
      </c>
      <c r="CZ24" s="280">
        <v>0</v>
      </c>
      <c r="DA24" s="281">
        <v>0</v>
      </c>
      <c r="DB24" s="281">
        <v>0</v>
      </c>
      <c r="DC24" s="281">
        <v>0</v>
      </c>
      <c r="DD24" s="281">
        <v>0</v>
      </c>
      <c r="DE24" s="281">
        <v>0</v>
      </c>
      <c r="DF24" s="278">
        <v>0</v>
      </c>
      <c r="DG24" s="283">
        <v>0</v>
      </c>
    </row>
    <row r="25" spans="1:111" ht="18.75" customHeight="1" x14ac:dyDescent="0.2">
      <c r="A25" s="262" t="s">
        <v>23</v>
      </c>
      <c r="B25" s="277">
        <v>0</v>
      </c>
      <c r="C25" s="281">
        <v>0</v>
      </c>
      <c r="D25" s="385">
        <v>0</v>
      </c>
      <c r="E25" s="280">
        <v>0</v>
      </c>
      <c r="F25" s="281">
        <v>1202</v>
      </c>
      <c r="G25" s="281">
        <v>2062</v>
      </c>
      <c r="H25" s="281">
        <v>2337</v>
      </c>
      <c r="I25" s="281">
        <v>2055</v>
      </c>
      <c r="J25" s="281">
        <v>1793</v>
      </c>
      <c r="K25" s="282">
        <v>9449</v>
      </c>
      <c r="L25" s="283">
        <v>9449</v>
      </c>
      <c r="M25" s="277">
        <v>0</v>
      </c>
      <c r="N25" s="281">
        <v>0</v>
      </c>
      <c r="O25" s="278">
        <v>0</v>
      </c>
      <c r="P25" s="280">
        <v>0</v>
      </c>
      <c r="Q25" s="281">
        <v>13</v>
      </c>
      <c r="R25" s="281">
        <v>6</v>
      </c>
      <c r="S25" s="281">
        <v>46</v>
      </c>
      <c r="T25" s="281">
        <v>75</v>
      </c>
      <c r="U25" s="281">
        <v>59</v>
      </c>
      <c r="V25" s="278">
        <v>199</v>
      </c>
      <c r="W25" s="283">
        <v>199</v>
      </c>
      <c r="X25" s="277">
        <v>179</v>
      </c>
      <c r="Y25" s="281">
        <v>397</v>
      </c>
      <c r="Z25" s="278">
        <v>576</v>
      </c>
      <c r="AA25" s="280">
        <v>0</v>
      </c>
      <c r="AB25" s="281">
        <v>933</v>
      </c>
      <c r="AC25" s="281">
        <v>1466</v>
      </c>
      <c r="AD25" s="281">
        <v>812</v>
      </c>
      <c r="AE25" s="281">
        <v>751</v>
      </c>
      <c r="AF25" s="281">
        <v>483</v>
      </c>
      <c r="AG25" s="278">
        <v>4445</v>
      </c>
      <c r="AH25" s="283">
        <v>5021</v>
      </c>
      <c r="AI25" s="277">
        <v>24</v>
      </c>
      <c r="AJ25" s="281">
        <v>112</v>
      </c>
      <c r="AK25" s="278">
        <v>136</v>
      </c>
      <c r="AL25" s="280">
        <v>0</v>
      </c>
      <c r="AM25" s="281">
        <v>70</v>
      </c>
      <c r="AN25" s="281">
        <v>223</v>
      </c>
      <c r="AO25" s="281">
        <v>123</v>
      </c>
      <c r="AP25" s="281">
        <v>58</v>
      </c>
      <c r="AQ25" s="281">
        <v>28</v>
      </c>
      <c r="AR25" s="278">
        <v>502</v>
      </c>
      <c r="AS25" s="283">
        <v>638</v>
      </c>
      <c r="AT25" s="277">
        <v>0</v>
      </c>
      <c r="AU25" s="281">
        <v>0</v>
      </c>
      <c r="AV25" s="278">
        <v>0</v>
      </c>
      <c r="AW25" s="280">
        <v>0</v>
      </c>
      <c r="AX25" s="281">
        <v>2512</v>
      </c>
      <c r="AY25" s="281">
        <v>2348</v>
      </c>
      <c r="AZ25" s="281">
        <v>1270</v>
      </c>
      <c r="BA25" s="281">
        <v>962</v>
      </c>
      <c r="BB25" s="281">
        <v>365</v>
      </c>
      <c r="BC25" s="282">
        <v>7457</v>
      </c>
      <c r="BD25" s="283">
        <v>7457</v>
      </c>
      <c r="BE25" s="277">
        <v>0</v>
      </c>
      <c r="BF25" s="281">
        <v>0</v>
      </c>
      <c r="BG25" s="278">
        <v>0</v>
      </c>
      <c r="BH25" s="280">
        <v>0</v>
      </c>
      <c r="BI25" s="281">
        <v>301</v>
      </c>
      <c r="BJ25" s="281">
        <v>512</v>
      </c>
      <c r="BK25" s="281">
        <v>285</v>
      </c>
      <c r="BL25" s="281">
        <v>200</v>
      </c>
      <c r="BM25" s="281">
        <v>32</v>
      </c>
      <c r="BN25" s="278">
        <v>1330</v>
      </c>
      <c r="BO25" s="283">
        <v>1330</v>
      </c>
      <c r="BP25" s="277">
        <v>6</v>
      </c>
      <c r="BQ25" s="281">
        <v>4</v>
      </c>
      <c r="BR25" s="278">
        <v>10</v>
      </c>
      <c r="BS25" s="280">
        <v>0</v>
      </c>
      <c r="BT25" s="281">
        <v>148</v>
      </c>
      <c r="BU25" s="281">
        <v>266</v>
      </c>
      <c r="BV25" s="281">
        <v>319</v>
      </c>
      <c r="BW25" s="281">
        <v>604</v>
      </c>
      <c r="BX25" s="281">
        <v>180</v>
      </c>
      <c r="BY25" s="278">
        <v>1517</v>
      </c>
      <c r="BZ25" s="283">
        <v>1527</v>
      </c>
      <c r="CA25" s="277">
        <v>0</v>
      </c>
      <c r="CB25" s="281">
        <v>0</v>
      </c>
      <c r="CC25" s="278">
        <v>0</v>
      </c>
      <c r="CD25" s="280">
        <v>0</v>
      </c>
      <c r="CE25" s="281">
        <v>9</v>
      </c>
      <c r="CF25" s="281">
        <v>18</v>
      </c>
      <c r="CG25" s="281">
        <v>0</v>
      </c>
      <c r="CH25" s="281">
        <v>18</v>
      </c>
      <c r="CI25" s="281">
        <v>39</v>
      </c>
      <c r="CJ25" s="278">
        <v>84</v>
      </c>
      <c r="CK25" s="283">
        <v>84</v>
      </c>
      <c r="CL25" s="277">
        <v>0</v>
      </c>
      <c r="CM25" s="281">
        <v>0</v>
      </c>
      <c r="CN25" s="278">
        <v>0</v>
      </c>
      <c r="CO25" s="280">
        <v>0</v>
      </c>
      <c r="CP25" s="281">
        <v>0</v>
      </c>
      <c r="CQ25" s="281">
        <v>0</v>
      </c>
      <c r="CR25" s="281">
        <v>0</v>
      </c>
      <c r="CS25" s="281">
        <v>0</v>
      </c>
      <c r="CT25" s="281">
        <v>0</v>
      </c>
      <c r="CU25" s="278">
        <v>0</v>
      </c>
      <c r="CV25" s="283">
        <v>0</v>
      </c>
      <c r="CW25" s="277">
        <v>0</v>
      </c>
      <c r="CX25" s="281">
        <v>0</v>
      </c>
      <c r="CY25" s="278">
        <v>0</v>
      </c>
      <c r="CZ25" s="280">
        <v>0</v>
      </c>
      <c r="DA25" s="281">
        <v>0</v>
      </c>
      <c r="DB25" s="281">
        <v>0</v>
      </c>
      <c r="DC25" s="281">
        <v>0</v>
      </c>
      <c r="DD25" s="281">
        <v>0</v>
      </c>
      <c r="DE25" s="281">
        <v>0</v>
      </c>
      <c r="DF25" s="278">
        <v>0</v>
      </c>
      <c r="DG25" s="283">
        <v>0</v>
      </c>
    </row>
    <row r="26" spans="1:111" ht="18.75" customHeight="1" x14ac:dyDescent="0.2">
      <c r="A26" s="262" t="s">
        <v>24</v>
      </c>
      <c r="B26" s="277">
        <v>0</v>
      </c>
      <c r="C26" s="281">
        <v>0</v>
      </c>
      <c r="D26" s="385">
        <v>0</v>
      </c>
      <c r="E26" s="280">
        <v>0</v>
      </c>
      <c r="F26" s="281">
        <v>680</v>
      </c>
      <c r="G26" s="281">
        <v>906</v>
      </c>
      <c r="H26" s="281">
        <v>942</v>
      </c>
      <c r="I26" s="281">
        <v>1869</v>
      </c>
      <c r="J26" s="281">
        <v>1992</v>
      </c>
      <c r="K26" s="282">
        <v>6389</v>
      </c>
      <c r="L26" s="283">
        <v>6389</v>
      </c>
      <c r="M26" s="277">
        <v>0</v>
      </c>
      <c r="N26" s="281">
        <v>0</v>
      </c>
      <c r="O26" s="278">
        <v>0</v>
      </c>
      <c r="P26" s="280">
        <v>0</v>
      </c>
      <c r="Q26" s="281">
        <v>6</v>
      </c>
      <c r="R26" s="281">
        <v>12</v>
      </c>
      <c r="S26" s="281">
        <v>18</v>
      </c>
      <c r="T26" s="281">
        <v>25</v>
      </c>
      <c r="U26" s="281">
        <v>104</v>
      </c>
      <c r="V26" s="278">
        <v>165</v>
      </c>
      <c r="W26" s="283">
        <v>165</v>
      </c>
      <c r="X26" s="277">
        <v>36</v>
      </c>
      <c r="Y26" s="281">
        <v>106</v>
      </c>
      <c r="Z26" s="278">
        <v>142</v>
      </c>
      <c r="AA26" s="280">
        <v>0</v>
      </c>
      <c r="AB26" s="281">
        <v>539</v>
      </c>
      <c r="AC26" s="281">
        <v>454</v>
      </c>
      <c r="AD26" s="281">
        <v>378</v>
      </c>
      <c r="AE26" s="281">
        <v>335</v>
      </c>
      <c r="AF26" s="281">
        <v>345</v>
      </c>
      <c r="AG26" s="278">
        <v>2051</v>
      </c>
      <c r="AH26" s="283">
        <v>2193</v>
      </c>
      <c r="AI26" s="277">
        <v>12</v>
      </c>
      <c r="AJ26" s="281">
        <v>28</v>
      </c>
      <c r="AK26" s="278">
        <v>40</v>
      </c>
      <c r="AL26" s="280">
        <v>0</v>
      </c>
      <c r="AM26" s="281">
        <v>60</v>
      </c>
      <c r="AN26" s="281">
        <v>27</v>
      </c>
      <c r="AO26" s="281">
        <v>8</v>
      </c>
      <c r="AP26" s="281">
        <v>60</v>
      </c>
      <c r="AQ26" s="281">
        <v>60</v>
      </c>
      <c r="AR26" s="278">
        <v>215</v>
      </c>
      <c r="AS26" s="283">
        <v>255</v>
      </c>
      <c r="AT26" s="277">
        <v>0</v>
      </c>
      <c r="AU26" s="281">
        <v>0</v>
      </c>
      <c r="AV26" s="278">
        <v>0</v>
      </c>
      <c r="AW26" s="280">
        <v>0</v>
      </c>
      <c r="AX26" s="281">
        <v>943</v>
      </c>
      <c r="AY26" s="281">
        <v>635</v>
      </c>
      <c r="AZ26" s="281">
        <v>467</v>
      </c>
      <c r="BA26" s="281">
        <v>205</v>
      </c>
      <c r="BB26" s="281">
        <v>82</v>
      </c>
      <c r="BC26" s="282">
        <v>2332</v>
      </c>
      <c r="BD26" s="283">
        <v>2332</v>
      </c>
      <c r="BE26" s="277">
        <v>0</v>
      </c>
      <c r="BF26" s="281">
        <v>0</v>
      </c>
      <c r="BG26" s="278">
        <v>0</v>
      </c>
      <c r="BH26" s="280">
        <v>0</v>
      </c>
      <c r="BI26" s="281">
        <v>355</v>
      </c>
      <c r="BJ26" s="281">
        <v>262</v>
      </c>
      <c r="BK26" s="281">
        <v>151</v>
      </c>
      <c r="BL26" s="281">
        <v>80</v>
      </c>
      <c r="BM26" s="281">
        <v>107</v>
      </c>
      <c r="BN26" s="278">
        <v>955</v>
      </c>
      <c r="BO26" s="283">
        <v>955</v>
      </c>
      <c r="BP26" s="277">
        <v>0</v>
      </c>
      <c r="BQ26" s="281">
        <v>17</v>
      </c>
      <c r="BR26" s="278">
        <v>17</v>
      </c>
      <c r="BS26" s="280">
        <v>0</v>
      </c>
      <c r="BT26" s="281">
        <v>122</v>
      </c>
      <c r="BU26" s="281">
        <v>186</v>
      </c>
      <c r="BV26" s="281">
        <v>223</v>
      </c>
      <c r="BW26" s="281">
        <v>257</v>
      </c>
      <c r="BX26" s="281">
        <v>146</v>
      </c>
      <c r="BY26" s="278">
        <v>934</v>
      </c>
      <c r="BZ26" s="283">
        <v>951</v>
      </c>
      <c r="CA26" s="277">
        <v>0</v>
      </c>
      <c r="CB26" s="281">
        <v>0</v>
      </c>
      <c r="CC26" s="278">
        <v>0</v>
      </c>
      <c r="CD26" s="280">
        <v>0</v>
      </c>
      <c r="CE26" s="281">
        <v>5</v>
      </c>
      <c r="CF26" s="281">
        <v>13</v>
      </c>
      <c r="CG26" s="281">
        <v>6</v>
      </c>
      <c r="CH26" s="281">
        <v>10</v>
      </c>
      <c r="CI26" s="281">
        <v>9</v>
      </c>
      <c r="CJ26" s="278">
        <v>43</v>
      </c>
      <c r="CK26" s="283">
        <v>43</v>
      </c>
      <c r="CL26" s="277">
        <v>0</v>
      </c>
      <c r="CM26" s="281">
        <v>0</v>
      </c>
      <c r="CN26" s="278">
        <v>0</v>
      </c>
      <c r="CO26" s="280">
        <v>0</v>
      </c>
      <c r="CP26" s="281">
        <v>0</v>
      </c>
      <c r="CQ26" s="281">
        <v>0</v>
      </c>
      <c r="CR26" s="281">
        <v>0</v>
      </c>
      <c r="CS26" s="281">
        <v>0</v>
      </c>
      <c r="CT26" s="281">
        <v>0</v>
      </c>
      <c r="CU26" s="278">
        <v>0</v>
      </c>
      <c r="CV26" s="283">
        <v>0</v>
      </c>
      <c r="CW26" s="277">
        <v>0</v>
      </c>
      <c r="CX26" s="281">
        <v>0</v>
      </c>
      <c r="CY26" s="278">
        <v>0</v>
      </c>
      <c r="CZ26" s="280">
        <v>0</v>
      </c>
      <c r="DA26" s="281">
        <v>0</v>
      </c>
      <c r="DB26" s="281">
        <v>0</v>
      </c>
      <c r="DC26" s="281">
        <v>0</v>
      </c>
      <c r="DD26" s="281">
        <v>0</v>
      </c>
      <c r="DE26" s="281">
        <v>0</v>
      </c>
      <c r="DF26" s="278">
        <v>0</v>
      </c>
      <c r="DG26" s="283">
        <v>0</v>
      </c>
    </row>
    <row r="27" spans="1:111" ht="18.75" customHeight="1" x14ac:dyDescent="0.2">
      <c r="A27" s="262" t="s">
        <v>25</v>
      </c>
      <c r="B27" s="277">
        <v>0</v>
      </c>
      <c r="C27" s="281">
        <v>0</v>
      </c>
      <c r="D27" s="385">
        <v>0</v>
      </c>
      <c r="E27" s="280">
        <v>0</v>
      </c>
      <c r="F27" s="281">
        <v>1347</v>
      </c>
      <c r="G27" s="281">
        <v>893</v>
      </c>
      <c r="H27" s="281">
        <v>1528</v>
      </c>
      <c r="I27" s="281">
        <v>2062</v>
      </c>
      <c r="J27" s="281">
        <v>1822</v>
      </c>
      <c r="K27" s="282">
        <v>7652</v>
      </c>
      <c r="L27" s="283">
        <v>7652</v>
      </c>
      <c r="M27" s="277">
        <v>0</v>
      </c>
      <c r="N27" s="281">
        <v>0</v>
      </c>
      <c r="O27" s="278">
        <v>0</v>
      </c>
      <c r="P27" s="280">
        <v>0</v>
      </c>
      <c r="Q27" s="281">
        <v>-5</v>
      </c>
      <c r="R27" s="281">
        <v>40</v>
      </c>
      <c r="S27" s="281">
        <v>20</v>
      </c>
      <c r="T27" s="281">
        <v>118</v>
      </c>
      <c r="U27" s="281">
        <v>116</v>
      </c>
      <c r="V27" s="278">
        <v>289</v>
      </c>
      <c r="W27" s="283">
        <v>289</v>
      </c>
      <c r="X27" s="277">
        <v>83</v>
      </c>
      <c r="Y27" s="281">
        <v>198</v>
      </c>
      <c r="Z27" s="278">
        <v>281</v>
      </c>
      <c r="AA27" s="280">
        <v>0</v>
      </c>
      <c r="AB27" s="281">
        <v>525</v>
      </c>
      <c r="AC27" s="281">
        <v>515</v>
      </c>
      <c r="AD27" s="281">
        <v>288</v>
      </c>
      <c r="AE27" s="281">
        <v>255</v>
      </c>
      <c r="AF27" s="281">
        <v>261</v>
      </c>
      <c r="AG27" s="278">
        <v>1844</v>
      </c>
      <c r="AH27" s="283">
        <v>2125</v>
      </c>
      <c r="AI27" s="277">
        <v>14</v>
      </c>
      <c r="AJ27" s="281">
        <v>67</v>
      </c>
      <c r="AK27" s="278">
        <v>81</v>
      </c>
      <c r="AL27" s="280">
        <v>0</v>
      </c>
      <c r="AM27" s="281">
        <v>38</v>
      </c>
      <c r="AN27" s="281">
        <v>86</v>
      </c>
      <c r="AO27" s="281">
        <v>111</v>
      </c>
      <c r="AP27" s="281">
        <v>43</v>
      </c>
      <c r="AQ27" s="281">
        <v>83</v>
      </c>
      <c r="AR27" s="278">
        <v>361</v>
      </c>
      <c r="AS27" s="283">
        <v>442</v>
      </c>
      <c r="AT27" s="277">
        <v>0</v>
      </c>
      <c r="AU27" s="281">
        <v>0</v>
      </c>
      <c r="AV27" s="278">
        <v>0</v>
      </c>
      <c r="AW27" s="280">
        <v>0</v>
      </c>
      <c r="AX27" s="281">
        <v>1318</v>
      </c>
      <c r="AY27" s="281">
        <v>766</v>
      </c>
      <c r="AZ27" s="281">
        <v>335</v>
      </c>
      <c r="BA27" s="281">
        <v>608</v>
      </c>
      <c r="BB27" s="281">
        <v>90</v>
      </c>
      <c r="BC27" s="282">
        <v>3117</v>
      </c>
      <c r="BD27" s="283">
        <v>3117</v>
      </c>
      <c r="BE27" s="277">
        <v>0</v>
      </c>
      <c r="BF27" s="281">
        <v>0</v>
      </c>
      <c r="BG27" s="278">
        <v>0</v>
      </c>
      <c r="BH27" s="280">
        <v>0</v>
      </c>
      <c r="BI27" s="281">
        <v>282</v>
      </c>
      <c r="BJ27" s="281">
        <v>455</v>
      </c>
      <c r="BK27" s="281">
        <v>157</v>
      </c>
      <c r="BL27" s="281">
        <v>126</v>
      </c>
      <c r="BM27" s="281">
        <v>39</v>
      </c>
      <c r="BN27" s="278">
        <v>1059</v>
      </c>
      <c r="BO27" s="283">
        <v>1059</v>
      </c>
      <c r="BP27" s="277">
        <v>0</v>
      </c>
      <c r="BQ27" s="281">
        <v>11</v>
      </c>
      <c r="BR27" s="278">
        <v>11</v>
      </c>
      <c r="BS27" s="280">
        <v>0</v>
      </c>
      <c r="BT27" s="281">
        <v>113</v>
      </c>
      <c r="BU27" s="281">
        <v>167</v>
      </c>
      <c r="BV27" s="281">
        <v>103</v>
      </c>
      <c r="BW27" s="281">
        <v>134</v>
      </c>
      <c r="BX27" s="281">
        <v>52</v>
      </c>
      <c r="BY27" s="278">
        <v>569</v>
      </c>
      <c r="BZ27" s="283">
        <v>580</v>
      </c>
      <c r="CA27" s="277">
        <v>0</v>
      </c>
      <c r="CB27" s="281">
        <v>0</v>
      </c>
      <c r="CC27" s="278">
        <v>0</v>
      </c>
      <c r="CD27" s="280">
        <v>0</v>
      </c>
      <c r="CE27" s="281">
        <v>10</v>
      </c>
      <c r="CF27" s="281">
        <v>13</v>
      </c>
      <c r="CG27" s="281">
        <v>5</v>
      </c>
      <c r="CH27" s="281">
        <v>39</v>
      </c>
      <c r="CI27" s="281">
        <v>30</v>
      </c>
      <c r="CJ27" s="278">
        <v>97</v>
      </c>
      <c r="CK27" s="283">
        <v>97</v>
      </c>
      <c r="CL27" s="277">
        <v>0</v>
      </c>
      <c r="CM27" s="281">
        <v>0</v>
      </c>
      <c r="CN27" s="278">
        <v>0</v>
      </c>
      <c r="CO27" s="280">
        <v>0</v>
      </c>
      <c r="CP27" s="281">
        <v>0</v>
      </c>
      <c r="CQ27" s="281">
        <v>0</v>
      </c>
      <c r="CR27" s="281">
        <v>0</v>
      </c>
      <c r="CS27" s="281">
        <v>0</v>
      </c>
      <c r="CT27" s="281">
        <v>0</v>
      </c>
      <c r="CU27" s="278">
        <v>0</v>
      </c>
      <c r="CV27" s="283">
        <v>0</v>
      </c>
      <c r="CW27" s="277">
        <v>0</v>
      </c>
      <c r="CX27" s="281">
        <v>0</v>
      </c>
      <c r="CY27" s="278">
        <v>0</v>
      </c>
      <c r="CZ27" s="280">
        <v>0</v>
      </c>
      <c r="DA27" s="281">
        <v>0</v>
      </c>
      <c r="DB27" s="281">
        <v>0</v>
      </c>
      <c r="DC27" s="281">
        <v>0</v>
      </c>
      <c r="DD27" s="281">
        <v>0</v>
      </c>
      <c r="DE27" s="281">
        <v>0</v>
      </c>
      <c r="DF27" s="278">
        <v>0</v>
      </c>
      <c r="DG27" s="283">
        <v>0</v>
      </c>
    </row>
    <row r="28" spans="1:111" ht="18.75" customHeight="1" x14ac:dyDescent="0.2">
      <c r="A28" s="262" t="s">
        <v>26</v>
      </c>
      <c r="B28" s="277">
        <v>0</v>
      </c>
      <c r="C28" s="281">
        <v>0</v>
      </c>
      <c r="D28" s="385">
        <v>0</v>
      </c>
      <c r="E28" s="280">
        <v>0</v>
      </c>
      <c r="F28" s="281">
        <v>800</v>
      </c>
      <c r="G28" s="281">
        <v>1318</v>
      </c>
      <c r="H28" s="281">
        <v>890</v>
      </c>
      <c r="I28" s="281">
        <v>1682</v>
      </c>
      <c r="J28" s="281">
        <v>2105</v>
      </c>
      <c r="K28" s="282">
        <v>6795</v>
      </c>
      <c r="L28" s="283">
        <v>6795</v>
      </c>
      <c r="M28" s="277">
        <v>0</v>
      </c>
      <c r="N28" s="281">
        <v>0</v>
      </c>
      <c r="O28" s="278">
        <v>0</v>
      </c>
      <c r="P28" s="280">
        <v>0</v>
      </c>
      <c r="Q28" s="281">
        <v>0</v>
      </c>
      <c r="R28" s="281">
        <v>10</v>
      </c>
      <c r="S28" s="281">
        <v>23</v>
      </c>
      <c r="T28" s="281">
        <v>38</v>
      </c>
      <c r="U28" s="281">
        <v>89</v>
      </c>
      <c r="V28" s="278">
        <v>160</v>
      </c>
      <c r="W28" s="283">
        <v>160</v>
      </c>
      <c r="X28" s="277">
        <v>33</v>
      </c>
      <c r="Y28" s="281">
        <v>103</v>
      </c>
      <c r="Z28" s="278">
        <v>136</v>
      </c>
      <c r="AA28" s="280">
        <v>0</v>
      </c>
      <c r="AB28" s="281">
        <v>388</v>
      </c>
      <c r="AC28" s="281">
        <v>390</v>
      </c>
      <c r="AD28" s="281">
        <v>268</v>
      </c>
      <c r="AE28" s="281">
        <v>276</v>
      </c>
      <c r="AF28" s="281">
        <v>366</v>
      </c>
      <c r="AG28" s="278">
        <v>1688</v>
      </c>
      <c r="AH28" s="283">
        <v>1824</v>
      </c>
      <c r="AI28" s="277">
        <v>0</v>
      </c>
      <c r="AJ28" s="281">
        <v>0</v>
      </c>
      <c r="AK28" s="278">
        <v>0</v>
      </c>
      <c r="AL28" s="280">
        <v>0</v>
      </c>
      <c r="AM28" s="281">
        <v>103</v>
      </c>
      <c r="AN28" s="281">
        <v>75</v>
      </c>
      <c r="AO28" s="281">
        <v>0</v>
      </c>
      <c r="AP28" s="281">
        <v>2</v>
      </c>
      <c r="AQ28" s="281">
        <v>21</v>
      </c>
      <c r="AR28" s="278">
        <v>201</v>
      </c>
      <c r="AS28" s="283">
        <v>201</v>
      </c>
      <c r="AT28" s="277">
        <v>0</v>
      </c>
      <c r="AU28" s="281">
        <v>0</v>
      </c>
      <c r="AV28" s="278">
        <v>0</v>
      </c>
      <c r="AW28" s="280">
        <v>0</v>
      </c>
      <c r="AX28" s="281">
        <v>899</v>
      </c>
      <c r="AY28" s="281">
        <v>735</v>
      </c>
      <c r="AZ28" s="281">
        <v>469</v>
      </c>
      <c r="BA28" s="281">
        <v>202</v>
      </c>
      <c r="BB28" s="281">
        <v>169</v>
      </c>
      <c r="BC28" s="282">
        <v>2474</v>
      </c>
      <c r="BD28" s="283">
        <v>2474</v>
      </c>
      <c r="BE28" s="277">
        <v>0</v>
      </c>
      <c r="BF28" s="281">
        <v>0</v>
      </c>
      <c r="BG28" s="278">
        <v>0</v>
      </c>
      <c r="BH28" s="280">
        <v>0</v>
      </c>
      <c r="BI28" s="281">
        <v>135</v>
      </c>
      <c r="BJ28" s="281">
        <v>183</v>
      </c>
      <c r="BK28" s="281">
        <v>127</v>
      </c>
      <c r="BL28" s="281">
        <v>43</v>
      </c>
      <c r="BM28" s="281">
        <v>60</v>
      </c>
      <c r="BN28" s="278">
        <v>548</v>
      </c>
      <c r="BO28" s="283">
        <v>548</v>
      </c>
      <c r="BP28" s="277">
        <v>0</v>
      </c>
      <c r="BQ28" s="281">
        <v>17</v>
      </c>
      <c r="BR28" s="278">
        <v>17</v>
      </c>
      <c r="BS28" s="280">
        <v>0</v>
      </c>
      <c r="BT28" s="281">
        <v>47</v>
      </c>
      <c r="BU28" s="281">
        <v>52</v>
      </c>
      <c r="BV28" s="281">
        <v>115</v>
      </c>
      <c r="BW28" s="281">
        <v>169</v>
      </c>
      <c r="BX28" s="281">
        <v>124</v>
      </c>
      <c r="BY28" s="278">
        <v>507</v>
      </c>
      <c r="BZ28" s="283">
        <v>524</v>
      </c>
      <c r="CA28" s="277">
        <v>0</v>
      </c>
      <c r="CB28" s="281">
        <v>0</v>
      </c>
      <c r="CC28" s="278">
        <v>0</v>
      </c>
      <c r="CD28" s="280">
        <v>0</v>
      </c>
      <c r="CE28" s="281">
        <v>4</v>
      </c>
      <c r="CF28" s="281">
        <v>10</v>
      </c>
      <c r="CG28" s="281">
        <v>16</v>
      </c>
      <c r="CH28" s="281">
        <v>23</v>
      </c>
      <c r="CI28" s="281">
        <v>18</v>
      </c>
      <c r="CJ28" s="278">
        <v>71</v>
      </c>
      <c r="CK28" s="283">
        <v>71</v>
      </c>
      <c r="CL28" s="277">
        <v>0</v>
      </c>
      <c r="CM28" s="281">
        <v>0</v>
      </c>
      <c r="CN28" s="278">
        <v>0</v>
      </c>
      <c r="CO28" s="280">
        <v>0</v>
      </c>
      <c r="CP28" s="281">
        <v>0</v>
      </c>
      <c r="CQ28" s="281">
        <v>0</v>
      </c>
      <c r="CR28" s="281">
        <v>0</v>
      </c>
      <c r="CS28" s="281">
        <v>0</v>
      </c>
      <c r="CT28" s="281">
        <v>0</v>
      </c>
      <c r="CU28" s="278">
        <v>0</v>
      </c>
      <c r="CV28" s="283">
        <v>0</v>
      </c>
      <c r="CW28" s="277">
        <v>0</v>
      </c>
      <c r="CX28" s="281">
        <v>0</v>
      </c>
      <c r="CY28" s="278">
        <v>0</v>
      </c>
      <c r="CZ28" s="280">
        <v>0</v>
      </c>
      <c r="DA28" s="281">
        <v>0</v>
      </c>
      <c r="DB28" s="281">
        <v>0</v>
      </c>
      <c r="DC28" s="281">
        <v>0</v>
      </c>
      <c r="DD28" s="281">
        <v>0</v>
      </c>
      <c r="DE28" s="281">
        <v>0</v>
      </c>
      <c r="DF28" s="278">
        <v>0</v>
      </c>
      <c r="DG28" s="283">
        <v>0</v>
      </c>
    </row>
    <row r="29" spans="1:111" ht="18.75" customHeight="1" x14ac:dyDescent="0.2">
      <c r="A29" s="262" t="s">
        <v>27</v>
      </c>
      <c r="B29" s="277">
        <v>0</v>
      </c>
      <c r="C29" s="281">
        <v>0</v>
      </c>
      <c r="D29" s="385">
        <v>0</v>
      </c>
      <c r="E29" s="280">
        <v>0</v>
      </c>
      <c r="F29" s="281">
        <v>837</v>
      </c>
      <c r="G29" s="281">
        <v>730</v>
      </c>
      <c r="H29" s="281">
        <v>1215</v>
      </c>
      <c r="I29" s="281">
        <v>1278</v>
      </c>
      <c r="J29" s="281">
        <v>1247</v>
      </c>
      <c r="K29" s="282">
        <v>5307</v>
      </c>
      <c r="L29" s="283">
        <v>5307</v>
      </c>
      <c r="M29" s="277">
        <v>0</v>
      </c>
      <c r="N29" s="281">
        <v>0</v>
      </c>
      <c r="O29" s="278">
        <v>0</v>
      </c>
      <c r="P29" s="280">
        <v>0</v>
      </c>
      <c r="Q29" s="281">
        <v>0</v>
      </c>
      <c r="R29" s="281">
        <v>8</v>
      </c>
      <c r="S29" s="281">
        <v>18</v>
      </c>
      <c r="T29" s="281">
        <v>63</v>
      </c>
      <c r="U29" s="281">
        <v>73</v>
      </c>
      <c r="V29" s="278">
        <v>162</v>
      </c>
      <c r="W29" s="283">
        <v>162</v>
      </c>
      <c r="X29" s="277">
        <v>160</v>
      </c>
      <c r="Y29" s="281">
        <v>234</v>
      </c>
      <c r="Z29" s="278">
        <v>394</v>
      </c>
      <c r="AA29" s="280">
        <v>0</v>
      </c>
      <c r="AB29" s="281">
        <v>218</v>
      </c>
      <c r="AC29" s="281">
        <v>341</v>
      </c>
      <c r="AD29" s="281">
        <v>305</v>
      </c>
      <c r="AE29" s="281">
        <v>370</v>
      </c>
      <c r="AF29" s="281">
        <v>248</v>
      </c>
      <c r="AG29" s="278">
        <v>1482</v>
      </c>
      <c r="AH29" s="283">
        <v>1876</v>
      </c>
      <c r="AI29" s="277">
        <v>0</v>
      </c>
      <c r="AJ29" s="281">
        <v>29</v>
      </c>
      <c r="AK29" s="278">
        <v>29</v>
      </c>
      <c r="AL29" s="280">
        <v>0</v>
      </c>
      <c r="AM29" s="281">
        <v>0</v>
      </c>
      <c r="AN29" s="281">
        <v>15</v>
      </c>
      <c r="AO29" s="281">
        <v>9</v>
      </c>
      <c r="AP29" s="281">
        <v>0</v>
      </c>
      <c r="AQ29" s="281">
        <v>0</v>
      </c>
      <c r="AR29" s="278">
        <v>24</v>
      </c>
      <c r="AS29" s="283">
        <v>53</v>
      </c>
      <c r="AT29" s="277">
        <v>0</v>
      </c>
      <c r="AU29" s="281">
        <v>0</v>
      </c>
      <c r="AV29" s="278">
        <v>0</v>
      </c>
      <c r="AW29" s="280">
        <v>0</v>
      </c>
      <c r="AX29" s="281">
        <v>879</v>
      </c>
      <c r="AY29" s="281">
        <v>787</v>
      </c>
      <c r="AZ29" s="281">
        <v>397</v>
      </c>
      <c r="BA29" s="281">
        <v>297</v>
      </c>
      <c r="BB29" s="281">
        <v>136</v>
      </c>
      <c r="BC29" s="282">
        <v>2496</v>
      </c>
      <c r="BD29" s="283">
        <v>2496</v>
      </c>
      <c r="BE29" s="277">
        <v>0</v>
      </c>
      <c r="BF29" s="281">
        <v>0</v>
      </c>
      <c r="BG29" s="278">
        <v>0</v>
      </c>
      <c r="BH29" s="280">
        <v>0</v>
      </c>
      <c r="BI29" s="281">
        <v>162</v>
      </c>
      <c r="BJ29" s="281">
        <v>199</v>
      </c>
      <c r="BK29" s="281">
        <v>105</v>
      </c>
      <c r="BL29" s="281">
        <v>40</v>
      </c>
      <c r="BM29" s="281">
        <v>37</v>
      </c>
      <c r="BN29" s="278">
        <v>543</v>
      </c>
      <c r="BO29" s="283">
        <v>543</v>
      </c>
      <c r="BP29" s="277">
        <v>0</v>
      </c>
      <c r="BQ29" s="281">
        <v>8</v>
      </c>
      <c r="BR29" s="278">
        <v>8</v>
      </c>
      <c r="BS29" s="280">
        <v>0</v>
      </c>
      <c r="BT29" s="281">
        <v>106</v>
      </c>
      <c r="BU29" s="281">
        <v>134</v>
      </c>
      <c r="BV29" s="281">
        <v>93</v>
      </c>
      <c r="BW29" s="281">
        <v>168</v>
      </c>
      <c r="BX29" s="281">
        <v>32</v>
      </c>
      <c r="BY29" s="278">
        <v>533</v>
      </c>
      <c r="BZ29" s="283">
        <v>541</v>
      </c>
      <c r="CA29" s="277">
        <v>0</v>
      </c>
      <c r="CB29" s="281">
        <v>12</v>
      </c>
      <c r="CC29" s="278">
        <v>12</v>
      </c>
      <c r="CD29" s="280">
        <v>0</v>
      </c>
      <c r="CE29" s="281">
        <v>41</v>
      </c>
      <c r="CF29" s="281">
        <v>2</v>
      </c>
      <c r="CG29" s="281">
        <v>7</v>
      </c>
      <c r="CH29" s="281">
        <v>22</v>
      </c>
      <c r="CI29" s="281">
        <v>13</v>
      </c>
      <c r="CJ29" s="278">
        <v>85</v>
      </c>
      <c r="CK29" s="283">
        <v>97</v>
      </c>
      <c r="CL29" s="277">
        <v>0</v>
      </c>
      <c r="CM29" s="281">
        <v>0</v>
      </c>
      <c r="CN29" s="278">
        <v>0</v>
      </c>
      <c r="CO29" s="280">
        <v>0</v>
      </c>
      <c r="CP29" s="281">
        <v>0</v>
      </c>
      <c r="CQ29" s="281">
        <v>0</v>
      </c>
      <c r="CR29" s="281">
        <v>0</v>
      </c>
      <c r="CS29" s="281">
        <v>0</v>
      </c>
      <c r="CT29" s="281">
        <v>0</v>
      </c>
      <c r="CU29" s="278">
        <v>0</v>
      </c>
      <c r="CV29" s="283">
        <v>0</v>
      </c>
      <c r="CW29" s="277">
        <v>0</v>
      </c>
      <c r="CX29" s="281">
        <v>0</v>
      </c>
      <c r="CY29" s="278">
        <v>0</v>
      </c>
      <c r="CZ29" s="280">
        <v>0</v>
      </c>
      <c r="DA29" s="281">
        <v>0</v>
      </c>
      <c r="DB29" s="281">
        <v>0</v>
      </c>
      <c r="DC29" s="281">
        <v>0</v>
      </c>
      <c r="DD29" s="281">
        <v>0</v>
      </c>
      <c r="DE29" s="281">
        <v>0</v>
      </c>
      <c r="DF29" s="278">
        <v>0</v>
      </c>
      <c r="DG29" s="283">
        <v>0</v>
      </c>
    </row>
    <row r="30" spans="1:111" ht="18.75" customHeight="1" x14ac:dyDescent="0.2">
      <c r="A30" s="262" t="s">
        <v>28</v>
      </c>
      <c r="B30" s="277">
        <v>0</v>
      </c>
      <c r="C30" s="281">
        <v>0</v>
      </c>
      <c r="D30" s="385">
        <v>0</v>
      </c>
      <c r="E30" s="280">
        <v>0</v>
      </c>
      <c r="F30" s="281">
        <v>178</v>
      </c>
      <c r="G30" s="281">
        <v>252</v>
      </c>
      <c r="H30" s="281">
        <v>114</v>
      </c>
      <c r="I30" s="281">
        <v>71</v>
      </c>
      <c r="J30" s="281">
        <v>299</v>
      </c>
      <c r="K30" s="282">
        <v>914</v>
      </c>
      <c r="L30" s="283">
        <v>914</v>
      </c>
      <c r="M30" s="277">
        <v>0</v>
      </c>
      <c r="N30" s="281">
        <v>0</v>
      </c>
      <c r="O30" s="278">
        <v>0</v>
      </c>
      <c r="P30" s="280">
        <v>0</v>
      </c>
      <c r="Q30" s="281">
        <v>0</v>
      </c>
      <c r="R30" s="281">
        <v>0</v>
      </c>
      <c r="S30" s="281">
        <v>4</v>
      </c>
      <c r="T30" s="281">
        <v>11</v>
      </c>
      <c r="U30" s="281">
        <v>12</v>
      </c>
      <c r="V30" s="278">
        <v>27</v>
      </c>
      <c r="W30" s="283">
        <v>27</v>
      </c>
      <c r="X30" s="277">
        <v>11</v>
      </c>
      <c r="Y30" s="281">
        <v>16</v>
      </c>
      <c r="Z30" s="278">
        <v>27</v>
      </c>
      <c r="AA30" s="280">
        <v>0</v>
      </c>
      <c r="AB30" s="281">
        <v>51</v>
      </c>
      <c r="AC30" s="281">
        <v>139</v>
      </c>
      <c r="AD30" s="281">
        <v>78</v>
      </c>
      <c r="AE30" s="281">
        <v>79</v>
      </c>
      <c r="AF30" s="281">
        <v>116</v>
      </c>
      <c r="AG30" s="278">
        <v>463</v>
      </c>
      <c r="AH30" s="283">
        <v>490</v>
      </c>
      <c r="AI30" s="277">
        <v>0</v>
      </c>
      <c r="AJ30" s="281">
        <v>0</v>
      </c>
      <c r="AK30" s="278">
        <v>0</v>
      </c>
      <c r="AL30" s="280">
        <v>0</v>
      </c>
      <c r="AM30" s="281">
        <v>65</v>
      </c>
      <c r="AN30" s="281">
        <v>0</v>
      </c>
      <c r="AO30" s="281">
        <v>0</v>
      </c>
      <c r="AP30" s="281">
        <v>3</v>
      </c>
      <c r="AQ30" s="281">
        <v>21</v>
      </c>
      <c r="AR30" s="278">
        <v>89</v>
      </c>
      <c r="AS30" s="283">
        <v>89</v>
      </c>
      <c r="AT30" s="277">
        <v>0</v>
      </c>
      <c r="AU30" s="281">
        <v>0</v>
      </c>
      <c r="AV30" s="278">
        <v>0</v>
      </c>
      <c r="AW30" s="280">
        <v>0</v>
      </c>
      <c r="AX30" s="281">
        <v>270</v>
      </c>
      <c r="AY30" s="281">
        <v>325</v>
      </c>
      <c r="AZ30" s="281">
        <v>183</v>
      </c>
      <c r="BA30" s="281">
        <v>144</v>
      </c>
      <c r="BB30" s="281">
        <v>88</v>
      </c>
      <c r="BC30" s="282">
        <v>1010</v>
      </c>
      <c r="BD30" s="283">
        <v>1010</v>
      </c>
      <c r="BE30" s="277">
        <v>0</v>
      </c>
      <c r="BF30" s="281">
        <v>0</v>
      </c>
      <c r="BG30" s="278">
        <v>0</v>
      </c>
      <c r="BH30" s="280">
        <v>0</v>
      </c>
      <c r="BI30" s="281">
        <v>15</v>
      </c>
      <c r="BJ30" s="281">
        <v>92</v>
      </c>
      <c r="BK30" s="281">
        <v>62</v>
      </c>
      <c r="BL30" s="281">
        <v>59</v>
      </c>
      <c r="BM30" s="281">
        <v>45</v>
      </c>
      <c r="BN30" s="278">
        <v>273</v>
      </c>
      <c r="BO30" s="283">
        <v>273</v>
      </c>
      <c r="BP30" s="277">
        <v>0</v>
      </c>
      <c r="BQ30" s="281">
        <v>4</v>
      </c>
      <c r="BR30" s="278">
        <v>4</v>
      </c>
      <c r="BS30" s="280">
        <v>0</v>
      </c>
      <c r="BT30" s="281">
        <v>3</v>
      </c>
      <c r="BU30" s="281">
        <v>12</v>
      </c>
      <c r="BV30" s="281">
        <v>84</v>
      </c>
      <c r="BW30" s="281">
        <v>47</v>
      </c>
      <c r="BX30" s="281">
        <v>18</v>
      </c>
      <c r="BY30" s="278">
        <v>164</v>
      </c>
      <c r="BZ30" s="283">
        <v>168</v>
      </c>
      <c r="CA30" s="277">
        <v>0</v>
      </c>
      <c r="CB30" s="281">
        <v>0</v>
      </c>
      <c r="CC30" s="278">
        <v>0</v>
      </c>
      <c r="CD30" s="280">
        <v>0</v>
      </c>
      <c r="CE30" s="281">
        <v>4</v>
      </c>
      <c r="CF30" s="281">
        <v>8</v>
      </c>
      <c r="CG30" s="281">
        <v>11</v>
      </c>
      <c r="CH30" s="281">
        <v>10</v>
      </c>
      <c r="CI30" s="281">
        <v>3</v>
      </c>
      <c r="CJ30" s="278">
        <v>36</v>
      </c>
      <c r="CK30" s="283">
        <v>36</v>
      </c>
      <c r="CL30" s="277">
        <v>0</v>
      </c>
      <c r="CM30" s="281">
        <v>0</v>
      </c>
      <c r="CN30" s="278">
        <v>0</v>
      </c>
      <c r="CO30" s="280">
        <v>0</v>
      </c>
      <c r="CP30" s="281">
        <v>0</v>
      </c>
      <c r="CQ30" s="281">
        <v>0</v>
      </c>
      <c r="CR30" s="281">
        <v>0</v>
      </c>
      <c r="CS30" s="281">
        <v>0</v>
      </c>
      <c r="CT30" s="281">
        <v>0</v>
      </c>
      <c r="CU30" s="278">
        <v>0</v>
      </c>
      <c r="CV30" s="283">
        <v>0</v>
      </c>
      <c r="CW30" s="277">
        <v>0</v>
      </c>
      <c r="CX30" s="281">
        <v>0</v>
      </c>
      <c r="CY30" s="278">
        <v>0</v>
      </c>
      <c r="CZ30" s="280">
        <v>0</v>
      </c>
      <c r="DA30" s="281">
        <v>0</v>
      </c>
      <c r="DB30" s="281">
        <v>0</v>
      </c>
      <c r="DC30" s="281">
        <v>0</v>
      </c>
      <c r="DD30" s="281">
        <v>0</v>
      </c>
      <c r="DE30" s="281">
        <v>0</v>
      </c>
      <c r="DF30" s="278">
        <v>0</v>
      </c>
      <c r="DG30" s="283">
        <v>0</v>
      </c>
    </row>
    <row r="31" spans="1:111" ht="18.75" customHeight="1" x14ac:dyDescent="0.2">
      <c r="A31" s="262" t="s">
        <v>29</v>
      </c>
      <c r="B31" s="277">
        <v>0</v>
      </c>
      <c r="C31" s="281">
        <v>0</v>
      </c>
      <c r="D31" s="385">
        <v>0</v>
      </c>
      <c r="E31" s="280">
        <v>0</v>
      </c>
      <c r="F31" s="281">
        <v>203</v>
      </c>
      <c r="G31" s="281">
        <v>356</v>
      </c>
      <c r="H31" s="281">
        <v>320</v>
      </c>
      <c r="I31" s="281">
        <v>711</v>
      </c>
      <c r="J31" s="281">
        <v>516</v>
      </c>
      <c r="K31" s="282">
        <v>2106</v>
      </c>
      <c r="L31" s="283">
        <v>2106</v>
      </c>
      <c r="M31" s="277">
        <v>0</v>
      </c>
      <c r="N31" s="281">
        <v>0</v>
      </c>
      <c r="O31" s="278">
        <v>0</v>
      </c>
      <c r="P31" s="280">
        <v>0</v>
      </c>
      <c r="Q31" s="281">
        <v>9</v>
      </c>
      <c r="R31" s="281">
        <v>17</v>
      </c>
      <c r="S31" s="281">
        <v>4</v>
      </c>
      <c r="T31" s="281">
        <v>2</v>
      </c>
      <c r="U31" s="281">
        <v>26</v>
      </c>
      <c r="V31" s="278">
        <v>58</v>
      </c>
      <c r="W31" s="283">
        <v>58</v>
      </c>
      <c r="X31" s="277">
        <v>4</v>
      </c>
      <c r="Y31" s="281">
        <v>38</v>
      </c>
      <c r="Z31" s="278">
        <v>42</v>
      </c>
      <c r="AA31" s="280">
        <v>0</v>
      </c>
      <c r="AB31" s="281">
        <v>99</v>
      </c>
      <c r="AC31" s="281">
        <v>115</v>
      </c>
      <c r="AD31" s="281">
        <v>137</v>
      </c>
      <c r="AE31" s="281">
        <v>70</v>
      </c>
      <c r="AF31" s="281">
        <v>71</v>
      </c>
      <c r="AG31" s="278">
        <v>492</v>
      </c>
      <c r="AH31" s="283">
        <v>534</v>
      </c>
      <c r="AI31" s="277">
        <v>0</v>
      </c>
      <c r="AJ31" s="281">
        <v>9</v>
      </c>
      <c r="AK31" s="278">
        <v>9</v>
      </c>
      <c r="AL31" s="280">
        <v>0</v>
      </c>
      <c r="AM31" s="281">
        <v>24</v>
      </c>
      <c r="AN31" s="281">
        <v>24</v>
      </c>
      <c r="AO31" s="281">
        <v>0</v>
      </c>
      <c r="AP31" s="281">
        <v>28</v>
      </c>
      <c r="AQ31" s="281">
        <v>0</v>
      </c>
      <c r="AR31" s="278">
        <v>76</v>
      </c>
      <c r="AS31" s="283">
        <v>85</v>
      </c>
      <c r="AT31" s="277">
        <v>0</v>
      </c>
      <c r="AU31" s="281">
        <v>0</v>
      </c>
      <c r="AV31" s="278">
        <v>0</v>
      </c>
      <c r="AW31" s="280">
        <v>0</v>
      </c>
      <c r="AX31" s="281">
        <v>340</v>
      </c>
      <c r="AY31" s="281">
        <v>304</v>
      </c>
      <c r="AZ31" s="281">
        <v>204</v>
      </c>
      <c r="BA31" s="281">
        <v>195</v>
      </c>
      <c r="BB31" s="281">
        <v>59</v>
      </c>
      <c r="BC31" s="282">
        <v>1102</v>
      </c>
      <c r="BD31" s="283">
        <v>1102</v>
      </c>
      <c r="BE31" s="277">
        <v>0</v>
      </c>
      <c r="BF31" s="281">
        <v>0</v>
      </c>
      <c r="BG31" s="278">
        <v>0</v>
      </c>
      <c r="BH31" s="280">
        <v>0</v>
      </c>
      <c r="BI31" s="281">
        <v>113</v>
      </c>
      <c r="BJ31" s="281">
        <v>91</v>
      </c>
      <c r="BK31" s="281">
        <v>51</v>
      </c>
      <c r="BL31" s="281">
        <v>40</v>
      </c>
      <c r="BM31" s="281">
        <v>31</v>
      </c>
      <c r="BN31" s="278">
        <v>326</v>
      </c>
      <c r="BO31" s="283">
        <v>326</v>
      </c>
      <c r="BP31" s="277">
        <v>0</v>
      </c>
      <c r="BQ31" s="281">
        <v>0</v>
      </c>
      <c r="BR31" s="278">
        <v>0</v>
      </c>
      <c r="BS31" s="280">
        <v>0</v>
      </c>
      <c r="BT31" s="281">
        <v>12</v>
      </c>
      <c r="BU31" s="281">
        <v>51</v>
      </c>
      <c r="BV31" s="281">
        <v>130</v>
      </c>
      <c r="BW31" s="281">
        <v>74</v>
      </c>
      <c r="BX31" s="281">
        <v>86</v>
      </c>
      <c r="BY31" s="278">
        <v>353</v>
      </c>
      <c r="BZ31" s="283">
        <v>353</v>
      </c>
      <c r="CA31" s="277">
        <v>0</v>
      </c>
      <c r="CB31" s="281">
        <v>0</v>
      </c>
      <c r="CC31" s="278">
        <v>0</v>
      </c>
      <c r="CD31" s="280">
        <v>0</v>
      </c>
      <c r="CE31" s="281">
        <v>0</v>
      </c>
      <c r="CF31" s="281">
        <v>8</v>
      </c>
      <c r="CG31" s="281">
        <v>3</v>
      </c>
      <c r="CH31" s="281">
        <v>6</v>
      </c>
      <c r="CI31" s="281">
        <v>17</v>
      </c>
      <c r="CJ31" s="278">
        <v>34</v>
      </c>
      <c r="CK31" s="283">
        <v>34</v>
      </c>
      <c r="CL31" s="277">
        <v>0</v>
      </c>
      <c r="CM31" s="281">
        <v>0</v>
      </c>
      <c r="CN31" s="278">
        <v>0</v>
      </c>
      <c r="CO31" s="280">
        <v>0</v>
      </c>
      <c r="CP31" s="281">
        <v>0</v>
      </c>
      <c r="CQ31" s="281">
        <v>0</v>
      </c>
      <c r="CR31" s="281">
        <v>0</v>
      </c>
      <c r="CS31" s="281">
        <v>0</v>
      </c>
      <c r="CT31" s="281">
        <v>0</v>
      </c>
      <c r="CU31" s="278">
        <v>0</v>
      </c>
      <c r="CV31" s="283">
        <v>0</v>
      </c>
      <c r="CW31" s="277">
        <v>0</v>
      </c>
      <c r="CX31" s="281">
        <v>0</v>
      </c>
      <c r="CY31" s="278">
        <v>0</v>
      </c>
      <c r="CZ31" s="280">
        <v>0</v>
      </c>
      <c r="DA31" s="281">
        <v>0</v>
      </c>
      <c r="DB31" s="281">
        <v>0</v>
      </c>
      <c r="DC31" s="281">
        <v>0</v>
      </c>
      <c r="DD31" s="281">
        <v>0</v>
      </c>
      <c r="DE31" s="281">
        <v>0</v>
      </c>
      <c r="DF31" s="278">
        <v>0</v>
      </c>
      <c r="DG31" s="283">
        <v>0</v>
      </c>
    </row>
    <row r="32" spans="1:111" ht="18.75" customHeight="1" x14ac:dyDescent="0.2">
      <c r="A32" s="262" t="s">
        <v>30</v>
      </c>
      <c r="B32" s="277">
        <v>0</v>
      </c>
      <c r="C32" s="281">
        <v>0</v>
      </c>
      <c r="D32" s="385">
        <v>0</v>
      </c>
      <c r="E32" s="280">
        <v>0</v>
      </c>
      <c r="F32" s="281">
        <v>145</v>
      </c>
      <c r="G32" s="281">
        <v>360</v>
      </c>
      <c r="H32" s="281">
        <v>617</v>
      </c>
      <c r="I32" s="281">
        <v>608</v>
      </c>
      <c r="J32" s="281">
        <v>468</v>
      </c>
      <c r="K32" s="282">
        <v>2198</v>
      </c>
      <c r="L32" s="283">
        <v>2198</v>
      </c>
      <c r="M32" s="277">
        <v>0</v>
      </c>
      <c r="N32" s="281">
        <v>0</v>
      </c>
      <c r="O32" s="278">
        <v>0</v>
      </c>
      <c r="P32" s="280">
        <v>0</v>
      </c>
      <c r="Q32" s="281">
        <v>5</v>
      </c>
      <c r="R32" s="281">
        <v>3</v>
      </c>
      <c r="S32" s="281">
        <v>12</v>
      </c>
      <c r="T32" s="281">
        <v>34</v>
      </c>
      <c r="U32" s="281">
        <v>33</v>
      </c>
      <c r="V32" s="278">
        <v>87</v>
      </c>
      <c r="W32" s="283">
        <v>87</v>
      </c>
      <c r="X32" s="277">
        <v>22</v>
      </c>
      <c r="Y32" s="281">
        <v>30</v>
      </c>
      <c r="Z32" s="278">
        <v>52</v>
      </c>
      <c r="AA32" s="280">
        <v>0</v>
      </c>
      <c r="AB32" s="281">
        <v>142</v>
      </c>
      <c r="AC32" s="281">
        <v>168</v>
      </c>
      <c r="AD32" s="281">
        <v>147</v>
      </c>
      <c r="AE32" s="281">
        <v>103</v>
      </c>
      <c r="AF32" s="281">
        <v>37</v>
      </c>
      <c r="AG32" s="278">
        <v>597</v>
      </c>
      <c r="AH32" s="283">
        <v>649</v>
      </c>
      <c r="AI32" s="277">
        <v>0</v>
      </c>
      <c r="AJ32" s="281">
        <v>0</v>
      </c>
      <c r="AK32" s="278">
        <v>0</v>
      </c>
      <c r="AL32" s="280">
        <v>0</v>
      </c>
      <c r="AM32" s="281">
        <v>33</v>
      </c>
      <c r="AN32" s="281">
        <v>0</v>
      </c>
      <c r="AO32" s="281">
        <v>12</v>
      </c>
      <c r="AP32" s="281">
        <v>12</v>
      </c>
      <c r="AQ32" s="281">
        <v>0</v>
      </c>
      <c r="AR32" s="278">
        <v>57</v>
      </c>
      <c r="AS32" s="283">
        <v>57</v>
      </c>
      <c r="AT32" s="277">
        <v>0</v>
      </c>
      <c r="AU32" s="281">
        <v>0</v>
      </c>
      <c r="AV32" s="278">
        <v>0</v>
      </c>
      <c r="AW32" s="280">
        <v>0</v>
      </c>
      <c r="AX32" s="281">
        <v>308</v>
      </c>
      <c r="AY32" s="281">
        <v>192</v>
      </c>
      <c r="AZ32" s="281">
        <v>281</v>
      </c>
      <c r="BA32" s="281">
        <v>115</v>
      </c>
      <c r="BB32" s="281">
        <v>5</v>
      </c>
      <c r="BC32" s="282">
        <v>901</v>
      </c>
      <c r="BD32" s="283">
        <v>901</v>
      </c>
      <c r="BE32" s="277">
        <v>0</v>
      </c>
      <c r="BF32" s="281">
        <v>0</v>
      </c>
      <c r="BG32" s="278">
        <v>0</v>
      </c>
      <c r="BH32" s="280">
        <v>0</v>
      </c>
      <c r="BI32" s="281">
        <v>43</v>
      </c>
      <c r="BJ32" s="281">
        <v>77</v>
      </c>
      <c r="BK32" s="281">
        <v>42</v>
      </c>
      <c r="BL32" s="281">
        <v>48</v>
      </c>
      <c r="BM32" s="281">
        <v>0</v>
      </c>
      <c r="BN32" s="278">
        <v>210</v>
      </c>
      <c r="BO32" s="283">
        <v>210</v>
      </c>
      <c r="BP32" s="277">
        <v>0</v>
      </c>
      <c r="BQ32" s="281">
        <v>0</v>
      </c>
      <c r="BR32" s="278">
        <v>0</v>
      </c>
      <c r="BS32" s="280">
        <v>0</v>
      </c>
      <c r="BT32" s="281">
        <v>18</v>
      </c>
      <c r="BU32" s="281">
        <v>16</v>
      </c>
      <c r="BV32" s="281">
        <v>92</v>
      </c>
      <c r="BW32" s="281">
        <v>104</v>
      </c>
      <c r="BX32" s="281">
        <v>22</v>
      </c>
      <c r="BY32" s="278">
        <v>252</v>
      </c>
      <c r="BZ32" s="283">
        <v>252</v>
      </c>
      <c r="CA32" s="277">
        <v>0</v>
      </c>
      <c r="CB32" s="281">
        <v>0</v>
      </c>
      <c r="CC32" s="278">
        <v>0</v>
      </c>
      <c r="CD32" s="280">
        <v>0</v>
      </c>
      <c r="CE32" s="281">
        <v>0</v>
      </c>
      <c r="CF32" s="281">
        <v>3</v>
      </c>
      <c r="CG32" s="281">
        <v>3</v>
      </c>
      <c r="CH32" s="281">
        <v>13</v>
      </c>
      <c r="CI32" s="281">
        <v>8</v>
      </c>
      <c r="CJ32" s="278">
        <v>27</v>
      </c>
      <c r="CK32" s="283">
        <v>27</v>
      </c>
      <c r="CL32" s="277">
        <v>0</v>
      </c>
      <c r="CM32" s="281">
        <v>0</v>
      </c>
      <c r="CN32" s="278">
        <v>0</v>
      </c>
      <c r="CO32" s="280">
        <v>0</v>
      </c>
      <c r="CP32" s="281">
        <v>0</v>
      </c>
      <c r="CQ32" s="281">
        <v>0</v>
      </c>
      <c r="CR32" s="281">
        <v>0</v>
      </c>
      <c r="CS32" s="281">
        <v>0</v>
      </c>
      <c r="CT32" s="281">
        <v>0</v>
      </c>
      <c r="CU32" s="278">
        <v>0</v>
      </c>
      <c r="CV32" s="283">
        <v>0</v>
      </c>
      <c r="CW32" s="277">
        <v>0</v>
      </c>
      <c r="CX32" s="281">
        <v>0</v>
      </c>
      <c r="CY32" s="278">
        <v>0</v>
      </c>
      <c r="CZ32" s="280">
        <v>0</v>
      </c>
      <c r="DA32" s="281">
        <v>0</v>
      </c>
      <c r="DB32" s="281">
        <v>0</v>
      </c>
      <c r="DC32" s="281">
        <v>0</v>
      </c>
      <c r="DD32" s="281">
        <v>0</v>
      </c>
      <c r="DE32" s="281">
        <v>0</v>
      </c>
      <c r="DF32" s="278">
        <v>0</v>
      </c>
      <c r="DG32" s="283">
        <v>0</v>
      </c>
    </row>
    <row r="33" spans="1:111" ht="18.75" customHeight="1" x14ac:dyDescent="0.2">
      <c r="A33" s="262" t="s">
        <v>31</v>
      </c>
      <c r="B33" s="277">
        <v>0</v>
      </c>
      <c r="C33" s="281">
        <v>0</v>
      </c>
      <c r="D33" s="385">
        <v>0</v>
      </c>
      <c r="E33" s="280">
        <v>0</v>
      </c>
      <c r="F33" s="281">
        <v>204</v>
      </c>
      <c r="G33" s="281">
        <v>170</v>
      </c>
      <c r="H33" s="281">
        <v>47</v>
      </c>
      <c r="I33" s="281">
        <v>89</v>
      </c>
      <c r="J33" s="281">
        <v>274</v>
      </c>
      <c r="K33" s="282">
        <v>784</v>
      </c>
      <c r="L33" s="283">
        <v>784</v>
      </c>
      <c r="M33" s="277">
        <v>0</v>
      </c>
      <c r="N33" s="281">
        <v>0</v>
      </c>
      <c r="O33" s="278">
        <v>0</v>
      </c>
      <c r="P33" s="280">
        <v>0</v>
      </c>
      <c r="Q33" s="281">
        <v>1</v>
      </c>
      <c r="R33" s="281">
        <v>10</v>
      </c>
      <c r="S33" s="281">
        <v>23</v>
      </c>
      <c r="T33" s="281">
        <v>44</v>
      </c>
      <c r="U33" s="281">
        <v>14</v>
      </c>
      <c r="V33" s="278">
        <v>92</v>
      </c>
      <c r="W33" s="283">
        <v>92</v>
      </c>
      <c r="X33" s="277">
        <v>10</v>
      </c>
      <c r="Y33" s="281">
        <v>17</v>
      </c>
      <c r="Z33" s="278">
        <v>27</v>
      </c>
      <c r="AA33" s="280">
        <v>0</v>
      </c>
      <c r="AB33" s="281">
        <v>63</v>
      </c>
      <c r="AC33" s="281">
        <v>114</v>
      </c>
      <c r="AD33" s="281">
        <v>106</v>
      </c>
      <c r="AE33" s="281">
        <v>82</v>
      </c>
      <c r="AF33" s="281">
        <v>53</v>
      </c>
      <c r="AG33" s="278">
        <v>418</v>
      </c>
      <c r="AH33" s="283">
        <v>445</v>
      </c>
      <c r="AI33" s="277">
        <v>0</v>
      </c>
      <c r="AJ33" s="281">
        <v>15</v>
      </c>
      <c r="AK33" s="278">
        <v>15</v>
      </c>
      <c r="AL33" s="280">
        <v>0</v>
      </c>
      <c r="AM33" s="281">
        <v>12</v>
      </c>
      <c r="AN33" s="281">
        <v>74</v>
      </c>
      <c r="AO33" s="281">
        <v>59</v>
      </c>
      <c r="AP33" s="281">
        <v>66</v>
      </c>
      <c r="AQ33" s="281">
        <v>30</v>
      </c>
      <c r="AR33" s="278">
        <v>241</v>
      </c>
      <c r="AS33" s="283">
        <v>256</v>
      </c>
      <c r="AT33" s="277">
        <v>0</v>
      </c>
      <c r="AU33" s="281">
        <v>0</v>
      </c>
      <c r="AV33" s="278">
        <v>0</v>
      </c>
      <c r="AW33" s="280">
        <v>0</v>
      </c>
      <c r="AX33" s="281">
        <v>289</v>
      </c>
      <c r="AY33" s="281">
        <v>454</v>
      </c>
      <c r="AZ33" s="281">
        <v>240</v>
      </c>
      <c r="BA33" s="281">
        <v>169</v>
      </c>
      <c r="BB33" s="281">
        <v>31</v>
      </c>
      <c r="BC33" s="282">
        <v>1183</v>
      </c>
      <c r="BD33" s="283">
        <v>1183</v>
      </c>
      <c r="BE33" s="277">
        <v>0</v>
      </c>
      <c r="BF33" s="281">
        <v>0</v>
      </c>
      <c r="BG33" s="278">
        <v>0</v>
      </c>
      <c r="BH33" s="280">
        <v>0</v>
      </c>
      <c r="BI33" s="281">
        <v>23</v>
      </c>
      <c r="BJ33" s="281">
        <v>76</v>
      </c>
      <c r="BK33" s="281">
        <v>28</v>
      </c>
      <c r="BL33" s="281">
        <v>20</v>
      </c>
      <c r="BM33" s="281">
        <v>17</v>
      </c>
      <c r="BN33" s="278">
        <v>164</v>
      </c>
      <c r="BO33" s="283">
        <v>164</v>
      </c>
      <c r="BP33" s="277">
        <v>0</v>
      </c>
      <c r="BQ33" s="281">
        <v>0</v>
      </c>
      <c r="BR33" s="278">
        <v>0</v>
      </c>
      <c r="BS33" s="280">
        <v>0</v>
      </c>
      <c r="BT33" s="281">
        <v>21</v>
      </c>
      <c r="BU33" s="281">
        <v>142</v>
      </c>
      <c r="BV33" s="281">
        <v>267</v>
      </c>
      <c r="BW33" s="281">
        <v>112</v>
      </c>
      <c r="BX33" s="281">
        <v>14</v>
      </c>
      <c r="BY33" s="278">
        <v>556</v>
      </c>
      <c r="BZ33" s="283">
        <v>556</v>
      </c>
      <c r="CA33" s="277">
        <v>0</v>
      </c>
      <c r="CB33" s="281">
        <v>0</v>
      </c>
      <c r="CC33" s="278">
        <v>0</v>
      </c>
      <c r="CD33" s="280">
        <v>0</v>
      </c>
      <c r="CE33" s="281">
        <v>0</v>
      </c>
      <c r="CF33" s="281">
        <v>4</v>
      </c>
      <c r="CG33" s="281">
        <v>0</v>
      </c>
      <c r="CH33" s="281">
        <v>0</v>
      </c>
      <c r="CI33" s="281">
        <v>5</v>
      </c>
      <c r="CJ33" s="278">
        <v>9</v>
      </c>
      <c r="CK33" s="283">
        <v>9</v>
      </c>
      <c r="CL33" s="277">
        <v>0</v>
      </c>
      <c r="CM33" s="281">
        <v>0</v>
      </c>
      <c r="CN33" s="278">
        <v>0</v>
      </c>
      <c r="CO33" s="280">
        <v>0</v>
      </c>
      <c r="CP33" s="281">
        <v>0</v>
      </c>
      <c r="CQ33" s="281">
        <v>0</v>
      </c>
      <c r="CR33" s="281">
        <v>0</v>
      </c>
      <c r="CS33" s="281">
        <v>0</v>
      </c>
      <c r="CT33" s="281">
        <v>0</v>
      </c>
      <c r="CU33" s="278">
        <v>0</v>
      </c>
      <c r="CV33" s="283">
        <v>0</v>
      </c>
      <c r="CW33" s="277">
        <v>0</v>
      </c>
      <c r="CX33" s="281">
        <v>0</v>
      </c>
      <c r="CY33" s="278">
        <v>0</v>
      </c>
      <c r="CZ33" s="280">
        <v>0</v>
      </c>
      <c r="DA33" s="281">
        <v>0</v>
      </c>
      <c r="DB33" s="281">
        <v>0</v>
      </c>
      <c r="DC33" s="281">
        <v>0</v>
      </c>
      <c r="DD33" s="281">
        <v>0</v>
      </c>
      <c r="DE33" s="281">
        <v>0</v>
      </c>
      <c r="DF33" s="278">
        <v>0</v>
      </c>
      <c r="DG33" s="283">
        <v>0</v>
      </c>
    </row>
    <row r="34" spans="1:111" ht="18.75" customHeight="1" x14ac:dyDescent="0.2">
      <c r="A34" s="262" t="s">
        <v>32</v>
      </c>
      <c r="B34" s="277">
        <v>0</v>
      </c>
      <c r="C34" s="281">
        <v>0</v>
      </c>
      <c r="D34" s="385">
        <v>0</v>
      </c>
      <c r="E34" s="280">
        <v>0</v>
      </c>
      <c r="F34" s="281">
        <v>327</v>
      </c>
      <c r="G34" s="281">
        <v>190</v>
      </c>
      <c r="H34" s="281">
        <v>522</v>
      </c>
      <c r="I34" s="281">
        <v>415</v>
      </c>
      <c r="J34" s="281">
        <v>602</v>
      </c>
      <c r="K34" s="282">
        <v>2056</v>
      </c>
      <c r="L34" s="283">
        <v>2056</v>
      </c>
      <c r="M34" s="277">
        <v>0</v>
      </c>
      <c r="N34" s="281">
        <v>0</v>
      </c>
      <c r="O34" s="278">
        <v>0</v>
      </c>
      <c r="P34" s="280">
        <v>0</v>
      </c>
      <c r="Q34" s="281">
        <v>0</v>
      </c>
      <c r="R34" s="281">
        <v>4</v>
      </c>
      <c r="S34" s="281">
        <v>4</v>
      </c>
      <c r="T34" s="281">
        <v>4</v>
      </c>
      <c r="U34" s="281">
        <v>51</v>
      </c>
      <c r="V34" s="278">
        <v>63</v>
      </c>
      <c r="W34" s="283">
        <v>63</v>
      </c>
      <c r="X34" s="277">
        <v>22</v>
      </c>
      <c r="Y34" s="281">
        <v>51</v>
      </c>
      <c r="Z34" s="278">
        <v>73</v>
      </c>
      <c r="AA34" s="280">
        <v>0</v>
      </c>
      <c r="AB34" s="281">
        <v>171</v>
      </c>
      <c r="AC34" s="281">
        <v>194</v>
      </c>
      <c r="AD34" s="281">
        <v>172</v>
      </c>
      <c r="AE34" s="281">
        <v>103</v>
      </c>
      <c r="AF34" s="281">
        <v>85</v>
      </c>
      <c r="AG34" s="278">
        <v>725</v>
      </c>
      <c r="AH34" s="283">
        <v>798</v>
      </c>
      <c r="AI34" s="277">
        <v>2</v>
      </c>
      <c r="AJ34" s="281">
        <v>0</v>
      </c>
      <c r="AK34" s="278">
        <v>2</v>
      </c>
      <c r="AL34" s="280">
        <v>0</v>
      </c>
      <c r="AM34" s="281">
        <v>63</v>
      </c>
      <c r="AN34" s="281">
        <v>0</v>
      </c>
      <c r="AO34" s="281">
        <v>18</v>
      </c>
      <c r="AP34" s="281">
        <v>6</v>
      </c>
      <c r="AQ34" s="281">
        <v>30</v>
      </c>
      <c r="AR34" s="278">
        <v>117</v>
      </c>
      <c r="AS34" s="283">
        <v>119</v>
      </c>
      <c r="AT34" s="277">
        <v>0</v>
      </c>
      <c r="AU34" s="281">
        <v>0</v>
      </c>
      <c r="AV34" s="278">
        <v>0</v>
      </c>
      <c r="AW34" s="280">
        <v>0</v>
      </c>
      <c r="AX34" s="281">
        <v>511</v>
      </c>
      <c r="AY34" s="281">
        <v>512</v>
      </c>
      <c r="AZ34" s="281">
        <v>312</v>
      </c>
      <c r="BA34" s="281">
        <v>238</v>
      </c>
      <c r="BB34" s="281">
        <v>37</v>
      </c>
      <c r="BC34" s="282">
        <v>1610</v>
      </c>
      <c r="BD34" s="283">
        <v>1610</v>
      </c>
      <c r="BE34" s="277">
        <v>0</v>
      </c>
      <c r="BF34" s="281">
        <v>0</v>
      </c>
      <c r="BG34" s="278">
        <v>0</v>
      </c>
      <c r="BH34" s="280">
        <v>0</v>
      </c>
      <c r="BI34" s="281">
        <v>66</v>
      </c>
      <c r="BJ34" s="281">
        <v>81</v>
      </c>
      <c r="BK34" s="281">
        <v>36</v>
      </c>
      <c r="BL34" s="281">
        <v>33</v>
      </c>
      <c r="BM34" s="281">
        <v>31</v>
      </c>
      <c r="BN34" s="278">
        <v>247</v>
      </c>
      <c r="BO34" s="283">
        <v>247</v>
      </c>
      <c r="BP34" s="277">
        <v>0</v>
      </c>
      <c r="BQ34" s="281">
        <v>0</v>
      </c>
      <c r="BR34" s="278">
        <v>0</v>
      </c>
      <c r="BS34" s="280">
        <v>0</v>
      </c>
      <c r="BT34" s="281">
        <v>17</v>
      </c>
      <c r="BU34" s="281">
        <v>74</v>
      </c>
      <c r="BV34" s="281">
        <v>96</v>
      </c>
      <c r="BW34" s="281">
        <v>11</v>
      </c>
      <c r="BX34" s="281">
        <v>2</v>
      </c>
      <c r="BY34" s="278">
        <v>200</v>
      </c>
      <c r="BZ34" s="283">
        <v>200</v>
      </c>
      <c r="CA34" s="277">
        <v>0</v>
      </c>
      <c r="CB34" s="281">
        <v>0</v>
      </c>
      <c r="CC34" s="278">
        <v>0</v>
      </c>
      <c r="CD34" s="280">
        <v>0</v>
      </c>
      <c r="CE34" s="281">
        <v>0</v>
      </c>
      <c r="CF34" s="281">
        <v>0</v>
      </c>
      <c r="CG34" s="281">
        <v>0</v>
      </c>
      <c r="CH34" s="281">
        <v>14</v>
      </c>
      <c r="CI34" s="281">
        <v>12</v>
      </c>
      <c r="CJ34" s="278">
        <v>26</v>
      </c>
      <c r="CK34" s="283">
        <v>26</v>
      </c>
      <c r="CL34" s="277">
        <v>0</v>
      </c>
      <c r="CM34" s="281">
        <v>0</v>
      </c>
      <c r="CN34" s="278">
        <v>0</v>
      </c>
      <c r="CO34" s="280">
        <v>0</v>
      </c>
      <c r="CP34" s="281">
        <v>0</v>
      </c>
      <c r="CQ34" s="281">
        <v>0</v>
      </c>
      <c r="CR34" s="281">
        <v>0</v>
      </c>
      <c r="CS34" s="281">
        <v>0</v>
      </c>
      <c r="CT34" s="281">
        <v>0</v>
      </c>
      <c r="CU34" s="278">
        <v>0</v>
      </c>
      <c r="CV34" s="283">
        <v>0</v>
      </c>
      <c r="CW34" s="277">
        <v>0</v>
      </c>
      <c r="CX34" s="281">
        <v>0</v>
      </c>
      <c r="CY34" s="278">
        <v>0</v>
      </c>
      <c r="CZ34" s="280">
        <v>0</v>
      </c>
      <c r="DA34" s="281">
        <v>0</v>
      </c>
      <c r="DB34" s="281">
        <v>0</v>
      </c>
      <c r="DC34" s="281">
        <v>0</v>
      </c>
      <c r="DD34" s="281">
        <v>0</v>
      </c>
      <c r="DE34" s="281">
        <v>0</v>
      </c>
      <c r="DF34" s="278">
        <v>0</v>
      </c>
      <c r="DG34" s="283">
        <v>0</v>
      </c>
    </row>
    <row r="35" spans="1:111" ht="18.75" customHeight="1" x14ac:dyDescent="0.2">
      <c r="A35" s="262" t="s">
        <v>33</v>
      </c>
      <c r="B35" s="277">
        <v>0</v>
      </c>
      <c r="C35" s="281">
        <v>0</v>
      </c>
      <c r="D35" s="385">
        <v>0</v>
      </c>
      <c r="E35" s="280">
        <v>0</v>
      </c>
      <c r="F35" s="281">
        <v>235</v>
      </c>
      <c r="G35" s="281">
        <v>219</v>
      </c>
      <c r="H35" s="281">
        <v>288</v>
      </c>
      <c r="I35" s="281">
        <v>533</v>
      </c>
      <c r="J35" s="281">
        <v>567</v>
      </c>
      <c r="K35" s="282">
        <v>1842</v>
      </c>
      <c r="L35" s="283">
        <v>1842</v>
      </c>
      <c r="M35" s="277">
        <v>0</v>
      </c>
      <c r="N35" s="281">
        <v>0</v>
      </c>
      <c r="O35" s="278">
        <v>0</v>
      </c>
      <c r="P35" s="280">
        <v>0</v>
      </c>
      <c r="Q35" s="281">
        <v>6</v>
      </c>
      <c r="R35" s="281">
        <v>7</v>
      </c>
      <c r="S35" s="281">
        <v>9</v>
      </c>
      <c r="T35" s="281">
        <v>14</v>
      </c>
      <c r="U35" s="281">
        <v>24</v>
      </c>
      <c r="V35" s="278">
        <v>60</v>
      </c>
      <c r="W35" s="283">
        <v>60</v>
      </c>
      <c r="X35" s="277">
        <v>9</v>
      </c>
      <c r="Y35" s="281">
        <v>5</v>
      </c>
      <c r="Z35" s="278">
        <v>14</v>
      </c>
      <c r="AA35" s="280">
        <v>0</v>
      </c>
      <c r="AB35" s="281">
        <v>79</v>
      </c>
      <c r="AC35" s="281">
        <v>63</v>
      </c>
      <c r="AD35" s="281">
        <v>32</v>
      </c>
      <c r="AE35" s="281">
        <v>58</v>
      </c>
      <c r="AF35" s="281">
        <v>54</v>
      </c>
      <c r="AG35" s="278">
        <v>286</v>
      </c>
      <c r="AH35" s="283">
        <v>300</v>
      </c>
      <c r="AI35" s="277">
        <v>120</v>
      </c>
      <c r="AJ35" s="281">
        <v>308</v>
      </c>
      <c r="AK35" s="278">
        <v>428</v>
      </c>
      <c r="AL35" s="280">
        <v>0</v>
      </c>
      <c r="AM35" s="281">
        <v>373</v>
      </c>
      <c r="AN35" s="281">
        <v>229</v>
      </c>
      <c r="AO35" s="281">
        <v>56</v>
      </c>
      <c r="AP35" s="281">
        <v>95</v>
      </c>
      <c r="AQ35" s="281">
        <v>45</v>
      </c>
      <c r="AR35" s="278">
        <v>798</v>
      </c>
      <c r="AS35" s="283">
        <v>1226</v>
      </c>
      <c r="AT35" s="277">
        <v>0</v>
      </c>
      <c r="AU35" s="281">
        <v>0</v>
      </c>
      <c r="AV35" s="278">
        <v>0</v>
      </c>
      <c r="AW35" s="280">
        <v>0</v>
      </c>
      <c r="AX35" s="281">
        <v>95</v>
      </c>
      <c r="AY35" s="281">
        <v>43</v>
      </c>
      <c r="AZ35" s="281">
        <v>41</v>
      </c>
      <c r="BA35" s="281">
        <v>62</v>
      </c>
      <c r="BB35" s="281">
        <v>32</v>
      </c>
      <c r="BC35" s="282">
        <v>273</v>
      </c>
      <c r="BD35" s="283">
        <v>273</v>
      </c>
      <c r="BE35" s="277">
        <v>0</v>
      </c>
      <c r="BF35" s="281">
        <v>0</v>
      </c>
      <c r="BG35" s="278">
        <v>0</v>
      </c>
      <c r="BH35" s="280">
        <v>0</v>
      </c>
      <c r="BI35" s="281">
        <v>110</v>
      </c>
      <c r="BJ35" s="281">
        <v>120</v>
      </c>
      <c r="BK35" s="281">
        <v>38</v>
      </c>
      <c r="BL35" s="281">
        <v>16</v>
      </c>
      <c r="BM35" s="281">
        <v>16</v>
      </c>
      <c r="BN35" s="278">
        <v>300</v>
      </c>
      <c r="BO35" s="283">
        <v>300</v>
      </c>
      <c r="BP35" s="277">
        <v>0</v>
      </c>
      <c r="BQ35" s="281">
        <v>0</v>
      </c>
      <c r="BR35" s="278">
        <v>0</v>
      </c>
      <c r="BS35" s="280">
        <v>0</v>
      </c>
      <c r="BT35" s="281">
        <v>33</v>
      </c>
      <c r="BU35" s="281">
        <v>14</v>
      </c>
      <c r="BV35" s="281">
        <v>42</v>
      </c>
      <c r="BW35" s="281">
        <v>114</v>
      </c>
      <c r="BX35" s="281">
        <v>5</v>
      </c>
      <c r="BY35" s="278">
        <v>208</v>
      </c>
      <c r="BZ35" s="283">
        <v>208</v>
      </c>
      <c r="CA35" s="277">
        <v>0</v>
      </c>
      <c r="CB35" s="281">
        <v>0</v>
      </c>
      <c r="CC35" s="278">
        <v>0</v>
      </c>
      <c r="CD35" s="280">
        <v>0</v>
      </c>
      <c r="CE35" s="281">
        <v>21</v>
      </c>
      <c r="CF35" s="281">
        <v>21</v>
      </c>
      <c r="CG35" s="281">
        <v>18</v>
      </c>
      <c r="CH35" s="281">
        <v>11</v>
      </c>
      <c r="CI35" s="281">
        <v>0</v>
      </c>
      <c r="CJ35" s="278">
        <v>71</v>
      </c>
      <c r="CK35" s="283">
        <v>71</v>
      </c>
      <c r="CL35" s="277">
        <v>0</v>
      </c>
      <c r="CM35" s="281">
        <v>0</v>
      </c>
      <c r="CN35" s="278">
        <v>0</v>
      </c>
      <c r="CO35" s="280">
        <v>0</v>
      </c>
      <c r="CP35" s="281">
        <v>0</v>
      </c>
      <c r="CQ35" s="281">
        <v>0</v>
      </c>
      <c r="CR35" s="281">
        <v>0</v>
      </c>
      <c r="CS35" s="281">
        <v>0</v>
      </c>
      <c r="CT35" s="281">
        <v>0</v>
      </c>
      <c r="CU35" s="278">
        <v>0</v>
      </c>
      <c r="CV35" s="283">
        <v>0</v>
      </c>
      <c r="CW35" s="277">
        <v>0</v>
      </c>
      <c r="CX35" s="281">
        <v>0</v>
      </c>
      <c r="CY35" s="278">
        <v>0</v>
      </c>
      <c r="CZ35" s="280">
        <v>0</v>
      </c>
      <c r="DA35" s="281">
        <v>0</v>
      </c>
      <c r="DB35" s="281">
        <v>0</v>
      </c>
      <c r="DC35" s="281">
        <v>3</v>
      </c>
      <c r="DD35" s="281">
        <v>0</v>
      </c>
      <c r="DE35" s="281">
        <v>0</v>
      </c>
      <c r="DF35" s="278">
        <v>3</v>
      </c>
      <c r="DG35" s="283">
        <v>3</v>
      </c>
    </row>
    <row r="36" spans="1:111" ht="18.75" customHeight="1" x14ac:dyDescent="0.2">
      <c r="A36" s="262" t="s">
        <v>34</v>
      </c>
      <c r="B36" s="277">
        <v>0</v>
      </c>
      <c r="C36" s="281">
        <v>0</v>
      </c>
      <c r="D36" s="385">
        <v>0</v>
      </c>
      <c r="E36" s="280">
        <v>0</v>
      </c>
      <c r="F36" s="281">
        <v>183</v>
      </c>
      <c r="G36" s="281">
        <v>104</v>
      </c>
      <c r="H36" s="281">
        <v>366</v>
      </c>
      <c r="I36" s="281">
        <v>154</v>
      </c>
      <c r="J36" s="281">
        <v>115</v>
      </c>
      <c r="K36" s="282">
        <v>922</v>
      </c>
      <c r="L36" s="283">
        <v>922</v>
      </c>
      <c r="M36" s="277">
        <v>0</v>
      </c>
      <c r="N36" s="281">
        <v>0</v>
      </c>
      <c r="O36" s="278">
        <v>0</v>
      </c>
      <c r="P36" s="280">
        <v>0</v>
      </c>
      <c r="Q36" s="281">
        <v>0</v>
      </c>
      <c r="R36" s="281">
        <v>3</v>
      </c>
      <c r="S36" s="281">
        <v>0</v>
      </c>
      <c r="T36" s="281">
        <v>4</v>
      </c>
      <c r="U36" s="281">
        <v>29</v>
      </c>
      <c r="V36" s="278">
        <v>36</v>
      </c>
      <c r="W36" s="283">
        <v>36</v>
      </c>
      <c r="X36" s="277">
        <v>20</v>
      </c>
      <c r="Y36" s="281">
        <v>34</v>
      </c>
      <c r="Z36" s="278">
        <v>54</v>
      </c>
      <c r="AA36" s="280">
        <v>0</v>
      </c>
      <c r="AB36" s="281">
        <v>74</v>
      </c>
      <c r="AC36" s="281">
        <v>70</v>
      </c>
      <c r="AD36" s="281">
        <v>29</v>
      </c>
      <c r="AE36" s="281">
        <v>1</v>
      </c>
      <c r="AF36" s="281">
        <v>49</v>
      </c>
      <c r="AG36" s="278">
        <v>223</v>
      </c>
      <c r="AH36" s="283">
        <v>277</v>
      </c>
      <c r="AI36" s="277">
        <v>0</v>
      </c>
      <c r="AJ36" s="281">
        <v>7</v>
      </c>
      <c r="AK36" s="278">
        <v>7</v>
      </c>
      <c r="AL36" s="280">
        <v>0</v>
      </c>
      <c r="AM36" s="281">
        <v>75</v>
      </c>
      <c r="AN36" s="281">
        <v>53</v>
      </c>
      <c r="AO36" s="281">
        <v>18</v>
      </c>
      <c r="AP36" s="281">
        <v>12</v>
      </c>
      <c r="AQ36" s="281">
        <v>14</v>
      </c>
      <c r="AR36" s="278">
        <v>172</v>
      </c>
      <c r="AS36" s="283">
        <v>179</v>
      </c>
      <c r="AT36" s="277">
        <v>0</v>
      </c>
      <c r="AU36" s="281">
        <v>0</v>
      </c>
      <c r="AV36" s="278">
        <v>0</v>
      </c>
      <c r="AW36" s="280">
        <v>0</v>
      </c>
      <c r="AX36" s="281">
        <v>310</v>
      </c>
      <c r="AY36" s="281">
        <v>202</v>
      </c>
      <c r="AZ36" s="281">
        <v>213</v>
      </c>
      <c r="BA36" s="281">
        <v>122</v>
      </c>
      <c r="BB36" s="281">
        <v>29</v>
      </c>
      <c r="BC36" s="282">
        <v>876</v>
      </c>
      <c r="BD36" s="283">
        <v>876</v>
      </c>
      <c r="BE36" s="277">
        <v>0</v>
      </c>
      <c r="BF36" s="281">
        <v>0</v>
      </c>
      <c r="BG36" s="278">
        <v>0</v>
      </c>
      <c r="BH36" s="280">
        <v>0</v>
      </c>
      <c r="BI36" s="281">
        <v>63</v>
      </c>
      <c r="BJ36" s="281">
        <v>33</v>
      </c>
      <c r="BK36" s="281">
        <v>26</v>
      </c>
      <c r="BL36" s="281">
        <v>34</v>
      </c>
      <c r="BM36" s="281">
        <v>0</v>
      </c>
      <c r="BN36" s="278">
        <v>156</v>
      </c>
      <c r="BO36" s="283">
        <v>156</v>
      </c>
      <c r="BP36" s="277">
        <v>0</v>
      </c>
      <c r="BQ36" s="281">
        <v>3</v>
      </c>
      <c r="BR36" s="278">
        <v>3</v>
      </c>
      <c r="BS36" s="280">
        <v>0</v>
      </c>
      <c r="BT36" s="281">
        <v>15</v>
      </c>
      <c r="BU36" s="281">
        <v>0</v>
      </c>
      <c r="BV36" s="281">
        <v>15</v>
      </c>
      <c r="BW36" s="281">
        <v>94</v>
      </c>
      <c r="BX36" s="281">
        <v>0</v>
      </c>
      <c r="BY36" s="278">
        <v>124</v>
      </c>
      <c r="BZ36" s="283">
        <v>127</v>
      </c>
      <c r="CA36" s="277">
        <v>0</v>
      </c>
      <c r="CB36" s="281">
        <v>0</v>
      </c>
      <c r="CC36" s="278">
        <v>0</v>
      </c>
      <c r="CD36" s="280">
        <v>0</v>
      </c>
      <c r="CE36" s="281">
        <v>0</v>
      </c>
      <c r="CF36" s="281">
        <v>0</v>
      </c>
      <c r="CG36" s="281">
        <v>0</v>
      </c>
      <c r="CH36" s="281">
        <v>10</v>
      </c>
      <c r="CI36" s="281">
        <v>0</v>
      </c>
      <c r="CJ36" s="278">
        <v>10</v>
      </c>
      <c r="CK36" s="283">
        <v>10</v>
      </c>
      <c r="CL36" s="277">
        <v>0</v>
      </c>
      <c r="CM36" s="281">
        <v>0</v>
      </c>
      <c r="CN36" s="278">
        <v>0</v>
      </c>
      <c r="CO36" s="280">
        <v>0</v>
      </c>
      <c r="CP36" s="281">
        <v>0</v>
      </c>
      <c r="CQ36" s="281">
        <v>0</v>
      </c>
      <c r="CR36" s="281">
        <v>0</v>
      </c>
      <c r="CS36" s="281">
        <v>0</v>
      </c>
      <c r="CT36" s="281">
        <v>0</v>
      </c>
      <c r="CU36" s="278">
        <v>0</v>
      </c>
      <c r="CV36" s="283">
        <v>0</v>
      </c>
      <c r="CW36" s="277">
        <v>0</v>
      </c>
      <c r="CX36" s="281">
        <v>0</v>
      </c>
      <c r="CY36" s="278">
        <v>0</v>
      </c>
      <c r="CZ36" s="280">
        <v>0</v>
      </c>
      <c r="DA36" s="281">
        <v>0</v>
      </c>
      <c r="DB36" s="281">
        <v>0</v>
      </c>
      <c r="DC36" s="281">
        <v>0</v>
      </c>
      <c r="DD36" s="281">
        <v>0</v>
      </c>
      <c r="DE36" s="281">
        <v>0</v>
      </c>
      <c r="DF36" s="278">
        <v>0</v>
      </c>
      <c r="DG36" s="283">
        <v>0</v>
      </c>
    </row>
    <row r="37" spans="1:111" ht="18.75" customHeight="1" x14ac:dyDescent="0.2">
      <c r="A37" s="262" t="s">
        <v>35</v>
      </c>
      <c r="B37" s="277">
        <v>0</v>
      </c>
      <c r="C37" s="281">
        <v>0</v>
      </c>
      <c r="D37" s="385">
        <v>0</v>
      </c>
      <c r="E37" s="280">
        <v>0</v>
      </c>
      <c r="F37" s="281">
        <v>1034</v>
      </c>
      <c r="G37" s="281">
        <v>989</v>
      </c>
      <c r="H37" s="281">
        <v>1101</v>
      </c>
      <c r="I37" s="281">
        <v>1588</v>
      </c>
      <c r="J37" s="281">
        <v>1219</v>
      </c>
      <c r="K37" s="282">
        <v>5931</v>
      </c>
      <c r="L37" s="283">
        <v>5931</v>
      </c>
      <c r="M37" s="277">
        <v>0</v>
      </c>
      <c r="N37" s="281">
        <v>0</v>
      </c>
      <c r="O37" s="278">
        <v>0</v>
      </c>
      <c r="P37" s="280">
        <v>0</v>
      </c>
      <c r="Q37" s="281">
        <v>0</v>
      </c>
      <c r="R37" s="281">
        <v>29</v>
      </c>
      <c r="S37" s="281">
        <v>15</v>
      </c>
      <c r="T37" s="281">
        <v>50</v>
      </c>
      <c r="U37" s="281">
        <v>100</v>
      </c>
      <c r="V37" s="278">
        <v>194</v>
      </c>
      <c r="W37" s="283">
        <v>194</v>
      </c>
      <c r="X37" s="277">
        <v>3</v>
      </c>
      <c r="Y37" s="281">
        <v>30</v>
      </c>
      <c r="Z37" s="278">
        <v>33</v>
      </c>
      <c r="AA37" s="280">
        <v>0</v>
      </c>
      <c r="AB37" s="281">
        <v>247</v>
      </c>
      <c r="AC37" s="281">
        <v>315</v>
      </c>
      <c r="AD37" s="281">
        <v>148</v>
      </c>
      <c r="AE37" s="281">
        <v>165</v>
      </c>
      <c r="AF37" s="281">
        <v>93</v>
      </c>
      <c r="AG37" s="278">
        <v>968</v>
      </c>
      <c r="AH37" s="283">
        <v>1001</v>
      </c>
      <c r="AI37" s="277">
        <v>7</v>
      </c>
      <c r="AJ37" s="281">
        <v>18</v>
      </c>
      <c r="AK37" s="278">
        <v>25</v>
      </c>
      <c r="AL37" s="280">
        <v>0</v>
      </c>
      <c r="AM37" s="281">
        <v>226</v>
      </c>
      <c r="AN37" s="281">
        <v>152</v>
      </c>
      <c r="AO37" s="281">
        <v>90</v>
      </c>
      <c r="AP37" s="281">
        <v>56</v>
      </c>
      <c r="AQ37" s="281">
        <v>28</v>
      </c>
      <c r="AR37" s="278">
        <v>552</v>
      </c>
      <c r="AS37" s="283">
        <v>577</v>
      </c>
      <c r="AT37" s="277">
        <v>0</v>
      </c>
      <c r="AU37" s="281">
        <v>0</v>
      </c>
      <c r="AV37" s="278">
        <v>0</v>
      </c>
      <c r="AW37" s="280">
        <v>0</v>
      </c>
      <c r="AX37" s="281">
        <v>1333</v>
      </c>
      <c r="AY37" s="281">
        <v>1005</v>
      </c>
      <c r="AZ37" s="281">
        <v>709</v>
      </c>
      <c r="BA37" s="281">
        <v>349</v>
      </c>
      <c r="BB37" s="281">
        <v>197</v>
      </c>
      <c r="BC37" s="282">
        <v>3593</v>
      </c>
      <c r="BD37" s="283">
        <v>3593</v>
      </c>
      <c r="BE37" s="277">
        <v>0</v>
      </c>
      <c r="BF37" s="281">
        <v>0</v>
      </c>
      <c r="BG37" s="278">
        <v>0</v>
      </c>
      <c r="BH37" s="280">
        <v>0</v>
      </c>
      <c r="BI37" s="281">
        <v>411</v>
      </c>
      <c r="BJ37" s="281">
        <v>227</v>
      </c>
      <c r="BK37" s="281">
        <v>109</v>
      </c>
      <c r="BL37" s="281">
        <v>113</v>
      </c>
      <c r="BM37" s="281">
        <v>1</v>
      </c>
      <c r="BN37" s="278">
        <v>861</v>
      </c>
      <c r="BO37" s="283">
        <v>861</v>
      </c>
      <c r="BP37" s="277">
        <v>0</v>
      </c>
      <c r="BQ37" s="281">
        <v>0</v>
      </c>
      <c r="BR37" s="278">
        <v>0</v>
      </c>
      <c r="BS37" s="280">
        <v>0</v>
      </c>
      <c r="BT37" s="281">
        <v>-6</v>
      </c>
      <c r="BU37" s="281">
        <v>94</v>
      </c>
      <c r="BV37" s="281">
        <v>176</v>
      </c>
      <c r="BW37" s="281">
        <v>125</v>
      </c>
      <c r="BX37" s="281">
        <v>24</v>
      </c>
      <c r="BY37" s="278">
        <v>413</v>
      </c>
      <c r="BZ37" s="283">
        <v>413</v>
      </c>
      <c r="CA37" s="277">
        <v>0</v>
      </c>
      <c r="CB37" s="281">
        <v>0</v>
      </c>
      <c r="CC37" s="278">
        <v>0</v>
      </c>
      <c r="CD37" s="280">
        <v>0</v>
      </c>
      <c r="CE37" s="281">
        <v>12</v>
      </c>
      <c r="CF37" s="281">
        <v>3</v>
      </c>
      <c r="CG37" s="281">
        <v>4</v>
      </c>
      <c r="CH37" s="281">
        <v>7</v>
      </c>
      <c r="CI37" s="281">
        <v>0</v>
      </c>
      <c r="CJ37" s="278">
        <v>26</v>
      </c>
      <c r="CK37" s="283">
        <v>26</v>
      </c>
      <c r="CL37" s="277">
        <v>0</v>
      </c>
      <c r="CM37" s="281">
        <v>0</v>
      </c>
      <c r="CN37" s="278">
        <v>0</v>
      </c>
      <c r="CO37" s="280">
        <v>0</v>
      </c>
      <c r="CP37" s="281">
        <v>0</v>
      </c>
      <c r="CQ37" s="281">
        <v>0</v>
      </c>
      <c r="CR37" s="281">
        <v>0</v>
      </c>
      <c r="CS37" s="281">
        <v>0</v>
      </c>
      <c r="CT37" s="281">
        <v>0</v>
      </c>
      <c r="CU37" s="278">
        <v>0</v>
      </c>
      <c r="CV37" s="283">
        <v>0</v>
      </c>
      <c r="CW37" s="277">
        <v>0</v>
      </c>
      <c r="CX37" s="281">
        <v>0</v>
      </c>
      <c r="CY37" s="278">
        <v>0</v>
      </c>
      <c r="CZ37" s="280">
        <v>0</v>
      </c>
      <c r="DA37" s="281">
        <v>0</v>
      </c>
      <c r="DB37" s="281">
        <v>0</v>
      </c>
      <c r="DC37" s="281">
        <v>0</v>
      </c>
      <c r="DD37" s="281">
        <v>0</v>
      </c>
      <c r="DE37" s="281">
        <v>0</v>
      </c>
      <c r="DF37" s="278">
        <v>0</v>
      </c>
      <c r="DG37" s="283">
        <v>0</v>
      </c>
    </row>
    <row r="38" spans="1:111" ht="18.75" customHeight="1" x14ac:dyDescent="0.2">
      <c r="A38" s="262" t="s">
        <v>36</v>
      </c>
      <c r="B38" s="277">
        <v>0</v>
      </c>
      <c r="C38" s="281">
        <v>0</v>
      </c>
      <c r="D38" s="385">
        <v>0</v>
      </c>
      <c r="E38" s="280">
        <v>0</v>
      </c>
      <c r="F38" s="281">
        <v>838</v>
      </c>
      <c r="G38" s="281">
        <v>1233</v>
      </c>
      <c r="H38" s="281">
        <v>1861</v>
      </c>
      <c r="I38" s="281">
        <v>1625</v>
      </c>
      <c r="J38" s="281">
        <v>1483</v>
      </c>
      <c r="K38" s="282">
        <v>7040</v>
      </c>
      <c r="L38" s="283">
        <v>7040</v>
      </c>
      <c r="M38" s="277">
        <v>0</v>
      </c>
      <c r="N38" s="281">
        <v>1</v>
      </c>
      <c r="O38" s="278">
        <v>1</v>
      </c>
      <c r="P38" s="280">
        <v>0</v>
      </c>
      <c r="Q38" s="281">
        <v>10</v>
      </c>
      <c r="R38" s="281">
        <v>35</v>
      </c>
      <c r="S38" s="281">
        <v>9</v>
      </c>
      <c r="T38" s="281">
        <v>51</v>
      </c>
      <c r="U38" s="281">
        <v>51</v>
      </c>
      <c r="V38" s="278">
        <v>156</v>
      </c>
      <c r="W38" s="283">
        <v>157</v>
      </c>
      <c r="X38" s="277">
        <v>99</v>
      </c>
      <c r="Y38" s="281">
        <v>109</v>
      </c>
      <c r="Z38" s="278">
        <v>208</v>
      </c>
      <c r="AA38" s="280">
        <v>0</v>
      </c>
      <c r="AB38" s="281">
        <v>558</v>
      </c>
      <c r="AC38" s="281">
        <v>587</v>
      </c>
      <c r="AD38" s="281">
        <v>323</v>
      </c>
      <c r="AE38" s="281">
        <v>375</v>
      </c>
      <c r="AF38" s="281">
        <v>345</v>
      </c>
      <c r="AG38" s="278">
        <v>2188</v>
      </c>
      <c r="AH38" s="283">
        <v>2396</v>
      </c>
      <c r="AI38" s="277">
        <v>32</v>
      </c>
      <c r="AJ38" s="281">
        <v>30</v>
      </c>
      <c r="AK38" s="278">
        <v>62</v>
      </c>
      <c r="AL38" s="280">
        <v>0</v>
      </c>
      <c r="AM38" s="281">
        <v>93</v>
      </c>
      <c r="AN38" s="281">
        <v>123</v>
      </c>
      <c r="AO38" s="281">
        <v>102</v>
      </c>
      <c r="AP38" s="281">
        <v>86</v>
      </c>
      <c r="AQ38" s="281">
        <v>53</v>
      </c>
      <c r="AR38" s="278">
        <v>457</v>
      </c>
      <c r="AS38" s="283">
        <v>519</v>
      </c>
      <c r="AT38" s="277">
        <v>0</v>
      </c>
      <c r="AU38" s="281">
        <v>0</v>
      </c>
      <c r="AV38" s="278">
        <v>0</v>
      </c>
      <c r="AW38" s="280">
        <v>0</v>
      </c>
      <c r="AX38" s="281">
        <v>789</v>
      </c>
      <c r="AY38" s="281">
        <v>859</v>
      </c>
      <c r="AZ38" s="281">
        <v>694</v>
      </c>
      <c r="BA38" s="281">
        <v>257</v>
      </c>
      <c r="BB38" s="281">
        <v>149</v>
      </c>
      <c r="BC38" s="282">
        <v>2748</v>
      </c>
      <c r="BD38" s="283">
        <v>2748</v>
      </c>
      <c r="BE38" s="277">
        <v>0</v>
      </c>
      <c r="BF38" s="281">
        <v>0</v>
      </c>
      <c r="BG38" s="278">
        <v>0</v>
      </c>
      <c r="BH38" s="280">
        <v>0</v>
      </c>
      <c r="BI38" s="281">
        <v>229</v>
      </c>
      <c r="BJ38" s="281">
        <v>175</v>
      </c>
      <c r="BK38" s="281">
        <v>122</v>
      </c>
      <c r="BL38" s="281">
        <v>9</v>
      </c>
      <c r="BM38" s="281">
        <v>5</v>
      </c>
      <c r="BN38" s="278">
        <v>540</v>
      </c>
      <c r="BO38" s="283">
        <v>540</v>
      </c>
      <c r="BP38" s="277">
        <v>0</v>
      </c>
      <c r="BQ38" s="281">
        <v>6</v>
      </c>
      <c r="BR38" s="278">
        <v>6</v>
      </c>
      <c r="BS38" s="280">
        <v>0</v>
      </c>
      <c r="BT38" s="281">
        <v>122</v>
      </c>
      <c r="BU38" s="281">
        <v>177</v>
      </c>
      <c r="BV38" s="281">
        <v>317</v>
      </c>
      <c r="BW38" s="281">
        <v>98</v>
      </c>
      <c r="BX38" s="281">
        <v>128</v>
      </c>
      <c r="BY38" s="278">
        <v>842</v>
      </c>
      <c r="BZ38" s="283">
        <v>848</v>
      </c>
      <c r="CA38" s="277">
        <v>0</v>
      </c>
      <c r="CB38" s="281">
        <v>0</v>
      </c>
      <c r="CC38" s="278">
        <v>0</v>
      </c>
      <c r="CD38" s="280">
        <v>0</v>
      </c>
      <c r="CE38" s="281">
        <v>0</v>
      </c>
      <c r="CF38" s="281">
        <v>3</v>
      </c>
      <c r="CG38" s="281">
        <v>8</v>
      </c>
      <c r="CH38" s="281">
        <v>0</v>
      </c>
      <c r="CI38" s="281">
        <v>0</v>
      </c>
      <c r="CJ38" s="278">
        <v>11</v>
      </c>
      <c r="CK38" s="283">
        <v>11</v>
      </c>
      <c r="CL38" s="277">
        <v>0</v>
      </c>
      <c r="CM38" s="281">
        <v>0</v>
      </c>
      <c r="CN38" s="278">
        <v>0</v>
      </c>
      <c r="CO38" s="280">
        <v>0</v>
      </c>
      <c r="CP38" s="281">
        <v>0</v>
      </c>
      <c r="CQ38" s="281">
        <v>0</v>
      </c>
      <c r="CR38" s="281">
        <v>0</v>
      </c>
      <c r="CS38" s="281">
        <v>0</v>
      </c>
      <c r="CT38" s="281">
        <v>0</v>
      </c>
      <c r="CU38" s="278">
        <v>0</v>
      </c>
      <c r="CV38" s="283">
        <v>0</v>
      </c>
      <c r="CW38" s="277">
        <v>0</v>
      </c>
      <c r="CX38" s="281">
        <v>0</v>
      </c>
      <c r="CY38" s="278">
        <v>0</v>
      </c>
      <c r="CZ38" s="280">
        <v>0</v>
      </c>
      <c r="DA38" s="281">
        <v>0</v>
      </c>
      <c r="DB38" s="281">
        <v>0</v>
      </c>
      <c r="DC38" s="281">
        <v>0</v>
      </c>
      <c r="DD38" s="281">
        <v>0</v>
      </c>
      <c r="DE38" s="281">
        <v>0</v>
      </c>
      <c r="DF38" s="278">
        <v>0</v>
      </c>
      <c r="DG38" s="283">
        <v>0</v>
      </c>
    </row>
    <row r="39" spans="1:111" ht="18.75" customHeight="1" thickBot="1" x14ac:dyDescent="0.25">
      <c r="A39" s="263" t="s">
        <v>37</v>
      </c>
      <c r="B39" s="284">
        <v>0</v>
      </c>
      <c r="C39" s="288">
        <v>0</v>
      </c>
      <c r="D39" s="386">
        <v>0</v>
      </c>
      <c r="E39" s="287">
        <v>0</v>
      </c>
      <c r="F39" s="288">
        <v>22</v>
      </c>
      <c r="G39" s="288">
        <v>61</v>
      </c>
      <c r="H39" s="288">
        <v>28</v>
      </c>
      <c r="I39" s="288">
        <v>20</v>
      </c>
      <c r="J39" s="288">
        <v>85</v>
      </c>
      <c r="K39" s="289">
        <v>216</v>
      </c>
      <c r="L39" s="290">
        <v>216</v>
      </c>
      <c r="M39" s="284">
        <v>0</v>
      </c>
      <c r="N39" s="288">
        <v>0</v>
      </c>
      <c r="O39" s="285">
        <v>0</v>
      </c>
      <c r="P39" s="287">
        <v>0</v>
      </c>
      <c r="Q39" s="288">
        <v>0</v>
      </c>
      <c r="R39" s="288">
        <v>0</v>
      </c>
      <c r="S39" s="288">
        <v>9</v>
      </c>
      <c r="T39" s="288">
        <v>0</v>
      </c>
      <c r="U39" s="288">
        <v>0</v>
      </c>
      <c r="V39" s="285">
        <v>9</v>
      </c>
      <c r="W39" s="290">
        <v>9</v>
      </c>
      <c r="X39" s="284">
        <v>4</v>
      </c>
      <c r="Y39" s="288">
        <v>12</v>
      </c>
      <c r="Z39" s="285">
        <v>16</v>
      </c>
      <c r="AA39" s="287">
        <v>0</v>
      </c>
      <c r="AB39" s="288">
        <v>5</v>
      </c>
      <c r="AC39" s="288">
        <v>34</v>
      </c>
      <c r="AD39" s="288">
        <v>8</v>
      </c>
      <c r="AE39" s="288">
        <v>44</v>
      </c>
      <c r="AF39" s="288">
        <v>7</v>
      </c>
      <c r="AG39" s="285">
        <v>98</v>
      </c>
      <c r="AH39" s="290">
        <v>114</v>
      </c>
      <c r="AI39" s="284">
        <v>0</v>
      </c>
      <c r="AJ39" s="288">
        <v>0</v>
      </c>
      <c r="AK39" s="285">
        <v>0</v>
      </c>
      <c r="AL39" s="287">
        <v>0</v>
      </c>
      <c r="AM39" s="288">
        <v>24</v>
      </c>
      <c r="AN39" s="288">
        <v>12</v>
      </c>
      <c r="AO39" s="288">
        <v>50</v>
      </c>
      <c r="AP39" s="288">
        <v>12</v>
      </c>
      <c r="AQ39" s="288">
        <v>0</v>
      </c>
      <c r="AR39" s="285">
        <v>98</v>
      </c>
      <c r="AS39" s="290">
        <v>98</v>
      </c>
      <c r="AT39" s="284">
        <v>0</v>
      </c>
      <c r="AU39" s="288">
        <v>0</v>
      </c>
      <c r="AV39" s="285">
        <v>0</v>
      </c>
      <c r="AW39" s="287">
        <v>0</v>
      </c>
      <c r="AX39" s="288">
        <v>49</v>
      </c>
      <c r="AY39" s="288">
        <v>30</v>
      </c>
      <c r="AZ39" s="288">
        <v>25</v>
      </c>
      <c r="BA39" s="288">
        <v>5</v>
      </c>
      <c r="BB39" s="288">
        <v>7</v>
      </c>
      <c r="BC39" s="289">
        <v>116</v>
      </c>
      <c r="BD39" s="290">
        <v>116</v>
      </c>
      <c r="BE39" s="284">
        <v>0</v>
      </c>
      <c r="BF39" s="288">
        <v>0</v>
      </c>
      <c r="BG39" s="285">
        <v>0</v>
      </c>
      <c r="BH39" s="287">
        <v>0</v>
      </c>
      <c r="BI39" s="288">
        <v>51</v>
      </c>
      <c r="BJ39" s="288">
        <v>27</v>
      </c>
      <c r="BK39" s="288">
        <v>34</v>
      </c>
      <c r="BL39" s="288">
        <v>20</v>
      </c>
      <c r="BM39" s="288">
        <v>0</v>
      </c>
      <c r="BN39" s="285">
        <v>132</v>
      </c>
      <c r="BO39" s="290">
        <v>132</v>
      </c>
      <c r="BP39" s="284">
        <v>0</v>
      </c>
      <c r="BQ39" s="288">
        <v>0</v>
      </c>
      <c r="BR39" s="285">
        <v>0</v>
      </c>
      <c r="BS39" s="287">
        <v>0</v>
      </c>
      <c r="BT39" s="288">
        <v>8</v>
      </c>
      <c r="BU39" s="288">
        <v>3</v>
      </c>
      <c r="BV39" s="288">
        <v>37</v>
      </c>
      <c r="BW39" s="288">
        <v>12</v>
      </c>
      <c r="BX39" s="288">
        <v>11</v>
      </c>
      <c r="BY39" s="285">
        <v>71</v>
      </c>
      <c r="BZ39" s="290">
        <v>71</v>
      </c>
      <c r="CA39" s="284">
        <v>0</v>
      </c>
      <c r="CB39" s="288">
        <v>0</v>
      </c>
      <c r="CC39" s="285">
        <v>0</v>
      </c>
      <c r="CD39" s="287">
        <v>0</v>
      </c>
      <c r="CE39" s="288">
        <v>3</v>
      </c>
      <c r="CF39" s="288">
        <v>0</v>
      </c>
      <c r="CG39" s="288">
        <v>11</v>
      </c>
      <c r="CH39" s="288">
        <v>4</v>
      </c>
      <c r="CI39" s="288">
        <v>0</v>
      </c>
      <c r="CJ39" s="285">
        <v>18</v>
      </c>
      <c r="CK39" s="290">
        <v>18</v>
      </c>
      <c r="CL39" s="284">
        <v>0</v>
      </c>
      <c r="CM39" s="288">
        <v>0</v>
      </c>
      <c r="CN39" s="285">
        <v>0</v>
      </c>
      <c r="CO39" s="287">
        <v>0</v>
      </c>
      <c r="CP39" s="288">
        <v>0</v>
      </c>
      <c r="CQ39" s="288">
        <v>0</v>
      </c>
      <c r="CR39" s="288">
        <v>0</v>
      </c>
      <c r="CS39" s="288">
        <v>0</v>
      </c>
      <c r="CT39" s="288">
        <v>0</v>
      </c>
      <c r="CU39" s="285">
        <v>0</v>
      </c>
      <c r="CV39" s="290">
        <v>0</v>
      </c>
      <c r="CW39" s="284">
        <v>0</v>
      </c>
      <c r="CX39" s="288">
        <v>0</v>
      </c>
      <c r="CY39" s="285">
        <v>0</v>
      </c>
      <c r="CZ39" s="287">
        <v>0</v>
      </c>
      <c r="DA39" s="288">
        <v>0</v>
      </c>
      <c r="DB39" s="288">
        <v>0</v>
      </c>
      <c r="DC39" s="288">
        <v>0</v>
      </c>
      <c r="DD39" s="288">
        <v>0</v>
      </c>
      <c r="DE39" s="288">
        <v>0</v>
      </c>
      <c r="DF39" s="285">
        <v>0</v>
      </c>
      <c r="DG39" s="290">
        <v>0</v>
      </c>
    </row>
    <row r="40" spans="1:111" ht="27" customHeight="1" x14ac:dyDescent="0.2">
      <c r="B40" s="256" t="s">
        <v>127</v>
      </c>
    </row>
  </sheetData>
  <mergeCells count="43">
    <mergeCell ref="CW3:DG3"/>
    <mergeCell ref="CW4:CY4"/>
    <mergeCell ref="CZ4:DF4"/>
    <mergeCell ref="DG4:DG5"/>
    <mergeCell ref="A3:A5"/>
    <mergeCell ref="B3:L3"/>
    <mergeCell ref="B4:D4"/>
    <mergeCell ref="E4:K4"/>
    <mergeCell ref="L4:L5"/>
    <mergeCell ref="BD4:BD5"/>
    <mergeCell ref="M4:O4"/>
    <mergeCell ref="P4:V4"/>
    <mergeCell ref="W4:W5"/>
    <mergeCell ref="X4:Z4"/>
    <mergeCell ref="AA4:AG4"/>
    <mergeCell ref="AH4:AH5"/>
    <mergeCell ref="AI4:AK4"/>
    <mergeCell ref="AL4:AR4"/>
    <mergeCell ref="AS4:AS5"/>
    <mergeCell ref="AT4:AV4"/>
    <mergeCell ref="AW4:BC4"/>
    <mergeCell ref="CV4:CV5"/>
    <mergeCell ref="BE4:BG4"/>
    <mergeCell ref="BH4:BN4"/>
    <mergeCell ref="BO4:BO5"/>
    <mergeCell ref="BP4:BR4"/>
    <mergeCell ref="BS4:BY4"/>
    <mergeCell ref="BZ4:BZ5"/>
    <mergeCell ref="CA4:CC4"/>
    <mergeCell ref="CD4:CJ4"/>
    <mergeCell ref="CK4:CK5"/>
    <mergeCell ref="CL4:CN4"/>
    <mergeCell ref="CO4:CU4"/>
    <mergeCell ref="I1:J1"/>
    <mergeCell ref="L1:M1"/>
    <mergeCell ref="CA3:CK3"/>
    <mergeCell ref="CL3:CV3"/>
    <mergeCell ref="M3:W3"/>
    <mergeCell ref="X3:AH3"/>
    <mergeCell ref="AI3:AS3"/>
    <mergeCell ref="AT3:BD3"/>
    <mergeCell ref="BE3:BO3"/>
    <mergeCell ref="BP3:BZ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2-09-22T04:57:06Z</dcterms:modified>
</cp:coreProperties>
</file>